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fileSharing readOnlyRecommended="1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93\01企画G\23_統計\厚生労働省\01_介護保険事業状況報告\02_月報HP\"/>
    </mc:Choice>
  </mc:AlternateContent>
  <bookViews>
    <workbookView xWindow="240" yWindow="72" windowWidth="14940" windowHeight="8556" tabRatio="853"/>
  </bookViews>
  <sheets>
    <sheet name="第１表" sheetId="1" r:id="rId1"/>
    <sheet name="第２-1表" sheetId="8" r:id="rId2"/>
    <sheet name="第２-2表" sheetId="19" r:id="rId3"/>
    <sheet name="第２-3表" sheetId="28" r:id="rId4"/>
    <sheet name="第３-1表" sheetId="9" r:id="rId5"/>
    <sheet name="第３-2-1表" sheetId="10" r:id="rId6"/>
    <sheet name="第３-2-2表" sheetId="21" r:id="rId7"/>
    <sheet name="第３-2-3表 " sheetId="29" r:id="rId8"/>
    <sheet name="第3-3-1表" sheetId="11" r:id="rId9"/>
    <sheet name="第3-3-2表" sheetId="22" r:id="rId10"/>
    <sheet name="第3-3-3表 " sheetId="30" r:id="rId11"/>
    <sheet name="第４-1表" sheetId="4" r:id="rId12"/>
    <sheet name="第4-2-1表" sheetId="13" r:id="rId13"/>
    <sheet name="第4-2-2表" sheetId="23" r:id="rId14"/>
    <sheet name="第4-2-3表" sheetId="31" r:id="rId15"/>
    <sheet name="第4-3-1表" sheetId="14" r:id="rId16"/>
    <sheet name="第4-3-2表" sheetId="24" r:id="rId17"/>
    <sheet name="第4-3-3表" sheetId="32" r:id="rId18"/>
    <sheet name="第5-1表" sheetId="5" r:id="rId19"/>
    <sheet name="第5-2表" sheetId="25" r:id="rId20"/>
    <sheet name="第5-3表" sheetId="33" r:id="rId21"/>
    <sheet name="第６-1表" sheetId="6" r:id="rId22"/>
    <sheet name="第６-2表" sheetId="26" r:id="rId23"/>
    <sheet name="第６-3表 " sheetId="34" r:id="rId24"/>
    <sheet name="第7表" sheetId="18" r:id="rId25"/>
  </sheets>
  <definedNames>
    <definedName name="_xlnm.Print_Area" localSheetId="0">第１表!$A$1:$J$41</definedName>
    <definedName name="_xlnm.Print_Area" localSheetId="1">'第２-1表'!$A$1:$KM$41</definedName>
    <definedName name="_xlnm.Print_Area" localSheetId="2">'第２-2表'!$A$1:$KM$41</definedName>
    <definedName name="_xlnm.Print_Area" localSheetId="3">'第２-3表'!$A$1:$KM$41</definedName>
    <definedName name="_xlnm.Print_Area" localSheetId="8">'第3-3-1表'!$B$1:$CW$40</definedName>
    <definedName name="_xlnm.Print_Area" localSheetId="9">'第3-3-2表'!$B$1:$CW$40</definedName>
    <definedName name="_xlnm.Print_Area" localSheetId="10">'第3-3-3表 '!$B$1:$CW$40</definedName>
    <definedName name="_xlnm.Print_Titles" localSheetId="1">'第２-1表'!$B:$B,'第２-1表'!$1:$2</definedName>
    <definedName name="_xlnm.Print_Titles" localSheetId="2">'第２-2表'!$B:$B,'第２-2表'!$1:$2</definedName>
    <definedName name="_xlnm.Print_Titles" localSheetId="3">'第２-3表'!$B:$B,'第２-3表'!$1:$2</definedName>
    <definedName name="_xlnm.Print_Titles" localSheetId="4">'第３-1表'!$B:$B</definedName>
    <definedName name="_xlnm.Print_Titles" localSheetId="5">'第３-2-1表'!$B:$B,'第３-2-1表'!$1:$2</definedName>
    <definedName name="_xlnm.Print_Titles" localSheetId="6">'第３-2-2表'!$B:$B,'第３-2-2表'!$1:$2</definedName>
    <definedName name="_xlnm.Print_Titles" localSheetId="7">'第３-2-3表 '!$B:$B,'第３-2-3表 '!$1:$2</definedName>
    <definedName name="_xlnm.Print_Titles" localSheetId="11">'第４-1表'!$B:$B</definedName>
    <definedName name="_xlnm.Print_Titles" localSheetId="18">'第5-1表'!$B:$B</definedName>
    <definedName name="_xlnm.Print_Titles" localSheetId="19">'第5-2表'!$B:$B</definedName>
    <definedName name="_xlnm.Print_Titles" localSheetId="20">'第5-3表'!$B:$B</definedName>
    <definedName name="_xlnm.Print_Titles" localSheetId="21">'第６-1表'!$B:$B</definedName>
    <definedName name="_xlnm.Print_Titles" localSheetId="22">'第６-2表'!$B:$B</definedName>
    <definedName name="_xlnm.Print_Titles" localSheetId="23">'第６-3表 '!$B:$B</definedName>
    <definedName name="_xlnm.Print_Titles" localSheetId="24">第7表!$B:$B</definedName>
  </definedNames>
  <calcPr calcId="162913"/>
</workbook>
</file>

<file path=xl/calcChain.xml><?xml version="1.0" encoding="utf-8"?>
<calcChain xmlns="http://schemas.openxmlformats.org/spreadsheetml/2006/main">
  <c r="I1" i="10" l="1"/>
  <c r="H4" i="1" l="1"/>
  <c r="F1" i="34" l="1"/>
  <c r="G1" i="34" s="1"/>
  <c r="E1" i="34"/>
  <c r="F1" i="6"/>
  <c r="G1" i="6" s="1"/>
  <c r="G1" i="33"/>
  <c r="H1" i="33" s="1"/>
  <c r="F1" i="33"/>
  <c r="H1" i="5"/>
  <c r="I1" i="5" s="1"/>
  <c r="F1" i="5"/>
  <c r="J1" i="30"/>
  <c r="G1" i="25" l="1"/>
  <c r="H1" i="25" s="1"/>
  <c r="F1" i="25"/>
  <c r="J1" i="32" l="1"/>
  <c r="K1" i="32" s="1"/>
  <c r="H1" i="32"/>
  <c r="K1" i="31"/>
  <c r="L1" i="31" s="1"/>
  <c r="I1" i="31"/>
  <c r="L1" i="30"/>
  <c r="M1" i="30" s="1"/>
  <c r="K1" i="29"/>
  <c r="L1" i="29" s="1"/>
  <c r="I1" i="29"/>
  <c r="H1" i="28"/>
  <c r="I1" i="28" s="1"/>
  <c r="F1" i="28"/>
  <c r="E1" i="18" l="1"/>
  <c r="E1" i="26"/>
  <c r="E1" i="6"/>
  <c r="H1" i="24"/>
  <c r="H1" i="14"/>
  <c r="I1" i="23"/>
  <c r="I1" i="13"/>
  <c r="H1" i="4"/>
  <c r="J1" i="22"/>
  <c r="J1" i="11"/>
  <c r="I1" i="21"/>
  <c r="G1" i="9"/>
  <c r="F1" i="19"/>
  <c r="F1" i="8"/>
  <c r="F1" i="18" l="1"/>
  <c r="F1" i="26"/>
  <c r="J1" i="24"/>
  <c r="J1" i="14"/>
  <c r="K1" i="23"/>
  <c r="K1" i="13"/>
  <c r="J1" i="4"/>
  <c r="L1" i="22"/>
  <c r="L1" i="11"/>
  <c r="K1" i="21"/>
  <c r="K1" i="10"/>
  <c r="I1" i="9"/>
  <c r="H1" i="19"/>
  <c r="I1" i="19" s="1"/>
  <c r="H1" i="8"/>
  <c r="I1" i="8" s="1"/>
  <c r="J1" i="9" l="1"/>
  <c r="G1" i="26"/>
  <c r="K1" i="24"/>
  <c r="L1" i="23"/>
  <c r="M1" i="22"/>
  <c r="L1" i="21"/>
  <c r="G1" i="18"/>
  <c r="K1" i="14"/>
  <c r="L1" i="13"/>
  <c r="M1" i="11"/>
  <c r="L1" i="10"/>
  <c r="K1" i="4"/>
</calcChain>
</file>

<file path=xl/sharedStrings.xml><?xml version="1.0" encoding="utf-8"?>
<sst xmlns="http://schemas.openxmlformats.org/spreadsheetml/2006/main" count="5569" uniqueCount="162">
  <si>
    <t>介護保険事業状況報告</t>
  </si>
  <si>
    <t>第1号被保険者数（人）</t>
  </si>
  <si>
    <t>当月末現在</t>
  </si>
  <si>
    <t>６５歳以上７５歳未満</t>
  </si>
  <si>
    <t>神奈川県</t>
  </si>
  <si>
    <t>横浜市</t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区分</t>
  </si>
  <si>
    <t>第１号被保険者</t>
  </si>
  <si>
    <t>第２号被保険者</t>
  </si>
  <si>
    <t>総数</t>
  </si>
  <si>
    <t>市町村名</t>
  </si>
  <si>
    <t>要支援１</t>
  </si>
  <si>
    <t>要支援２</t>
  </si>
  <si>
    <t>計</t>
  </si>
  <si>
    <t>経過的
要介護</t>
  </si>
  <si>
    <t>要介護１</t>
  </si>
  <si>
    <t>要介護２</t>
  </si>
  <si>
    <t>要介護３</t>
  </si>
  <si>
    <t>要介護４</t>
  </si>
  <si>
    <t>要介護５</t>
  </si>
  <si>
    <t>合計</t>
  </si>
  <si>
    <t>第１被保険者</t>
  </si>
  <si>
    <t>第２被保険者</t>
  </si>
  <si>
    <t>総　　　計</t>
  </si>
  <si>
    <t>施設介護サービス受給者数（人）</t>
  </si>
  <si>
    <t>介護老人福祉施設</t>
  </si>
  <si>
    <t>介護老人保健施設</t>
  </si>
  <si>
    <t>介護療養型医療施設</t>
  </si>
  <si>
    <t>総計</t>
  </si>
  <si>
    <t>予防給付</t>
  </si>
  <si>
    <t>介護給付</t>
  </si>
  <si>
    <t>居宅(介護予防)サービス</t>
  </si>
  <si>
    <t>訪問サービス</t>
  </si>
  <si>
    <t>通所サービス</t>
  </si>
  <si>
    <t>短期入所サービス</t>
  </si>
  <si>
    <t>福祉用具・住宅改修サービス</t>
  </si>
  <si>
    <t>特定施設入居者生活介護</t>
  </si>
  <si>
    <t>介護予防支援・居宅介護支援</t>
  </si>
  <si>
    <t>訪問介護</t>
  </si>
  <si>
    <t>訪問入浴介護</t>
  </si>
  <si>
    <t>訪問看護</t>
  </si>
  <si>
    <t>訪問リハビリテーション</t>
  </si>
  <si>
    <t>居宅療養管理指導</t>
  </si>
  <si>
    <t>通所介護</t>
  </si>
  <si>
    <t>通所リハビリテーション</t>
  </si>
  <si>
    <t>短期入所生活介護</t>
  </si>
  <si>
    <t>短期入所療養介護（介護老人保健施設）</t>
  </si>
  <si>
    <t>短期入所療養介護（介護療養型医療施設等）</t>
  </si>
  <si>
    <t>福祉用具貸与</t>
  </si>
  <si>
    <t>福祉用具購入費</t>
  </si>
  <si>
    <t>住宅改修費</t>
  </si>
  <si>
    <t>経過的要介護</t>
  </si>
  <si>
    <t>※　千円未満四捨五入処理のため、計は合わない。</t>
  </si>
  <si>
    <t>地域密着型(介護予防)サービス</t>
  </si>
  <si>
    <t>施設サービス</t>
  </si>
  <si>
    <t>　</t>
    <phoneticPr fontId="4"/>
  </si>
  <si>
    <t>夜間対応型訪問介護</t>
    <phoneticPr fontId="4"/>
  </si>
  <si>
    <t>小規模多機能型居宅介護</t>
    <phoneticPr fontId="4"/>
  </si>
  <si>
    <t>認知症対応型通所介護</t>
    <phoneticPr fontId="4"/>
  </si>
  <si>
    <t>認知症対応型共同生活介護</t>
    <phoneticPr fontId="4"/>
  </si>
  <si>
    <t>地域密着型特定施設入居者生活介護</t>
    <phoneticPr fontId="4"/>
  </si>
  <si>
    <t>地域密着型介護老人福祉施設入所者生活介護</t>
    <phoneticPr fontId="4"/>
  </si>
  <si>
    <t>定期巡回・随時対応型訪問介護看護</t>
    <phoneticPr fontId="4"/>
  </si>
  <si>
    <t>計</t>
    <phoneticPr fontId="4"/>
  </si>
  <si>
    <t>男</t>
    <rPh sb="0" eb="1">
      <t>オトコ</t>
    </rPh>
    <phoneticPr fontId="4"/>
  </si>
  <si>
    <t>６５歳以上７０歳未満</t>
    <phoneticPr fontId="4"/>
  </si>
  <si>
    <t>７０歳以上７５歳未満</t>
    <phoneticPr fontId="4"/>
  </si>
  <si>
    <t>７５歳以上８０歳未満</t>
    <phoneticPr fontId="4"/>
  </si>
  <si>
    <t>８０歳以上８５歳未満</t>
    <phoneticPr fontId="4"/>
  </si>
  <si>
    <t>９０歳以上</t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短期入所療養介護（介護療養型医療施設等）（日）</t>
  </si>
  <si>
    <t>短期入所生活介護（日）</t>
  </si>
  <si>
    <t>通所リハビリテーション（回）</t>
  </si>
  <si>
    <t>通所介護（回）</t>
  </si>
  <si>
    <t>訪問リハビリテーション（回）</t>
  </si>
  <si>
    <t>訪問看護（回）</t>
  </si>
  <si>
    <t>訪問入浴介護（回）</t>
  </si>
  <si>
    <t>訪問介護（回）</t>
  </si>
  <si>
    <t>認知症対応型通所介護</t>
  </si>
  <si>
    <t>定期巡回・随時対応型訪問介護看護</t>
    <phoneticPr fontId="4"/>
  </si>
  <si>
    <t>夜間対応型訪問介護</t>
    <phoneticPr fontId="4"/>
  </si>
  <si>
    <t>食費</t>
  </si>
  <si>
    <t>地域密着型介護老人福祉施設入所者生活介護</t>
  </si>
  <si>
    <t>居住費（滞在費）</t>
  </si>
  <si>
    <t>要支援１</t>
    <phoneticPr fontId="4"/>
  </si>
  <si>
    <t xml:space="preserve">要介護（要支援）認定者数（人） </t>
    <phoneticPr fontId="4"/>
  </si>
  <si>
    <t>居宅介護(介護予防)サービスのサービス別受給者数【現物給付分】</t>
    <rPh sb="25" eb="27">
      <t>ゲンブツ</t>
    </rPh>
    <rPh sb="27" eb="29">
      <t>キュウフ</t>
    </rPh>
    <rPh sb="29" eb="30">
      <t>ブン</t>
    </rPh>
    <phoneticPr fontId="4"/>
  </si>
  <si>
    <t>居宅介護(介護予防)サービスのサービス別利用回（日）数【現物給付分】</t>
    <rPh sb="28" eb="30">
      <t>ゲンブツ</t>
    </rPh>
    <rPh sb="30" eb="32">
      <t>キュウフ</t>
    </rPh>
    <rPh sb="32" eb="33">
      <t>ブン</t>
    </rPh>
    <phoneticPr fontId="4"/>
  </si>
  <si>
    <t>地域密着型(介護予防)サービスのサービス別受給者数【現物給付分】</t>
    <rPh sb="26" eb="28">
      <t>ゲンブツ</t>
    </rPh>
    <rPh sb="28" eb="30">
      <t>キュウフ</t>
    </rPh>
    <rPh sb="30" eb="31">
      <t>ブン</t>
    </rPh>
    <phoneticPr fontId="4"/>
  </si>
  <si>
    <t>地域密着型(介護予防)サービスの利用回数【現物給付分】</t>
    <phoneticPr fontId="4"/>
  </si>
  <si>
    <t>短期入所療養介護（介護老人保健施設）（日）</t>
    <phoneticPr fontId="4"/>
  </si>
  <si>
    <t>地域密着型（介護予防）サービス受給者数（人）</t>
    <phoneticPr fontId="4"/>
  </si>
  <si>
    <t>①総数</t>
    <rPh sb="1" eb="3">
      <t>ソウスウ</t>
    </rPh>
    <phoneticPr fontId="4"/>
  </si>
  <si>
    <t>②総数（再掲：第1号被保険者の2割負担対象者分）</t>
  </si>
  <si>
    <t>②総数（再掲：第1号被保険者の2割負担対象者分）</t>
    <rPh sb="1" eb="3">
      <t>ソウスウ</t>
    </rPh>
    <rPh sb="4" eb="6">
      <t>サイケイ</t>
    </rPh>
    <rPh sb="7" eb="8">
      <t>ダイ</t>
    </rPh>
    <rPh sb="9" eb="10">
      <t>ゴウ</t>
    </rPh>
    <rPh sb="10" eb="14">
      <t>ヒホケンジャ</t>
    </rPh>
    <rPh sb="16" eb="17">
      <t>ワリ</t>
    </rPh>
    <rPh sb="17" eb="19">
      <t>フタン</t>
    </rPh>
    <rPh sb="19" eb="22">
      <t>タイショウシャ</t>
    </rPh>
    <rPh sb="22" eb="23">
      <t>ブン</t>
    </rPh>
    <phoneticPr fontId="4"/>
  </si>
  <si>
    <t>①総数</t>
    <phoneticPr fontId="4"/>
  </si>
  <si>
    <t>居宅介護（介護予防）サービス受給者数</t>
    <phoneticPr fontId="4"/>
  </si>
  <si>
    <t>②総数（再掲：第1号被保険者の2割負担対象者分）</t>
    <phoneticPr fontId="4"/>
  </si>
  <si>
    <t>保険給付決定状況</t>
  </si>
  <si>
    <t>②総数（給付費・千円）（再掲：第1号被保険者の2割負担対象者分）</t>
    <rPh sb="12" eb="14">
      <t>サイケイ</t>
    </rPh>
    <rPh sb="15" eb="16">
      <t>ダイ</t>
    </rPh>
    <rPh sb="17" eb="18">
      <t>ゴウ</t>
    </rPh>
    <rPh sb="18" eb="22">
      <t>ヒホケンジャ</t>
    </rPh>
    <rPh sb="24" eb="25">
      <t>ワリ</t>
    </rPh>
    <rPh sb="25" eb="27">
      <t>フタン</t>
    </rPh>
    <rPh sb="27" eb="30">
      <t>タイショウシャ</t>
    </rPh>
    <rPh sb="30" eb="31">
      <t>ブン</t>
    </rPh>
    <phoneticPr fontId="4"/>
  </si>
  <si>
    <t>①総数</t>
    <phoneticPr fontId="4"/>
  </si>
  <si>
    <t>①総数</t>
    <rPh sb="1" eb="3">
      <t>ソウスウ</t>
    </rPh>
    <phoneticPr fontId="4"/>
  </si>
  <si>
    <t>【現物給付分】</t>
    <rPh sb="1" eb="3">
      <t>ゲンブツ</t>
    </rPh>
    <rPh sb="3" eb="5">
      <t>キュウフ</t>
    </rPh>
    <rPh sb="5" eb="6">
      <t>ブン</t>
    </rPh>
    <phoneticPr fontId="4"/>
  </si>
  <si>
    <t>複合型サービス(看護小規模多機能型居宅介護）</t>
    <rPh sb="8" eb="10">
      <t>カンゴ</t>
    </rPh>
    <rPh sb="10" eb="13">
      <t>ショウキボ</t>
    </rPh>
    <rPh sb="13" eb="17">
      <t>タキノウガタ</t>
    </rPh>
    <rPh sb="17" eb="19">
      <t>キョタク</t>
    </rPh>
    <rPh sb="19" eb="21">
      <t>カイゴ</t>
    </rPh>
    <phoneticPr fontId="4"/>
  </si>
  <si>
    <t>地域密着型通所介護</t>
    <rPh sb="0" eb="2">
      <t>チイキ</t>
    </rPh>
    <rPh sb="2" eb="4">
      <t>ミッチャク</t>
    </rPh>
    <phoneticPr fontId="4"/>
  </si>
  <si>
    <t>地域密着型通所介護</t>
    <rPh sb="0" eb="2">
      <t>チイキ</t>
    </rPh>
    <rPh sb="2" eb="4">
      <t>ミッチャク</t>
    </rPh>
    <phoneticPr fontId="4"/>
  </si>
  <si>
    <t>地域密着型通所介護</t>
    <rPh sb="0" eb="4">
      <t>チイキミッチャク</t>
    </rPh>
    <phoneticPr fontId="4"/>
  </si>
  <si>
    <t>複合型サービス(看護小規模多機能型居宅介護）</t>
    <phoneticPr fontId="4"/>
  </si>
  <si>
    <t>保険給付決定状況</t>
    <phoneticPr fontId="4"/>
  </si>
  <si>
    <t>介護給付・予防給付</t>
    <rPh sb="0" eb="2">
      <t>カイゴ</t>
    </rPh>
    <rPh sb="2" eb="4">
      <t>キュウフ</t>
    </rPh>
    <rPh sb="5" eb="7">
      <t>ヨボウ</t>
    </rPh>
    <rPh sb="7" eb="9">
      <t>キュウフ</t>
    </rPh>
    <phoneticPr fontId="4"/>
  </si>
  <si>
    <t>①総数（給付費・千円）</t>
    <phoneticPr fontId="4"/>
  </si>
  <si>
    <t>介護医療院</t>
    <rPh sb="4" eb="5">
      <t>イン</t>
    </rPh>
    <phoneticPr fontId="4"/>
  </si>
  <si>
    <t>短期入所療養介護（介護医療院）</t>
    <rPh sb="13" eb="14">
      <t>イン</t>
    </rPh>
    <phoneticPr fontId="4"/>
  </si>
  <si>
    <t>②総数（再掲：第1号被保険者の3割負担対象者分）</t>
    <rPh sb="1" eb="3">
      <t>ソウスウ</t>
    </rPh>
    <rPh sb="4" eb="6">
      <t>サイケイ</t>
    </rPh>
    <rPh sb="7" eb="8">
      <t>ダイ</t>
    </rPh>
    <rPh sb="9" eb="10">
      <t>ゴウ</t>
    </rPh>
    <rPh sb="10" eb="14">
      <t>ヒホケンジャ</t>
    </rPh>
    <rPh sb="16" eb="17">
      <t>ワリ</t>
    </rPh>
    <rPh sb="17" eb="19">
      <t>フタン</t>
    </rPh>
    <rPh sb="19" eb="22">
      <t>タイショウシャ</t>
    </rPh>
    <rPh sb="22" eb="23">
      <t>ブン</t>
    </rPh>
    <phoneticPr fontId="4"/>
  </si>
  <si>
    <t>②総数（再掲：第1号被保険者の3割負担対象者分）</t>
    <phoneticPr fontId="4"/>
  </si>
  <si>
    <t>②総数（再掲：第1号被保険者の3割負担対象者分）</t>
    <phoneticPr fontId="4"/>
  </si>
  <si>
    <t>②総数（給付費・千円）（再掲：第1号被保険者の3割負担対象者分）</t>
    <rPh sb="12" eb="14">
      <t>サイケイ</t>
    </rPh>
    <rPh sb="15" eb="16">
      <t>ダイ</t>
    </rPh>
    <rPh sb="17" eb="18">
      <t>ゴウ</t>
    </rPh>
    <rPh sb="18" eb="22">
      <t>ヒホケンジャ</t>
    </rPh>
    <rPh sb="24" eb="25">
      <t>ワリ</t>
    </rPh>
    <rPh sb="25" eb="27">
      <t>フタン</t>
    </rPh>
    <rPh sb="27" eb="30">
      <t>タイショウシャ</t>
    </rPh>
    <rPh sb="30" eb="31">
      <t>ブン</t>
    </rPh>
    <phoneticPr fontId="4"/>
  </si>
  <si>
    <t>短期入所療養介護（介護医療院）（日）</t>
    <rPh sb="13" eb="14">
      <t>イン</t>
    </rPh>
    <phoneticPr fontId="4"/>
  </si>
  <si>
    <t>（再掲：第1号被保険者の2割負担対象者分）</t>
    <phoneticPr fontId="4"/>
  </si>
  <si>
    <t>（再掲：第1号被保険者の3割負担対象者分）</t>
    <phoneticPr fontId="4"/>
  </si>
  <si>
    <t>短期入所療養介護（介護医療院）（日）</t>
    <rPh sb="11" eb="13">
      <t>イリョウ</t>
    </rPh>
    <rPh sb="13" eb="14">
      <t>イン</t>
    </rPh>
    <phoneticPr fontId="4"/>
  </si>
  <si>
    <t>短期入所療養介護（介護療養型医療施設等）（日）</t>
    <rPh sb="11" eb="14">
      <t>リョウヨウガタ</t>
    </rPh>
    <rPh sb="16" eb="19">
      <t>シセツトウ</t>
    </rPh>
    <phoneticPr fontId="4"/>
  </si>
  <si>
    <t>要支援２</t>
    <phoneticPr fontId="4"/>
  </si>
  <si>
    <t xml:space="preserve">保険給付決定状況 </t>
  </si>
  <si>
    <t>特定入所者介護（介護予防）サービス費　総数　給付費（千円）</t>
    <rPh sb="24" eb="25">
      <t>ヒ</t>
    </rPh>
    <rPh sb="26" eb="28">
      <t>センエン</t>
    </rPh>
    <phoneticPr fontId="4"/>
  </si>
  <si>
    <r>
      <t>８５歳以上９０</t>
    </r>
    <r>
      <rPr>
        <sz val="11"/>
        <rFont val="ＭＳ Ｐゴシック"/>
        <family val="3"/>
        <charset val="128"/>
      </rPr>
      <t>歳未満</t>
    </r>
    <phoneticPr fontId="4"/>
  </si>
  <si>
    <r>
      <t>7</t>
    </r>
    <r>
      <rPr>
        <sz val="11"/>
        <rFont val="ＭＳ Ｐゴシック"/>
        <family val="3"/>
        <charset val="128"/>
      </rPr>
      <t>5</t>
    </r>
    <r>
      <rPr>
        <sz val="11"/>
        <rFont val="ＭＳ Ｐゴシック"/>
        <family val="3"/>
        <charset val="128"/>
      </rPr>
      <t>歳以上</t>
    </r>
    <r>
      <rPr>
        <sz val="11"/>
        <rFont val="ＭＳ Ｐゴシック"/>
        <family val="3"/>
        <charset val="128"/>
      </rPr>
      <t>85歳未満</t>
    </r>
    <rPh sb="7" eb="10">
      <t>サイミマン</t>
    </rPh>
    <phoneticPr fontId="4"/>
  </si>
  <si>
    <t>８５歳以上</t>
    <rPh sb="2" eb="5">
      <t>サイイジョ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176" formatCode="#,##0_ "/>
    <numFmt numFmtId="177" formatCode="#,##0_ ;[Red]\-#,##0\ "/>
    <numFmt numFmtId="178" formatCode="#,##0_);[Red]\(#,##0\)"/>
    <numFmt numFmtId="179" formatCode="#,##0,\ ;\-#,##0,\ "/>
    <numFmt numFmtId="180" formatCode="#,##0,;\-#,##0,"/>
    <numFmt numFmtId="181" formatCode="\(&quot;平成&quot;##&quot;年&quot;"/>
    <numFmt numFmtId="182" formatCode="\(##&quot;月サービス分&quot;\)"/>
    <numFmt numFmtId="183" formatCode="##&quot;月分&quot;\)"/>
    <numFmt numFmtId="184" formatCode="0&quot;月末現在&quot;"/>
    <numFmt numFmtId="185" formatCode="\(##&quot;月末現在&quot;\)"/>
    <numFmt numFmtId="186" formatCode="\(&quot;令和&quot;##&quot;年&quot;"/>
  </numFmts>
  <fonts count="9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double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double">
        <color indexed="64"/>
      </left>
      <right style="medium">
        <color indexed="64"/>
      </right>
      <top style="thin">
        <color indexed="64"/>
      </top>
      <bottom/>
      <diagonal/>
    </border>
    <border>
      <left style="double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/>
      <diagonal/>
    </border>
    <border>
      <left style="double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</borders>
  <cellStyleXfs count="5">
    <xf numFmtId="0" fontId="0" fillId="0" borderId="0"/>
    <xf numFmtId="38" fontId="3" fillId="0" borderId="0" applyFont="0" applyFill="0" applyBorder="0" applyAlignment="0" applyProtection="0"/>
    <xf numFmtId="0" fontId="2" fillId="0" borderId="0">
      <alignment vertical="center"/>
    </xf>
    <xf numFmtId="0" fontId="1" fillId="0" borderId="0">
      <alignment vertical="center"/>
    </xf>
    <xf numFmtId="38" fontId="2" fillId="0" borderId="0" applyFont="0" applyFill="0" applyBorder="0" applyAlignment="0" applyProtection="0"/>
  </cellStyleXfs>
  <cellXfs count="579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vertical="center"/>
    </xf>
    <xf numFmtId="0" fontId="7" fillId="0" borderId="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horizontal="right" vertical="center"/>
    </xf>
    <xf numFmtId="183" fontId="5" fillId="0" borderId="0" xfId="0" applyNumberFormat="1" applyFont="1" applyAlignment="1">
      <alignment horizontal="left" vertical="center"/>
    </xf>
    <xf numFmtId="181" fontId="5" fillId="0" borderId="0" xfId="0" applyNumberFormat="1" applyFont="1" applyBorder="1" applyAlignment="1">
      <alignment vertical="center"/>
    </xf>
    <xf numFmtId="183" fontId="5" fillId="0" borderId="0" xfId="0" applyNumberFormat="1" applyFont="1" applyBorder="1" applyAlignment="1">
      <alignment horizontal="left" vertical="center"/>
    </xf>
    <xf numFmtId="181" fontId="8" fillId="0" borderId="0" xfId="0" applyNumberFormat="1" applyFont="1" applyAlignment="1">
      <alignment vertical="center"/>
    </xf>
    <xf numFmtId="183" fontId="8" fillId="0" borderId="0" xfId="0" applyNumberFormat="1" applyFont="1" applyAlignment="1">
      <alignment horizontal="left" vertical="center"/>
    </xf>
    <xf numFmtId="181" fontId="8" fillId="0" borderId="0" xfId="0" applyNumberFormat="1" applyFont="1" applyFill="1" applyAlignment="1">
      <alignment vertical="center"/>
    </xf>
    <xf numFmtId="183" fontId="8" fillId="0" borderId="0" xfId="0" applyNumberFormat="1" applyFont="1" applyFill="1" applyAlignment="1">
      <alignment horizontal="left" vertical="center"/>
    </xf>
    <xf numFmtId="184" fontId="3" fillId="0" borderId="0" xfId="0" applyNumberFormat="1" applyFont="1" applyAlignment="1">
      <alignment vertical="center"/>
    </xf>
    <xf numFmtId="180" fontId="0" fillId="0" borderId="8" xfId="1" applyNumberFormat="1" applyFont="1" applyBorder="1" applyAlignment="1">
      <alignment vertical="center"/>
    </xf>
    <xf numFmtId="180" fontId="0" fillId="0" borderId="5" xfId="1" applyNumberFormat="1" applyFont="1" applyBorder="1" applyAlignment="1">
      <alignment vertical="center"/>
    </xf>
    <xf numFmtId="180" fontId="0" fillId="0" borderId="38" xfId="1" applyNumberFormat="1" applyFont="1" applyBorder="1" applyAlignment="1">
      <alignment vertical="center"/>
    </xf>
    <xf numFmtId="180" fontId="0" fillId="0" borderId="53" xfId="1" applyNumberFormat="1" applyFont="1" applyBorder="1" applyAlignment="1">
      <alignment vertical="center"/>
    </xf>
    <xf numFmtId="180" fontId="0" fillId="0" borderId="46" xfId="1" applyNumberFormat="1" applyFont="1" applyBorder="1" applyAlignment="1">
      <alignment vertical="center"/>
    </xf>
    <xf numFmtId="180" fontId="0" fillId="0" borderId="48" xfId="1" applyNumberFormat="1" applyFont="1" applyBorder="1" applyAlignment="1">
      <alignment vertical="center"/>
    </xf>
    <xf numFmtId="180" fontId="0" fillId="0" borderId="56" xfId="1" applyNumberFormat="1" applyFont="1" applyBorder="1" applyAlignment="1">
      <alignment vertical="center"/>
    </xf>
    <xf numFmtId="180" fontId="0" fillId="0" borderId="9" xfId="1" applyNumberFormat="1" applyFont="1" applyBorder="1" applyAlignment="1">
      <alignment vertical="center"/>
    </xf>
    <xf numFmtId="180" fontId="0" fillId="0" borderId="12" xfId="1" applyNumberFormat="1" applyFont="1" applyBorder="1" applyAlignment="1">
      <alignment vertical="center"/>
    </xf>
    <xf numFmtId="180" fontId="0" fillId="0" borderId="25" xfId="1" applyNumberFormat="1" applyFont="1" applyBorder="1" applyAlignment="1">
      <alignment vertical="center"/>
    </xf>
    <xf numFmtId="180" fontId="0" fillId="0" borderId="26" xfId="1" applyNumberFormat="1" applyFont="1" applyBorder="1" applyAlignment="1">
      <alignment vertical="center"/>
    </xf>
    <xf numFmtId="180" fontId="0" fillId="0" borderId="13" xfId="1" applyNumberFormat="1" applyFont="1" applyBorder="1" applyAlignment="1">
      <alignment vertical="center"/>
    </xf>
    <xf numFmtId="180" fontId="0" fillId="0" borderId="30" xfId="1" applyNumberFormat="1" applyFont="1" applyBorder="1" applyAlignment="1">
      <alignment vertical="center"/>
    </xf>
    <xf numFmtId="180" fontId="0" fillId="0" borderId="66" xfId="1" applyNumberFormat="1" applyFont="1" applyBorder="1" applyAlignment="1">
      <alignment vertical="center"/>
    </xf>
    <xf numFmtId="0" fontId="0" fillId="0" borderId="6" xfId="0" applyFont="1" applyBorder="1" applyAlignment="1">
      <alignment horizontal="center" vertical="center"/>
    </xf>
    <xf numFmtId="186" fontId="5" fillId="0" borderId="0" xfId="0" applyNumberFormat="1" applyFont="1" applyAlignment="1">
      <alignment horizontal="right" vertical="center"/>
    </xf>
    <xf numFmtId="186" fontId="8" fillId="0" borderId="0" xfId="0" applyNumberFormat="1" applyFont="1" applyAlignment="1">
      <alignment vertical="center"/>
    </xf>
    <xf numFmtId="180" fontId="0" fillId="0" borderId="49" xfId="1" applyNumberFormat="1" applyFont="1" applyBorder="1" applyAlignment="1">
      <alignment vertical="center" shrinkToFit="1"/>
    </xf>
    <xf numFmtId="180" fontId="0" fillId="0" borderId="42" xfId="1" applyNumberFormat="1" applyFont="1" applyBorder="1" applyAlignment="1">
      <alignment vertical="center" shrinkToFit="1"/>
    </xf>
    <xf numFmtId="180" fontId="0" fillId="0" borderId="4" xfId="1" applyNumberFormat="1" applyFont="1" applyBorder="1" applyAlignment="1">
      <alignment vertical="center" shrinkToFit="1"/>
    </xf>
    <xf numFmtId="180" fontId="0" fillId="0" borderId="90" xfId="1" applyNumberFormat="1" applyFont="1" applyBorder="1" applyAlignment="1">
      <alignment vertical="center" shrinkToFit="1"/>
    </xf>
    <xf numFmtId="180" fontId="0" fillId="0" borderId="73" xfId="1" applyNumberFormat="1" applyFont="1" applyBorder="1" applyAlignment="1">
      <alignment vertical="center" shrinkToFit="1"/>
    </xf>
    <xf numFmtId="180" fontId="0" fillId="0" borderId="59" xfId="1" applyNumberFormat="1" applyFont="1" applyBorder="1" applyAlignment="1">
      <alignment vertical="center" shrinkToFit="1"/>
    </xf>
    <xf numFmtId="180" fontId="0" fillId="0" borderId="57" xfId="1" applyNumberFormat="1" applyFont="1" applyBorder="1" applyAlignment="1">
      <alignment vertical="center" shrinkToFit="1"/>
    </xf>
    <xf numFmtId="180" fontId="0" fillId="0" borderId="8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0" fontId="0" fillId="0" borderId="38" xfId="1" applyNumberFormat="1" applyFont="1" applyBorder="1" applyAlignment="1">
      <alignment vertical="center" shrinkToFit="1"/>
    </xf>
    <xf numFmtId="180" fontId="0" fillId="0" borderId="53" xfId="1" applyNumberFormat="1" applyFont="1" applyBorder="1" applyAlignment="1">
      <alignment vertical="center" shrinkToFit="1"/>
    </xf>
    <xf numFmtId="180" fontId="0" fillId="0" borderId="46" xfId="1" applyNumberFormat="1" applyFont="1" applyBorder="1" applyAlignment="1">
      <alignment vertical="center" shrinkToFit="1"/>
    </xf>
    <xf numFmtId="180" fontId="0" fillId="0" borderId="48" xfId="1" applyNumberFormat="1" applyFont="1" applyBorder="1" applyAlignment="1">
      <alignment vertical="center" shrinkToFit="1"/>
    </xf>
    <xf numFmtId="180" fontId="0" fillId="0" borderId="56" xfId="1" applyNumberFormat="1" applyFont="1" applyBorder="1" applyAlignment="1">
      <alignment vertical="center" shrinkToFit="1"/>
    </xf>
    <xf numFmtId="186" fontId="5" fillId="0" borderId="0" xfId="0" applyNumberFormat="1" applyFont="1" applyAlignment="1">
      <alignment vertical="center"/>
    </xf>
    <xf numFmtId="183" fontId="5" fillId="0" borderId="0" xfId="0" applyNumberFormat="1" applyFont="1" applyFill="1" applyAlignment="1">
      <alignment horizontal="left" vertical="center"/>
    </xf>
    <xf numFmtId="182" fontId="2" fillId="0" borderId="0" xfId="0" applyNumberFormat="1" applyFont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0" fillId="0" borderId="0" xfId="0" applyFont="1" applyAlignment="1">
      <alignment vertical="center"/>
    </xf>
    <xf numFmtId="0" fontId="0" fillId="0" borderId="19" xfId="0" applyFont="1" applyBorder="1" applyAlignment="1">
      <alignment horizontal="center" vertical="center"/>
    </xf>
    <xf numFmtId="0" fontId="0" fillId="0" borderId="9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0" fontId="0" fillId="0" borderId="13" xfId="0" applyFont="1" applyBorder="1" applyAlignment="1">
      <alignment horizontal="center" vertical="center"/>
    </xf>
    <xf numFmtId="0" fontId="0" fillId="0" borderId="26" xfId="0" applyFont="1" applyBorder="1" applyAlignment="1">
      <alignment horizontal="center" vertical="center" wrapText="1"/>
    </xf>
    <xf numFmtId="0" fontId="0" fillId="0" borderId="30" xfId="0" applyFont="1" applyBorder="1" applyAlignment="1">
      <alignment horizontal="center" vertical="center"/>
    </xf>
    <xf numFmtId="0" fontId="0" fillId="0" borderId="96" xfId="0" applyFont="1" applyBorder="1" applyAlignment="1">
      <alignment horizontal="center" vertical="center"/>
    </xf>
    <xf numFmtId="0" fontId="0" fillId="0" borderId="68" xfId="0" applyFont="1" applyBorder="1" applyAlignment="1">
      <alignment horizontal="center" vertical="center"/>
    </xf>
    <xf numFmtId="0" fontId="0" fillId="0" borderId="71" xfId="0" applyFont="1" applyBorder="1" applyAlignment="1">
      <alignment horizontal="center" vertical="center"/>
    </xf>
    <xf numFmtId="0" fontId="0" fillId="0" borderId="69" xfId="0" applyFont="1" applyBorder="1" applyAlignment="1">
      <alignment horizontal="center" vertical="center" wrapText="1"/>
    </xf>
    <xf numFmtId="0" fontId="0" fillId="0" borderId="84" xfId="0" applyFont="1" applyBorder="1" applyAlignment="1">
      <alignment horizontal="center" vertical="center"/>
    </xf>
    <xf numFmtId="0" fontId="0" fillId="0" borderId="86" xfId="0" applyFont="1" applyBorder="1" applyAlignment="1">
      <alignment horizontal="center" vertical="center"/>
    </xf>
    <xf numFmtId="0" fontId="0" fillId="0" borderId="3" xfId="0" applyFont="1" applyBorder="1" applyAlignment="1">
      <alignment horizontal="left" vertical="center" shrinkToFit="1"/>
    </xf>
    <xf numFmtId="178" fontId="0" fillId="0" borderId="49" xfId="0" applyNumberFormat="1" applyFont="1" applyBorder="1" applyAlignment="1">
      <alignment vertical="center"/>
    </xf>
    <xf numFmtId="178" fontId="0" fillId="0" borderId="42" xfId="0" applyNumberFormat="1" applyFont="1" applyBorder="1" applyAlignment="1">
      <alignment vertical="center"/>
    </xf>
    <xf numFmtId="178" fontId="0" fillId="0" borderId="43" xfId="0" applyNumberFormat="1" applyFont="1" applyBorder="1" applyAlignment="1">
      <alignment vertical="center"/>
    </xf>
    <xf numFmtId="178" fontId="0" fillId="0" borderId="44" xfId="0" applyNumberFormat="1" applyFont="1" applyBorder="1" applyAlignment="1">
      <alignment vertical="center"/>
    </xf>
    <xf numFmtId="178" fontId="0" fillId="0" borderId="45" xfId="0" applyNumberFormat="1" applyFont="1" applyBorder="1" applyAlignment="1">
      <alignment vertical="center"/>
    </xf>
    <xf numFmtId="178" fontId="0" fillId="0" borderId="34" xfId="1" applyNumberFormat="1" applyFont="1" applyBorder="1" applyAlignment="1">
      <alignment vertical="center"/>
    </xf>
    <xf numFmtId="178" fontId="0" fillId="0" borderId="35" xfId="1" applyNumberFormat="1" applyFont="1" applyBorder="1" applyAlignment="1">
      <alignment vertical="center"/>
    </xf>
    <xf numFmtId="178" fontId="0" fillId="0" borderId="36" xfId="1" applyNumberFormat="1" applyFont="1" applyBorder="1" applyAlignment="1">
      <alignment vertical="center"/>
    </xf>
    <xf numFmtId="178" fontId="0" fillId="0" borderId="37" xfId="1" applyNumberFormat="1" applyFont="1" applyBorder="1" applyAlignment="1">
      <alignment vertical="center"/>
    </xf>
    <xf numFmtId="178" fontId="0" fillId="0" borderId="55" xfId="0" applyNumberFormat="1" applyFont="1" applyBorder="1" applyAlignment="1">
      <alignment vertical="center"/>
    </xf>
    <xf numFmtId="0" fontId="0" fillId="0" borderId="7" xfId="0" applyFont="1" applyBorder="1" applyAlignment="1">
      <alignment horizontal="left" vertical="center" shrinkToFit="1"/>
    </xf>
    <xf numFmtId="178" fontId="0" fillId="0" borderId="8" xfId="0" applyNumberFormat="1" applyFont="1" applyBorder="1" applyAlignment="1">
      <alignment vertical="center"/>
    </xf>
    <xf numFmtId="178" fontId="0" fillId="0" borderId="5" xfId="0" applyNumberFormat="1" applyFont="1" applyBorder="1" applyAlignment="1">
      <alignment vertical="center"/>
    </xf>
    <xf numFmtId="178" fontId="0" fillId="0" borderId="46" xfId="0" applyNumberFormat="1" applyFont="1" applyBorder="1" applyAlignment="1">
      <alignment vertical="center"/>
    </xf>
    <xf numFmtId="178" fontId="0" fillId="0" borderId="47" xfId="0" applyNumberFormat="1" applyFont="1" applyBorder="1" applyAlignment="1">
      <alignment vertical="center"/>
    </xf>
    <xf numFmtId="178" fontId="0" fillId="0" borderId="48" xfId="0" applyNumberFormat="1" applyFont="1" applyBorder="1" applyAlignment="1">
      <alignment vertical="center"/>
    </xf>
    <xf numFmtId="178" fontId="0" fillId="0" borderId="8" xfId="1" applyNumberFormat="1" applyFont="1" applyBorder="1" applyAlignment="1">
      <alignment vertical="center"/>
    </xf>
    <xf numFmtId="178" fontId="0" fillId="0" borderId="5" xfId="1" applyNumberFormat="1" applyFont="1" applyBorder="1" applyAlignment="1">
      <alignment vertical="center"/>
    </xf>
    <xf numFmtId="178" fontId="0" fillId="0" borderId="38" xfId="1" applyNumberFormat="1" applyFont="1" applyBorder="1" applyAlignment="1">
      <alignment vertical="center"/>
    </xf>
    <xf numFmtId="178" fontId="0" fillId="0" borderId="39" xfId="1" applyNumberFormat="1" applyFont="1" applyBorder="1" applyAlignment="1">
      <alignment vertical="center"/>
    </xf>
    <xf numFmtId="178" fontId="0" fillId="0" borderId="54" xfId="0" applyNumberFormat="1" applyFont="1" applyBorder="1" applyAlignment="1">
      <alignment vertical="center"/>
    </xf>
    <xf numFmtId="0" fontId="0" fillId="0" borderId="7" xfId="0" applyFont="1" applyBorder="1" applyAlignment="1">
      <alignment horizontal="left" vertical="center"/>
    </xf>
    <xf numFmtId="178" fontId="0" fillId="0" borderId="49" xfId="1" applyNumberFormat="1" applyFont="1" applyBorder="1" applyAlignment="1">
      <alignment vertical="center"/>
    </xf>
    <xf numFmtId="0" fontId="0" fillId="0" borderId="14" xfId="0" applyFont="1" applyBorder="1" applyAlignment="1">
      <alignment horizontal="left" vertical="center"/>
    </xf>
    <xf numFmtId="178" fontId="0" fillId="0" borderId="9" xfId="0" applyNumberFormat="1" applyFont="1" applyBorder="1" applyAlignment="1">
      <alignment vertical="center"/>
    </xf>
    <xf numFmtId="178" fontId="0" fillId="0" borderId="12" xfId="0" applyNumberFormat="1" applyFont="1" applyBorder="1" applyAlignment="1">
      <alignment vertical="center"/>
    </xf>
    <xf numFmtId="178" fontId="0" fillId="0" borderId="13" xfId="0" applyNumberFormat="1" applyFont="1" applyBorder="1" applyAlignment="1">
      <alignment vertical="center"/>
    </xf>
    <xf numFmtId="178" fontId="0" fillId="0" borderId="50" xfId="0" applyNumberFormat="1" applyFont="1" applyBorder="1" applyAlignment="1">
      <alignment vertical="center"/>
    </xf>
    <xf numFmtId="178" fontId="0" fillId="0" borderId="30" xfId="0" applyNumberFormat="1" applyFont="1" applyBorder="1" applyAlignment="1">
      <alignment vertical="center"/>
    </xf>
    <xf numFmtId="178" fontId="0" fillId="0" borderId="9" xfId="1" applyNumberFormat="1" applyFont="1" applyBorder="1" applyAlignment="1">
      <alignment vertical="center"/>
    </xf>
    <xf numFmtId="178" fontId="0" fillId="0" borderId="12" xfId="1" applyNumberFormat="1" applyFont="1" applyBorder="1" applyAlignment="1">
      <alignment vertical="center"/>
    </xf>
    <xf numFmtId="178" fontId="0" fillId="0" borderId="25" xfId="1" applyNumberFormat="1" applyFont="1" applyBorder="1" applyAlignment="1">
      <alignment vertical="center"/>
    </xf>
    <xf numFmtId="178" fontId="0" fillId="0" borderId="40" xfId="1" applyNumberFormat="1" applyFont="1" applyBorder="1" applyAlignment="1">
      <alignment vertical="center"/>
    </xf>
    <xf numFmtId="178" fontId="0" fillId="0" borderId="33" xfId="0" applyNumberFormat="1" applyFont="1" applyBorder="1" applyAlignment="1">
      <alignment vertical="center"/>
    </xf>
    <xf numFmtId="0" fontId="0" fillId="0" borderId="15" xfId="0" applyFont="1" applyBorder="1" applyAlignment="1">
      <alignment horizontal="center" vertical="center"/>
    </xf>
    <xf numFmtId="0" fontId="0" fillId="0" borderId="16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17" xfId="0" applyFont="1" applyBorder="1" applyAlignment="1">
      <alignment horizontal="center" vertical="center"/>
    </xf>
    <xf numFmtId="0" fontId="0" fillId="0" borderId="18" xfId="0" applyFont="1" applyBorder="1" applyAlignment="1">
      <alignment horizontal="center" vertical="center" wrapText="1"/>
    </xf>
    <xf numFmtId="176" fontId="0" fillId="0" borderId="34" xfId="1" applyNumberFormat="1" applyFont="1" applyBorder="1" applyAlignment="1">
      <alignment vertical="center"/>
    </xf>
    <xf numFmtId="176" fontId="0" fillId="0" borderId="35" xfId="1" applyNumberFormat="1" applyFont="1" applyBorder="1" applyAlignment="1">
      <alignment vertical="center"/>
    </xf>
    <xf numFmtId="176" fontId="0" fillId="0" borderId="36" xfId="1" applyNumberFormat="1" applyFont="1" applyBorder="1" applyAlignment="1">
      <alignment vertical="center"/>
    </xf>
    <xf numFmtId="176" fontId="0" fillId="0" borderId="51" xfId="1" applyNumberFormat="1" applyFont="1" applyBorder="1" applyAlignment="1">
      <alignment vertical="center"/>
    </xf>
    <xf numFmtId="176" fontId="0" fillId="0" borderId="37" xfId="1" applyNumberFormat="1" applyFont="1" applyBorder="1" applyAlignment="1">
      <alignment vertical="center"/>
    </xf>
    <xf numFmtId="176" fontId="0" fillId="0" borderId="52" xfId="1" applyNumberFormat="1" applyFont="1" applyBorder="1" applyAlignment="1">
      <alignment vertical="center"/>
    </xf>
    <xf numFmtId="176" fontId="0" fillId="0" borderId="8" xfId="1" applyNumberFormat="1" applyFont="1" applyBorder="1" applyAlignment="1">
      <alignment vertical="center"/>
    </xf>
    <xf numFmtId="176" fontId="0" fillId="0" borderId="5" xfId="1" applyNumberFormat="1" applyFont="1" applyBorder="1" applyAlignment="1">
      <alignment vertical="center"/>
    </xf>
    <xf numFmtId="176" fontId="0" fillId="0" borderId="38" xfId="1" applyNumberFormat="1" applyFont="1" applyBorder="1" applyAlignment="1">
      <alignment vertical="center"/>
    </xf>
    <xf numFmtId="176" fontId="0" fillId="0" borderId="53" xfId="1" applyNumberFormat="1" applyFont="1" applyBorder="1" applyAlignment="1">
      <alignment vertical="center"/>
    </xf>
    <xf numFmtId="176" fontId="0" fillId="0" borderId="39" xfId="1" applyNumberFormat="1" applyFont="1" applyBorder="1" applyAlignment="1">
      <alignment vertical="center"/>
    </xf>
    <xf numFmtId="176" fontId="0" fillId="0" borderId="54" xfId="1" applyNumberFormat="1" applyFont="1" applyBorder="1" applyAlignment="1">
      <alignment vertical="center"/>
    </xf>
    <xf numFmtId="176" fontId="0" fillId="0" borderId="9" xfId="1" applyNumberFormat="1" applyFont="1" applyBorder="1" applyAlignment="1">
      <alignment vertical="center"/>
    </xf>
    <xf numFmtId="176" fontId="0" fillId="0" borderId="12" xfId="1" applyNumberFormat="1" applyFont="1" applyBorder="1" applyAlignment="1">
      <alignment vertical="center"/>
    </xf>
    <xf numFmtId="176" fontId="0" fillId="0" borderId="25" xfId="1" applyNumberFormat="1" applyFont="1" applyBorder="1" applyAlignment="1">
      <alignment vertical="center"/>
    </xf>
    <xf numFmtId="176" fontId="0" fillId="0" borderId="26" xfId="1" applyNumberFormat="1" applyFont="1" applyBorder="1" applyAlignment="1">
      <alignment vertical="center"/>
    </xf>
    <xf numFmtId="176" fontId="0" fillId="0" borderId="40" xfId="1" applyNumberFormat="1" applyFont="1" applyBorder="1" applyAlignment="1">
      <alignment vertical="center"/>
    </xf>
    <xf numFmtId="176" fontId="0" fillId="0" borderId="33" xfId="1" applyNumberFormat="1" applyFont="1" applyBorder="1" applyAlignment="1">
      <alignment vertical="center"/>
    </xf>
    <xf numFmtId="0" fontId="5" fillId="0" borderId="0" xfId="3" applyFont="1">
      <alignment vertical="center"/>
    </xf>
    <xf numFmtId="0" fontId="2" fillId="0" borderId="0" xfId="3" applyFont="1">
      <alignment vertical="center"/>
    </xf>
    <xf numFmtId="0" fontId="2" fillId="0" borderId="9" xfId="3" applyFont="1" applyBorder="1" applyAlignment="1">
      <alignment horizontal="center" vertical="center"/>
    </xf>
    <xf numFmtId="0" fontId="2" fillId="0" borderId="12" xfId="3" applyFont="1" applyBorder="1" applyAlignment="1">
      <alignment horizontal="center" vertical="center"/>
    </xf>
    <xf numFmtId="0" fontId="2" fillId="0" borderId="66" xfId="3" applyFont="1" applyBorder="1" applyAlignment="1">
      <alignment horizontal="center" vertical="center"/>
    </xf>
    <xf numFmtId="0" fontId="2" fillId="0" borderId="26" xfId="3" applyFont="1" applyBorder="1" applyAlignment="1">
      <alignment horizontal="center" vertical="center" wrapText="1"/>
    </xf>
    <xf numFmtId="0" fontId="2" fillId="0" borderId="13" xfId="3" applyFont="1" applyBorder="1" applyAlignment="1">
      <alignment horizontal="center" vertical="center"/>
    </xf>
    <xf numFmtId="0" fontId="2" fillId="0" borderId="25" xfId="3" applyFont="1" applyBorder="1" applyAlignment="1">
      <alignment horizontal="center" vertical="center"/>
    </xf>
    <xf numFmtId="0" fontId="2" fillId="0" borderId="3" xfId="0" applyFont="1" applyBorder="1" applyAlignment="1">
      <alignment horizontal="left" vertical="center" shrinkToFit="1"/>
    </xf>
    <xf numFmtId="38" fontId="2" fillId="0" borderId="49" xfId="1" applyFont="1" applyBorder="1" applyAlignment="1">
      <alignment vertical="center"/>
    </xf>
    <xf numFmtId="38" fontId="2" fillId="0" borderId="42" xfId="1" applyFont="1" applyBorder="1" applyAlignment="1">
      <alignment vertical="center"/>
    </xf>
    <xf numFmtId="38" fontId="2" fillId="0" borderId="57" xfId="1" applyFont="1" applyBorder="1" applyAlignment="1">
      <alignment vertical="center"/>
    </xf>
    <xf numFmtId="38" fontId="2" fillId="0" borderId="90" xfId="1" applyFont="1" applyBorder="1" applyAlignment="1">
      <alignment vertical="center"/>
    </xf>
    <xf numFmtId="38" fontId="2" fillId="0" borderId="73" xfId="1" applyFont="1" applyBorder="1" applyAlignment="1">
      <alignment vertical="center"/>
    </xf>
    <xf numFmtId="38" fontId="2" fillId="0" borderId="89" xfId="1" applyFont="1" applyBorder="1" applyAlignment="1">
      <alignment vertical="center"/>
    </xf>
    <xf numFmtId="38" fontId="2" fillId="0" borderId="4" xfId="1" applyFont="1" applyBorder="1" applyAlignment="1">
      <alignment vertical="center"/>
    </xf>
    <xf numFmtId="0" fontId="2" fillId="0" borderId="7" xfId="0" applyFont="1" applyBorder="1" applyAlignment="1">
      <alignment horizontal="left" vertical="center" shrinkToFit="1"/>
    </xf>
    <xf numFmtId="38" fontId="2" fillId="0" borderId="8" xfId="1" applyFont="1" applyBorder="1" applyAlignment="1">
      <alignment vertical="center"/>
    </xf>
    <xf numFmtId="38" fontId="2" fillId="0" borderId="5" xfId="1" applyFont="1" applyBorder="1" applyAlignment="1">
      <alignment vertical="center"/>
    </xf>
    <xf numFmtId="38" fontId="2" fillId="0" borderId="56" xfId="1" applyFont="1" applyBorder="1" applyAlignment="1">
      <alignment vertical="center"/>
    </xf>
    <xf numFmtId="38" fontId="2" fillId="0" borderId="53" xfId="1" applyFont="1" applyBorder="1" applyAlignment="1">
      <alignment vertical="center"/>
    </xf>
    <xf numFmtId="38" fontId="2" fillId="0" borderId="46" xfId="1" applyFont="1" applyBorder="1" applyAlignment="1">
      <alignment vertical="center"/>
    </xf>
    <xf numFmtId="38" fontId="2" fillId="0" borderId="39" xfId="1" applyFont="1" applyBorder="1" applyAlignment="1">
      <alignment vertical="center"/>
    </xf>
    <xf numFmtId="38" fontId="2" fillId="0" borderId="38" xfId="1" applyFont="1" applyBorder="1" applyAlignment="1">
      <alignment vertical="center"/>
    </xf>
    <xf numFmtId="0" fontId="2" fillId="0" borderId="7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38" fontId="2" fillId="0" borderId="9" xfId="1" applyFont="1" applyBorder="1" applyAlignment="1">
      <alignment vertical="center"/>
    </xf>
    <xf numFmtId="38" fontId="2" fillId="0" borderId="12" xfId="1" applyFont="1" applyBorder="1" applyAlignment="1">
      <alignment vertical="center"/>
    </xf>
    <xf numFmtId="38" fontId="2" fillId="0" borderId="66" xfId="1" applyFont="1" applyBorder="1" applyAlignment="1">
      <alignment vertical="center"/>
    </xf>
    <xf numFmtId="38" fontId="2" fillId="0" borderId="26" xfId="1" applyFont="1" applyBorder="1" applyAlignment="1">
      <alignment vertical="center"/>
    </xf>
    <xf numFmtId="38" fontId="2" fillId="0" borderId="13" xfId="1" applyFont="1" applyBorder="1" applyAlignment="1">
      <alignment vertical="center"/>
    </xf>
    <xf numFmtId="38" fontId="2" fillId="0" borderId="40" xfId="1" applyFont="1" applyBorder="1" applyAlignment="1">
      <alignment vertical="center"/>
    </xf>
    <xf numFmtId="38" fontId="2" fillId="0" borderId="25" xfId="1" applyFont="1" applyBorder="1" applyAlignment="1">
      <alignment vertical="center"/>
    </xf>
    <xf numFmtId="0" fontId="0" fillId="0" borderId="0" xfId="3" applyFont="1">
      <alignment vertical="center"/>
    </xf>
    <xf numFmtId="182" fontId="0" fillId="0" borderId="0" xfId="0" applyNumberFormat="1" applyFont="1" applyAlignment="1">
      <alignment horizontal="center" vertical="center"/>
    </xf>
    <xf numFmtId="0" fontId="0" fillId="0" borderId="9" xfId="3" applyFont="1" applyBorder="1" applyAlignment="1">
      <alignment horizontal="center" vertical="center"/>
    </xf>
    <xf numFmtId="0" fontId="0" fillId="0" borderId="12" xfId="3" applyFont="1" applyBorder="1" applyAlignment="1">
      <alignment horizontal="center" vertical="center"/>
    </xf>
    <xf numFmtId="0" fontId="0" fillId="0" borderId="66" xfId="3" applyFont="1" applyBorder="1" applyAlignment="1">
      <alignment horizontal="center" vertical="center"/>
    </xf>
    <xf numFmtId="0" fontId="0" fillId="0" borderId="26" xfId="3" applyFont="1" applyBorder="1" applyAlignment="1">
      <alignment horizontal="center" vertical="center" wrapText="1"/>
    </xf>
    <xf numFmtId="0" fontId="0" fillId="0" borderId="13" xfId="3" applyFont="1" applyBorder="1" applyAlignment="1">
      <alignment horizontal="center" vertical="center"/>
    </xf>
    <xf numFmtId="0" fontId="0" fillId="0" borderId="25" xfId="3" applyFont="1" applyBorder="1" applyAlignment="1">
      <alignment horizontal="center" vertical="center"/>
    </xf>
    <xf numFmtId="38" fontId="0" fillId="0" borderId="49" xfId="1" applyFont="1" applyBorder="1" applyAlignment="1">
      <alignment vertical="center"/>
    </xf>
    <xf numFmtId="38" fontId="0" fillId="0" borderId="42" xfId="1" applyFont="1" applyBorder="1" applyAlignment="1">
      <alignment vertical="center"/>
    </xf>
    <xf numFmtId="38" fontId="0" fillId="0" borderId="57" xfId="1" applyFont="1" applyBorder="1" applyAlignment="1">
      <alignment vertical="center"/>
    </xf>
    <xf numFmtId="38" fontId="0" fillId="0" borderId="90" xfId="1" applyFont="1" applyBorder="1" applyAlignment="1">
      <alignment vertical="center"/>
    </xf>
    <xf numFmtId="38" fontId="0" fillId="0" borderId="73" xfId="1" applyFont="1" applyBorder="1" applyAlignment="1">
      <alignment vertical="center"/>
    </xf>
    <xf numFmtId="38" fontId="0" fillId="0" borderId="89" xfId="1" applyFont="1" applyBorder="1" applyAlignment="1">
      <alignment vertical="center"/>
    </xf>
    <xf numFmtId="38" fontId="0" fillId="0" borderId="4" xfId="1" applyFont="1" applyBorder="1" applyAlignment="1">
      <alignment vertical="center"/>
    </xf>
    <xf numFmtId="38" fontId="0" fillId="0" borderId="8" xfId="1" applyFont="1" applyBorder="1" applyAlignment="1">
      <alignment vertical="center"/>
    </xf>
    <xf numFmtId="38" fontId="0" fillId="0" borderId="5" xfId="1" applyFont="1" applyBorder="1" applyAlignment="1">
      <alignment vertical="center"/>
    </xf>
    <xf numFmtId="38" fontId="0" fillId="0" borderId="56" xfId="1" applyFont="1" applyBorder="1" applyAlignment="1">
      <alignment vertical="center"/>
    </xf>
    <xf numFmtId="38" fontId="0" fillId="0" borderId="53" xfId="1" applyFont="1" applyBorder="1" applyAlignment="1">
      <alignment vertical="center"/>
    </xf>
    <xf numFmtId="38" fontId="0" fillId="0" borderId="46" xfId="1" applyFont="1" applyBorder="1" applyAlignment="1">
      <alignment vertical="center"/>
    </xf>
    <xf numFmtId="38" fontId="0" fillId="0" borderId="39" xfId="1" applyFont="1" applyBorder="1" applyAlignment="1">
      <alignment vertical="center"/>
    </xf>
    <xf numFmtId="38" fontId="0" fillId="0" borderId="38" xfId="1" applyFont="1" applyBorder="1" applyAlignment="1">
      <alignment vertical="center"/>
    </xf>
    <xf numFmtId="38" fontId="0" fillId="0" borderId="9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38" fontId="0" fillId="0" borderId="66" xfId="1" applyFont="1" applyBorder="1" applyAlignment="1">
      <alignment vertical="center"/>
    </xf>
    <xf numFmtId="38" fontId="0" fillId="0" borderId="26" xfId="1" applyFont="1" applyBorder="1" applyAlignment="1">
      <alignment vertical="center"/>
    </xf>
    <xf numFmtId="38" fontId="0" fillId="0" borderId="13" xfId="1" applyFont="1" applyBorder="1" applyAlignment="1">
      <alignment vertical="center"/>
    </xf>
    <xf numFmtId="38" fontId="0" fillId="0" borderId="40" xfId="1" applyFont="1" applyBorder="1" applyAlignment="1">
      <alignment vertical="center"/>
    </xf>
    <xf numFmtId="38" fontId="0" fillId="0" borderId="25" xfId="1" applyFont="1" applyBorder="1" applyAlignment="1">
      <alignment vertical="center"/>
    </xf>
    <xf numFmtId="0" fontId="0" fillId="0" borderId="33" xfId="3" applyFont="1" applyBorder="1" applyAlignment="1">
      <alignment horizontal="center" vertical="center"/>
    </xf>
    <xf numFmtId="0" fontId="0" fillId="0" borderId="72" xfId="3" applyFont="1" applyBorder="1" applyAlignment="1">
      <alignment horizontal="center" vertical="center"/>
    </xf>
    <xf numFmtId="38" fontId="0" fillId="0" borderId="74" xfId="1" applyFont="1" applyBorder="1" applyAlignment="1">
      <alignment vertical="center"/>
    </xf>
    <xf numFmtId="38" fontId="0" fillId="0" borderId="65" xfId="1" applyFont="1" applyBorder="1" applyAlignment="1">
      <alignment vertical="center"/>
    </xf>
    <xf numFmtId="38" fontId="0" fillId="0" borderId="72" xfId="1" applyFont="1" applyBorder="1" applyAlignment="1">
      <alignment vertical="center"/>
    </xf>
    <xf numFmtId="0" fontId="0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horizontal="right" vertical="center"/>
    </xf>
    <xf numFmtId="177" fontId="0" fillId="0" borderId="34" xfId="1" applyNumberFormat="1" applyFont="1" applyBorder="1" applyAlignment="1">
      <alignment vertical="center"/>
    </xf>
    <xf numFmtId="177" fontId="0" fillId="0" borderId="35" xfId="1" applyNumberFormat="1" applyFont="1" applyBorder="1" applyAlignment="1">
      <alignment vertical="center"/>
    </xf>
    <xf numFmtId="177" fontId="0" fillId="0" borderId="36" xfId="1" applyNumberFormat="1" applyFont="1" applyBorder="1" applyAlignment="1">
      <alignment vertical="center"/>
    </xf>
    <xf numFmtId="177" fontId="0" fillId="0" borderId="51" xfId="1" applyNumberFormat="1" applyFont="1" applyBorder="1" applyAlignment="1">
      <alignment vertical="center"/>
    </xf>
    <xf numFmtId="177" fontId="0" fillId="0" borderId="37" xfId="1" applyNumberFormat="1" applyFont="1" applyBorder="1" applyAlignment="1">
      <alignment vertical="center"/>
    </xf>
    <xf numFmtId="177" fontId="0" fillId="0" borderId="52" xfId="1" applyNumberFormat="1" applyFont="1" applyBorder="1" applyAlignment="1">
      <alignment vertical="center"/>
    </xf>
    <xf numFmtId="177" fontId="0" fillId="0" borderId="8" xfId="1" applyNumberFormat="1" applyFont="1" applyBorder="1" applyAlignment="1">
      <alignment vertical="center"/>
    </xf>
    <xf numFmtId="177" fontId="0" fillId="0" borderId="5" xfId="1" applyNumberFormat="1" applyFont="1" applyBorder="1" applyAlignment="1">
      <alignment vertical="center"/>
    </xf>
    <xf numFmtId="177" fontId="0" fillId="0" borderId="38" xfId="1" applyNumberFormat="1" applyFont="1" applyBorder="1" applyAlignment="1">
      <alignment vertical="center"/>
    </xf>
    <xf numFmtId="177" fontId="0" fillId="0" borderId="53" xfId="1" applyNumberFormat="1" applyFont="1" applyBorder="1" applyAlignment="1">
      <alignment vertical="center"/>
    </xf>
    <xf numFmtId="177" fontId="0" fillId="0" borderId="39" xfId="1" applyNumberFormat="1" applyFont="1" applyBorder="1" applyAlignment="1">
      <alignment vertical="center"/>
    </xf>
    <xf numFmtId="177" fontId="0" fillId="0" borderId="54" xfId="1" applyNumberFormat="1" applyFont="1" applyBorder="1" applyAlignment="1">
      <alignment vertical="center"/>
    </xf>
    <xf numFmtId="177" fontId="0" fillId="0" borderId="9" xfId="1" applyNumberFormat="1" applyFont="1" applyBorder="1" applyAlignment="1">
      <alignment vertical="center"/>
    </xf>
    <xf numFmtId="177" fontId="0" fillId="0" borderId="12" xfId="1" applyNumberFormat="1" applyFont="1" applyBorder="1" applyAlignment="1">
      <alignment vertical="center"/>
    </xf>
    <xf numFmtId="177" fontId="0" fillId="0" borderId="25" xfId="1" applyNumberFormat="1" applyFont="1" applyBorder="1" applyAlignment="1">
      <alignment vertical="center"/>
    </xf>
    <xf numFmtId="177" fontId="0" fillId="0" borderId="26" xfId="1" applyNumberFormat="1" applyFont="1" applyBorder="1" applyAlignment="1">
      <alignment vertical="center"/>
    </xf>
    <xf numFmtId="177" fontId="0" fillId="0" borderId="40" xfId="1" applyNumberFormat="1" applyFont="1" applyBorder="1" applyAlignment="1">
      <alignment vertical="center"/>
    </xf>
    <xf numFmtId="177" fontId="0" fillId="0" borderId="33" xfId="1" applyNumberFormat="1" applyFont="1" applyBorder="1" applyAlignment="1">
      <alignment vertical="center"/>
    </xf>
    <xf numFmtId="0" fontId="0" fillId="0" borderId="20" xfId="0" applyFont="1" applyBorder="1" applyAlignment="1">
      <alignment horizontal="center" vertical="center" wrapText="1"/>
    </xf>
    <xf numFmtId="38" fontId="0" fillId="0" borderId="21" xfId="1" applyFont="1" applyBorder="1" applyAlignment="1">
      <alignment horizontal="center" vertical="center" wrapText="1"/>
    </xf>
    <xf numFmtId="0" fontId="0" fillId="0" borderId="22" xfId="0" applyFont="1" applyBorder="1" applyAlignment="1">
      <alignment horizontal="center" vertical="center" wrapText="1"/>
    </xf>
    <xf numFmtId="38" fontId="0" fillId="0" borderId="23" xfId="1" applyFont="1" applyBorder="1" applyAlignment="1">
      <alignment horizontal="center" vertical="center" wrapText="1"/>
    </xf>
    <xf numFmtId="0" fontId="0" fillId="0" borderId="23" xfId="0" applyFont="1" applyBorder="1" applyAlignment="1">
      <alignment horizontal="center" vertical="center" wrapText="1"/>
    </xf>
    <xf numFmtId="38" fontId="0" fillId="0" borderId="24" xfId="1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  <xf numFmtId="177" fontId="0" fillId="0" borderId="43" xfId="1" applyNumberFormat="1" applyFont="1" applyBorder="1" applyAlignment="1">
      <alignment vertical="center"/>
    </xf>
    <xf numFmtId="177" fontId="0" fillId="0" borderId="58" xfId="1" applyNumberFormat="1" applyFont="1" applyBorder="1" applyAlignment="1">
      <alignment vertical="center"/>
    </xf>
    <xf numFmtId="177" fontId="0" fillId="0" borderId="45" xfId="1" applyNumberFormat="1" applyFont="1" applyBorder="1" applyAlignment="1">
      <alignment vertical="center"/>
    </xf>
    <xf numFmtId="38" fontId="0" fillId="0" borderId="0" xfId="1" applyFont="1" applyAlignment="1">
      <alignment vertical="center"/>
    </xf>
    <xf numFmtId="177" fontId="0" fillId="0" borderId="46" xfId="1" applyNumberFormat="1" applyFont="1" applyBorder="1" applyAlignment="1">
      <alignment vertical="center"/>
    </xf>
    <xf numFmtId="177" fontId="0" fillId="0" borderId="56" xfId="1" applyNumberFormat="1" applyFont="1" applyBorder="1" applyAlignment="1">
      <alignment vertical="center"/>
    </xf>
    <xf numFmtId="177" fontId="0" fillId="0" borderId="48" xfId="1" applyNumberFormat="1" applyFont="1" applyBorder="1" applyAlignment="1">
      <alignment vertical="center"/>
    </xf>
    <xf numFmtId="177" fontId="0" fillId="0" borderId="13" xfId="1" applyNumberFormat="1" applyFont="1" applyBorder="1" applyAlignment="1">
      <alignment vertical="center"/>
    </xf>
    <xf numFmtId="177" fontId="0" fillId="0" borderId="66" xfId="1" applyNumberFormat="1" applyFont="1" applyBorder="1" applyAlignment="1">
      <alignment vertical="center"/>
    </xf>
    <xf numFmtId="177" fontId="0" fillId="0" borderId="30" xfId="1" applyNumberFormat="1" applyFont="1" applyBorder="1" applyAlignment="1">
      <alignment vertical="center"/>
    </xf>
    <xf numFmtId="38" fontId="0" fillId="0" borderId="0" xfId="1" applyFont="1" applyBorder="1" applyAlignment="1">
      <alignment vertical="center"/>
    </xf>
    <xf numFmtId="0" fontId="0" fillId="0" borderId="0" xfId="0" applyFont="1" applyFill="1" applyAlignment="1">
      <alignment vertical="center"/>
    </xf>
    <xf numFmtId="182" fontId="0" fillId="0" borderId="0" xfId="0" applyNumberFormat="1" applyFont="1" applyBorder="1" applyAlignment="1">
      <alignment horizontal="center" vertical="center"/>
    </xf>
    <xf numFmtId="0" fontId="0" fillId="0" borderId="33" xfId="0" applyFont="1" applyBorder="1" applyAlignment="1">
      <alignment horizontal="center" vertical="center"/>
    </xf>
    <xf numFmtId="0" fontId="0" fillId="0" borderId="25" xfId="0" applyFont="1" applyBorder="1" applyAlignment="1">
      <alignment horizontal="center" vertical="center"/>
    </xf>
    <xf numFmtId="0" fontId="0" fillId="0" borderId="20" xfId="0" applyFont="1" applyBorder="1" applyAlignment="1">
      <alignment horizontal="center" vertical="center"/>
    </xf>
    <xf numFmtId="0" fontId="0" fillId="0" borderId="23" xfId="0" applyFont="1" applyBorder="1" applyAlignment="1">
      <alignment horizontal="center" vertical="center"/>
    </xf>
    <xf numFmtId="0" fontId="0" fillId="0" borderId="24" xfId="0" applyFont="1" applyBorder="1" applyAlignment="1">
      <alignment horizontal="center" vertical="center"/>
    </xf>
    <xf numFmtId="0" fontId="0" fillId="0" borderId="21" xfId="0" applyFont="1" applyBorder="1" applyAlignment="1">
      <alignment horizontal="center" vertical="center"/>
    </xf>
    <xf numFmtId="179" fontId="0" fillId="0" borderId="55" xfId="0" applyNumberFormat="1" applyFont="1" applyBorder="1" applyAlignment="1">
      <alignment shrinkToFit="1"/>
    </xf>
    <xf numFmtId="179" fontId="0" fillId="0" borderId="42" xfId="0" applyNumberFormat="1" applyFont="1" applyBorder="1" applyAlignment="1">
      <alignment shrinkToFit="1"/>
    </xf>
    <xf numFmtId="179" fontId="0" fillId="0" borderId="73" xfId="0" applyNumberFormat="1" applyFont="1" applyBorder="1" applyAlignment="1">
      <alignment shrinkToFit="1"/>
    </xf>
    <xf numFmtId="179" fontId="0" fillId="0" borderId="74" xfId="0" applyNumberFormat="1" applyFont="1" applyBorder="1" applyAlignment="1">
      <alignment shrinkToFit="1"/>
    </xf>
    <xf numFmtId="179" fontId="0" fillId="0" borderId="57" xfId="0" applyNumberFormat="1" applyFont="1" applyBorder="1" applyAlignment="1">
      <alignment shrinkToFit="1"/>
    </xf>
    <xf numFmtId="179" fontId="0" fillId="0" borderId="37" xfId="0" applyNumberFormat="1" applyFont="1" applyBorder="1" applyAlignment="1">
      <alignment shrinkToFit="1"/>
    </xf>
    <xf numFmtId="179" fontId="0" fillId="0" borderId="43" xfId="0" applyNumberFormat="1" applyFont="1" applyBorder="1" applyAlignment="1">
      <alignment shrinkToFit="1"/>
    </xf>
    <xf numFmtId="179" fontId="0" fillId="0" borderId="51" xfId="0" applyNumberFormat="1" applyFont="1" applyBorder="1" applyAlignment="1">
      <alignment shrinkToFit="1"/>
    </xf>
    <xf numFmtId="179" fontId="0" fillId="0" borderId="35" xfId="0" applyNumberFormat="1" applyFont="1" applyBorder="1" applyAlignment="1">
      <alignment shrinkToFit="1"/>
    </xf>
    <xf numFmtId="179" fontId="0" fillId="0" borderId="34" xfId="0" applyNumberFormat="1" applyFont="1" applyBorder="1" applyAlignment="1">
      <alignment shrinkToFit="1"/>
    </xf>
    <xf numFmtId="179" fontId="0" fillId="0" borderId="60" xfId="0" applyNumberFormat="1" applyFont="1" applyBorder="1" applyAlignment="1">
      <alignment shrinkToFit="1"/>
    </xf>
    <xf numFmtId="179" fontId="0" fillId="0" borderId="36" xfId="0" applyNumberFormat="1" applyFont="1" applyBorder="1" applyAlignment="1">
      <alignment shrinkToFit="1"/>
    </xf>
    <xf numFmtId="179" fontId="0" fillId="0" borderId="52" xfId="0" applyNumberFormat="1" applyFont="1" applyBorder="1" applyAlignment="1">
      <alignment shrinkToFit="1"/>
    </xf>
    <xf numFmtId="179" fontId="0" fillId="0" borderId="44" xfId="0" applyNumberFormat="1" applyFont="1" applyBorder="1" applyAlignment="1">
      <alignment shrinkToFit="1"/>
    </xf>
    <xf numFmtId="179" fontId="0" fillId="0" borderId="75" xfId="0" applyNumberFormat="1" applyFont="1" applyBorder="1" applyAlignment="1">
      <alignment shrinkToFit="1"/>
    </xf>
    <xf numFmtId="179" fontId="0" fillId="0" borderId="58" xfId="0" applyNumberFormat="1" applyFont="1" applyBorder="1" applyAlignment="1">
      <alignment shrinkToFit="1"/>
    </xf>
    <xf numFmtId="179" fontId="0" fillId="0" borderId="59" xfId="0" applyNumberFormat="1" applyFont="1" applyBorder="1" applyAlignment="1">
      <alignment shrinkToFit="1"/>
    </xf>
    <xf numFmtId="179" fontId="0" fillId="0" borderId="27" xfId="0" applyNumberFormat="1" applyFont="1" applyBorder="1" applyAlignment="1">
      <alignment shrinkToFit="1"/>
    </xf>
    <xf numFmtId="180" fontId="0" fillId="0" borderId="3" xfId="2" applyNumberFormat="1" applyFont="1" applyBorder="1" applyAlignment="1">
      <alignment vertical="center" shrinkToFit="1"/>
    </xf>
    <xf numFmtId="180" fontId="0" fillId="0" borderId="35" xfId="2" applyNumberFormat="1" applyFont="1" applyBorder="1" applyAlignment="1">
      <alignment vertical="center" shrinkToFit="1"/>
    </xf>
    <xf numFmtId="180" fontId="0" fillId="0" borderId="57" xfId="2" applyNumberFormat="1" applyFont="1" applyBorder="1" applyAlignment="1">
      <alignment vertical="center" shrinkToFit="1"/>
    </xf>
    <xf numFmtId="180" fontId="0" fillId="0" borderId="51" xfId="2" applyNumberFormat="1" applyFont="1" applyBorder="1" applyAlignment="1">
      <alignment vertical="center" shrinkToFit="1"/>
    </xf>
    <xf numFmtId="180" fontId="0" fillId="0" borderId="52" xfId="2" applyNumberFormat="1" applyFont="1" applyBorder="1" applyAlignment="1">
      <alignment vertical="center" shrinkToFit="1"/>
    </xf>
    <xf numFmtId="180" fontId="0" fillId="0" borderId="58" xfId="2" applyNumberFormat="1" applyFont="1" applyBorder="1" applyAlignment="1">
      <alignment vertical="center" shrinkToFit="1"/>
    </xf>
    <xf numFmtId="180" fontId="0" fillId="0" borderId="43" xfId="2" applyNumberFormat="1" applyFont="1" applyBorder="1" applyAlignment="1">
      <alignment vertical="center" shrinkToFit="1"/>
    </xf>
    <xf numFmtId="180" fontId="0" fillId="0" borderId="59" xfId="2" applyNumberFormat="1" applyFont="1" applyBorder="1" applyAlignment="1">
      <alignment vertical="center" shrinkToFit="1"/>
    </xf>
    <xf numFmtId="180" fontId="0" fillId="0" borderId="34" xfId="1" applyNumberFormat="1" applyFont="1" applyFill="1" applyBorder="1" applyAlignment="1">
      <alignment vertical="center" shrinkToFit="1"/>
    </xf>
    <xf numFmtId="180" fontId="0" fillId="0" borderId="35" xfId="1" applyNumberFormat="1" applyFont="1" applyFill="1" applyBorder="1" applyAlignment="1">
      <alignment vertical="center" shrinkToFit="1"/>
    </xf>
    <xf numFmtId="180" fontId="0" fillId="0" borderId="43" xfId="1" applyNumberFormat="1" applyFont="1" applyFill="1" applyBorder="1" applyAlignment="1">
      <alignment vertical="center" shrinkToFit="1"/>
    </xf>
    <xf numFmtId="180" fontId="0" fillId="0" borderId="35" xfId="0" applyNumberFormat="1" applyFont="1" applyBorder="1" applyAlignment="1">
      <alignment shrinkToFit="1"/>
    </xf>
    <xf numFmtId="180" fontId="0" fillId="0" borderId="36" xfId="0" applyNumberFormat="1" applyFont="1" applyBorder="1" applyAlignment="1">
      <alignment shrinkToFit="1"/>
    </xf>
    <xf numFmtId="180" fontId="0" fillId="0" borderId="37" xfId="0" applyNumberFormat="1" applyFont="1" applyBorder="1" applyAlignment="1">
      <alignment shrinkToFit="1"/>
    </xf>
    <xf numFmtId="180" fontId="0" fillId="0" borderId="34" xfId="0" applyNumberFormat="1" applyFont="1" applyBorder="1" applyAlignment="1">
      <alignment shrinkToFit="1"/>
    </xf>
    <xf numFmtId="180" fontId="0" fillId="0" borderId="43" xfId="0" applyNumberFormat="1" applyFont="1" applyBorder="1" applyAlignment="1">
      <alignment shrinkToFit="1"/>
    </xf>
    <xf numFmtId="180" fontId="0" fillId="0" borderId="58" xfId="0" applyNumberFormat="1" applyFont="1" applyBorder="1" applyAlignment="1">
      <alignment shrinkToFit="1"/>
    </xf>
    <xf numFmtId="180" fontId="0" fillId="0" borderId="51" xfId="0" applyNumberFormat="1" applyFont="1" applyBorder="1" applyAlignment="1">
      <alignment shrinkToFit="1"/>
    </xf>
    <xf numFmtId="180" fontId="0" fillId="0" borderId="34" xfId="1" applyNumberFormat="1" applyFont="1" applyFill="1" applyBorder="1" applyAlignment="1">
      <alignment shrinkToFit="1"/>
    </xf>
    <xf numFmtId="180" fontId="0" fillId="0" borderId="52" xfId="0" applyNumberFormat="1" applyFont="1" applyBorder="1" applyAlignment="1">
      <alignment shrinkToFit="1"/>
    </xf>
    <xf numFmtId="180" fontId="0" fillId="0" borderId="45" xfId="0" applyNumberFormat="1" applyFont="1" applyBorder="1" applyAlignment="1">
      <alignment shrinkToFit="1"/>
    </xf>
    <xf numFmtId="0" fontId="0" fillId="0" borderId="0" xfId="0" applyFont="1" applyAlignment="1">
      <alignment vertical="center" shrinkToFit="1"/>
    </xf>
    <xf numFmtId="179" fontId="0" fillId="0" borderId="54" xfId="0" applyNumberFormat="1" applyFont="1" applyBorder="1" applyAlignment="1">
      <alignment shrinkToFit="1"/>
    </xf>
    <xf numFmtId="179" fontId="0" fillId="0" borderId="5" xfId="0" applyNumberFormat="1" applyFont="1" applyBorder="1" applyAlignment="1">
      <alignment shrinkToFit="1"/>
    </xf>
    <xf numFmtId="179" fontId="0" fillId="0" borderId="46" xfId="0" applyNumberFormat="1" applyFont="1" applyBorder="1" applyAlignment="1">
      <alignment shrinkToFit="1"/>
    </xf>
    <xf numFmtId="179" fontId="0" fillId="0" borderId="56" xfId="0" applyNumberFormat="1" applyFont="1" applyBorder="1" applyAlignment="1">
      <alignment shrinkToFit="1"/>
    </xf>
    <xf numFmtId="179" fontId="0" fillId="0" borderId="39" xfId="0" applyNumberFormat="1" applyFont="1" applyBorder="1" applyAlignment="1">
      <alignment shrinkToFit="1"/>
    </xf>
    <xf numFmtId="179" fontId="0" fillId="0" borderId="38" xfId="0" applyNumberFormat="1" applyFont="1" applyBorder="1" applyAlignment="1">
      <alignment shrinkToFit="1"/>
    </xf>
    <xf numFmtId="179" fontId="0" fillId="0" borderId="53" xfId="0" applyNumberFormat="1" applyFont="1" applyBorder="1" applyAlignment="1">
      <alignment shrinkToFit="1"/>
    </xf>
    <xf numFmtId="179" fontId="0" fillId="0" borderId="8" xfId="0" applyNumberFormat="1" applyFont="1" applyBorder="1" applyAlignment="1">
      <alignment shrinkToFit="1"/>
    </xf>
    <xf numFmtId="179" fontId="0" fillId="0" borderId="48" xfId="0" applyNumberFormat="1" applyFont="1" applyBorder="1" applyAlignment="1">
      <alignment shrinkToFit="1"/>
    </xf>
    <xf numFmtId="180" fontId="0" fillId="0" borderId="7" xfId="2" applyNumberFormat="1" applyFont="1" applyBorder="1" applyAlignment="1">
      <alignment vertical="center" shrinkToFit="1"/>
    </xf>
    <xf numFmtId="180" fontId="0" fillId="0" borderId="5" xfId="2" applyNumberFormat="1" applyFont="1" applyBorder="1" applyAlignment="1">
      <alignment vertical="center" shrinkToFit="1"/>
    </xf>
    <xf numFmtId="180" fontId="0" fillId="0" borderId="56" xfId="2" applyNumberFormat="1" applyFont="1" applyBorder="1" applyAlignment="1">
      <alignment vertical="center" shrinkToFit="1"/>
    </xf>
    <xf numFmtId="180" fontId="0" fillId="0" borderId="61" xfId="2" applyNumberFormat="1" applyFont="1" applyBorder="1" applyAlignment="1">
      <alignment vertical="center" shrinkToFit="1"/>
    </xf>
    <xf numFmtId="180" fontId="0" fillId="0" borderId="62" xfId="2" applyNumberFormat="1" applyFont="1" applyBorder="1" applyAlignment="1">
      <alignment vertical="center" shrinkToFit="1"/>
    </xf>
    <xf numFmtId="180" fontId="0" fillId="0" borderId="63" xfId="2" applyNumberFormat="1" applyFont="1" applyBorder="1" applyAlignment="1">
      <alignment vertical="center" shrinkToFit="1"/>
    </xf>
    <xf numFmtId="180" fontId="0" fillId="0" borderId="0" xfId="2" applyNumberFormat="1" applyFont="1" applyBorder="1" applyAlignment="1">
      <alignment vertical="center" shrinkToFit="1"/>
    </xf>
    <xf numFmtId="180" fontId="0" fillId="0" borderId="64" xfId="2" applyNumberFormat="1" applyFont="1" applyBorder="1" applyAlignment="1">
      <alignment vertical="center" shrinkToFit="1"/>
    </xf>
    <xf numFmtId="180" fontId="0" fillId="0" borderId="48" xfId="2" applyNumberFormat="1" applyFont="1" applyBorder="1" applyAlignment="1">
      <alignment vertical="center" shrinkToFit="1"/>
    </xf>
    <xf numFmtId="180" fontId="0" fillId="0" borderId="8" xfId="1" applyNumberFormat="1" applyFont="1" applyFill="1" applyBorder="1" applyAlignment="1">
      <alignment vertical="center" shrinkToFit="1"/>
    </xf>
    <xf numFmtId="180" fontId="0" fillId="0" borderId="5" xfId="1" applyNumberFormat="1" applyFont="1" applyFill="1" applyBorder="1" applyAlignment="1">
      <alignment vertical="center" shrinkToFit="1"/>
    </xf>
    <xf numFmtId="180" fontId="0" fillId="0" borderId="46" xfId="1" applyNumberFormat="1" applyFont="1" applyFill="1" applyBorder="1" applyAlignment="1">
      <alignment vertical="center" shrinkToFit="1"/>
    </xf>
    <xf numFmtId="180" fontId="0" fillId="0" borderId="5" xfId="0" applyNumberFormat="1" applyFont="1" applyBorder="1" applyAlignment="1">
      <alignment shrinkToFit="1"/>
    </xf>
    <xf numFmtId="180" fontId="0" fillId="0" borderId="38" xfId="0" applyNumberFormat="1" applyFont="1" applyBorder="1" applyAlignment="1">
      <alignment shrinkToFit="1"/>
    </xf>
    <xf numFmtId="180" fontId="0" fillId="0" borderId="39" xfId="0" applyNumberFormat="1" applyFont="1" applyBorder="1" applyAlignment="1">
      <alignment shrinkToFit="1"/>
    </xf>
    <xf numFmtId="180" fontId="0" fillId="0" borderId="8" xfId="0" applyNumberFormat="1" applyFont="1" applyBorder="1" applyAlignment="1">
      <alignment shrinkToFit="1"/>
    </xf>
    <xf numFmtId="180" fontId="0" fillId="0" borderId="46" xfId="0" applyNumberFormat="1" applyFont="1" applyBorder="1" applyAlignment="1">
      <alignment shrinkToFit="1"/>
    </xf>
    <xf numFmtId="180" fontId="0" fillId="0" borderId="56" xfId="0" applyNumberFormat="1" applyFont="1" applyBorder="1" applyAlignment="1">
      <alignment shrinkToFit="1"/>
    </xf>
    <xf numFmtId="180" fontId="0" fillId="0" borderId="53" xfId="0" applyNumberFormat="1" applyFont="1" applyBorder="1" applyAlignment="1">
      <alignment shrinkToFit="1"/>
    </xf>
    <xf numFmtId="180" fontId="0" fillId="0" borderId="8" xfId="1" applyNumberFormat="1" applyFont="1" applyFill="1" applyBorder="1" applyAlignment="1">
      <alignment shrinkToFit="1"/>
    </xf>
    <xf numFmtId="180" fontId="0" fillId="0" borderId="54" xfId="0" applyNumberFormat="1" applyFont="1" applyBorder="1" applyAlignment="1">
      <alignment shrinkToFit="1"/>
    </xf>
    <xf numFmtId="180" fontId="0" fillId="0" borderId="48" xfId="0" applyNumberFormat="1" applyFont="1" applyBorder="1" applyAlignment="1">
      <alignment shrinkToFit="1"/>
    </xf>
    <xf numFmtId="179" fontId="0" fillId="0" borderId="54" xfId="0" applyNumberFormat="1" applyFont="1" applyBorder="1"/>
    <xf numFmtId="179" fontId="0" fillId="0" borderId="5" xfId="0" applyNumberFormat="1" applyFont="1" applyBorder="1"/>
    <xf numFmtId="179" fontId="0" fillId="0" borderId="46" xfId="0" applyNumberFormat="1" applyFont="1" applyBorder="1"/>
    <xf numFmtId="179" fontId="0" fillId="0" borderId="56" xfId="0" applyNumberFormat="1" applyFont="1" applyBorder="1"/>
    <xf numFmtId="179" fontId="0" fillId="0" borderId="39" xfId="0" applyNumberFormat="1" applyFont="1" applyBorder="1"/>
    <xf numFmtId="179" fontId="0" fillId="0" borderId="38" xfId="0" applyNumberFormat="1" applyFont="1" applyBorder="1"/>
    <xf numFmtId="179" fontId="0" fillId="0" borderId="53" xfId="0" applyNumberFormat="1" applyFont="1" applyBorder="1"/>
    <xf numFmtId="179" fontId="0" fillId="0" borderId="8" xfId="0" applyNumberFormat="1" applyFont="1" applyBorder="1"/>
    <xf numFmtId="179" fontId="0" fillId="0" borderId="48" xfId="0" applyNumberFormat="1" applyFont="1" applyBorder="1"/>
    <xf numFmtId="180" fontId="0" fillId="0" borderId="7" xfId="2" applyNumberFormat="1" applyFont="1" applyBorder="1">
      <alignment vertical="center"/>
    </xf>
    <xf numFmtId="180" fontId="0" fillId="0" borderId="5" xfId="2" applyNumberFormat="1" applyFont="1" applyBorder="1">
      <alignment vertical="center"/>
    </xf>
    <xf numFmtId="180" fontId="0" fillId="0" borderId="56" xfId="2" applyNumberFormat="1" applyFont="1" applyBorder="1">
      <alignment vertical="center"/>
    </xf>
    <xf numFmtId="180" fontId="0" fillId="0" borderId="53" xfId="2" applyNumberFormat="1" applyFont="1" applyBorder="1">
      <alignment vertical="center"/>
    </xf>
    <xf numFmtId="180" fontId="0" fillId="0" borderId="54" xfId="2" applyNumberFormat="1" applyFont="1" applyBorder="1">
      <alignment vertical="center"/>
    </xf>
    <xf numFmtId="180" fontId="0" fillId="0" borderId="46" xfId="2" applyNumberFormat="1" applyFont="1" applyBorder="1">
      <alignment vertical="center"/>
    </xf>
    <xf numFmtId="180" fontId="0" fillId="0" borderId="48" xfId="2" applyNumberFormat="1" applyFont="1" applyBorder="1">
      <alignment vertical="center"/>
    </xf>
    <xf numFmtId="180" fontId="0" fillId="0" borderId="8" xfId="1" applyNumberFormat="1" applyFont="1" applyFill="1" applyBorder="1" applyAlignment="1">
      <alignment vertical="center"/>
    </xf>
    <xf numFmtId="180" fontId="0" fillId="0" borderId="5" xfId="1" applyNumberFormat="1" applyFont="1" applyFill="1" applyBorder="1" applyAlignment="1">
      <alignment vertical="center"/>
    </xf>
    <xf numFmtId="180" fontId="0" fillId="0" borderId="46" xfId="1" applyNumberFormat="1" applyFont="1" applyFill="1" applyBorder="1" applyAlignment="1">
      <alignment vertical="center"/>
    </xf>
    <xf numFmtId="180" fontId="0" fillId="0" borderId="5" xfId="0" applyNumberFormat="1" applyFont="1" applyBorder="1"/>
    <xf numFmtId="180" fontId="0" fillId="0" borderId="38" xfId="0" applyNumberFormat="1" applyFont="1" applyBorder="1"/>
    <xf numFmtId="180" fontId="0" fillId="0" borderId="39" xfId="0" applyNumberFormat="1" applyFont="1" applyBorder="1"/>
    <xf numFmtId="180" fontId="0" fillId="0" borderId="8" xfId="0" applyNumberFormat="1" applyFont="1" applyBorder="1"/>
    <xf numFmtId="180" fontId="0" fillId="0" borderId="46" xfId="0" applyNumberFormat="1" applyFont="1" applyBorder="1"/>
    <xf numFmtId="180" fontId="0" fillId="0" borderId="56" xfId="0" applyNumberFormat="1" applyFont="1" applyBorder="1"/>
    <xf numFmtId="180" fontId="0" fillId="0" borderId="53" xfId="0" applyNumberFormat="1" applyFont="1" applyBorder="1"/>
    <xf numFmtId="180" fontId="0" fillId="0" borderId="8" xfId="1" applyNumberFormat="1" applyFont="1" applyFill="1" applyBorder="1" applyAlignment="1"/>
    <xf numFmtId="180" fontId="0" fillId="0" borderId="54" xfId="0" applyNumberFormat="1" applyFont="1" applyBorder="1"/>
    <xf numFmtId="180" fontId="0" fillId="0" borderId="48" xfId="0" applyNumberFormat="1" applyFont="1" applyBorder="1"/>
    <xf numFmtId="180" fontId="0" fillId="0" borderId="61" xfId="2" applyNumberFormat="1" applyFont="1" applyBorder="1">
      <alignment vertical="center"/>
    </xf>
    <xf numFmtId="180" fontId="0" fillId="0" borderId="62" xfId="2" applyNumberFormat="1" applyFont="1" applyBorder="1">
      <alignment vertical="center"/>
    </xf>
    <xf numFmtId="180" fontId="0" fillId="0" borderId="63" xfId="2" applyNumberFormat="1" applyFont="1" applyBorder="1">
      <alignment vertical="center"/>
    </xf>
    <xf numFmtId="180" fontId="0" fillId="0" borderId="0" xfId="2" applyNumberFormat="1" applyFont="1" applyBorder="1">
      <alignment vertical="center"/>
    </xf>
    <xf numFmtId="180" fontId="0" fillId="0" borderId="64" xfId="2" applyNumberFormat="1" applyFont="1" applyBorder="1">
      <alignment vertical="center"/>
    </xf>
    <xf numFmtId="180" fontId="0" fillId="0" borderId="3" xfId="2" applyNumberFormat="1" applyFont="1" applyBorder="1">
      <alignment vertical="center"/>
    </xf>
    <xf numFmtId="180" fontId="0" fillId="0" borderId="42" xfId="2" applyNumberFormat="1" applyFont="1" applyBorder="1">
      <alignment vertical="center"/>
    </xf>
    <xf numFmtId="180" fontId="0" fillId="0" borderId="57" xfId="2" applyNumberFormat="1" applyFont="1" applyBorder="1">
      <alignment vertical="center"/>
    </xf>
    <xf numFmtId="180" fontId="0" fillId="0" borderId="59" xfId="2" applyNumberFormat="1" applyFont="1" applyBorder="1">
      <alignment vertical="center"/>
    </xf>
    <xf numFmtId="179" fontId="0" fillId="0" borderId="57" xfId="0" applyNumberFormat="1" applyFont="1" applyBorder="1"/>
    <xf numFmtId="179" fontId="0" fillId="0" borderId="73" xfId="0" applyNumberFormat="1" applyFont="1" applyBorder="1"/>
    <xf numFmtId="179" fontId="0" fillId="0" borderId="42" xfId="0" applyNumberFormat="1" applyFont="1" applyBorder="1"/>
    <xf numFmtId="179" fontId="0" fillId="0" borderId="47" xfId="0" applyNumberFormat="1" applyFont="1" applyBorder="1"/>
    <xf numFmtId="179" fontId="0" fillId="0" borderId="64" xfId="0" applyNumberFormat="1" applyFont="1" applyBorder="1"/>
    <xf numFmtId="179" fontId="0" fillId="0" borderId="62" xfId="0" applyNumberFormat="1" applyFont="1" applyBorder="1"/>
    <xf numFmtId="179" fontId="0" fillId="0" borderId="0" xfId="0" applyNumberFormat="1" applyFont="1" applyBorder="1"/>
    <xf numFmtId="179" fontId="0" fillId="0" borderId="33" xfId="0" applyNumberFormat="1" applyFont="1" applyBorder="1"/>
    <xf numFmtId="179" fontId="0" fillId="0" borderId="12" xfId="0" applyNumberFormat="1" applyFont="1" applyBorder="1"/>
    <xf numFmtId="179" fontId="0" fillId="0" borderId="13" xfId="0" applyNumberFormat="1" applyFont="1" applyBorder="1"/>
    <xf numFmtId="179" fontId="0" fillId="0" borderId="66" xfId="0" applyNumberFormat="1" applyFont="1" applyBorder="1"/>
    <xf numFmtId="179" fontId="0" fillId="0" borderId="40" xfId="0" applyNumberFormat="1" applyFont="1" applyBorder="1"/>
    <xf numFmtId="179" fontId="0" fillId="0" borderId="25" xfId="0" applyNumberFormat="1" applyFont="1" applyBorder="1"/>
    <xf numFmtId="179" fontId="0" fillId="0" borderId="26" xfId="0" applyNumberFormat="1" applyFont="1" applyBorder="1"/>
    <xf numFmtId="179" fontId="0" fillId="0" borderId="9" xfId="0" applyNumberFormat="1" applyFont="1" applyBorder="1"/>
    <xf numFmtId="179" fontId="0" fillId="0" borderId="30" xfId="0" applyNumberFormat="1" applyFont="1" applyBorder="1"/>
    <xf numFmtId="180" fontId="0" fillId="0" borderId="14" xfId="2" applyNumberFormat="1" applyFont="1" applyBorder="1">
      <alignment vertical="center"/>
    </xf>
    <xf numFmtId="180" fontId="0" fillId="0" borderId="12" xfId="2" applyNumberFormat="1" applyFont="1" applyBorder="1">
      <alignment vertical="center"/>
    </xf>
    <xf numFmtId="180" fontId="0" fillId="0" borderId="66" xfId="2" applyNumberFormat="1" applyFont="1" applyBorder="1">
      <alignment vertical="center"/>
    </xf>
    <xf numFmtId="180" fontId="0" fillId="0" borderId="67" xfId="2" applyNumberFormat="1" applyFont="1" applyBorder="1">
      <alignment vertical="center"/>
    </xf>
    <xf numFmtId="180" fontId="0" fillId="0" borderId="68" xfId="2" applyNumberFormat="1" applyFont="1" applyBorder="1">
      <alignment vertical="center"/>
    </xf>
    <xf numFmtId="180" fontId="0" fillId="0" borderId="69" xfId="2" applyNumberFormat="1" applyFont="1" applyBorder="1">
      <alignment vertical="center"/>
    </xf>
    <xf numFmtId="180" fontId="0" fillId="0" borderId="70" xfId="2" applyNumberFormat="1" applyFont="1" applyBorder="1">
      <alignment vertical="center"/>
    </xf>
    <xf numFmtId="180" fontId="0" fillId="0" borderId="71" xfId="2" applyNumberFormat="1" applyFont="1" applyBorder="1">
      <alignment vertical="center"/>
    </xf>
    <xf numFmtId="180" fontId="0" fillId="0" borderId="30" xfId="2" applyNumberFormat="1" applyFont="1" applyBorder="1">
      <alignment vertical="center"/>
    </xf>
    <xf numFmtId="180" fontId="0" fillId="0" borderId="9" xfId="1" applyNumberFormat="1" applyFont="1" applyFill="1" applyBorder="1" applyAlignment="1">
      <alignment vertical="center"/>
    </xf>
    <xf numFmtId="180" fontId="0" fillId="0" borderId="12" xfId="1" applyNumberFormat="1" applyFont="1" applyFill="1" applyBorder="1" applyAlignment="1">
      <alignment vertical="center"/>
    </xf>
    <xf numFmtId="180" fontId="0" fillId="0" borderId="13" xfId="1" applyNumberFormat="1" applyFont="1" applyFill="1" applyBorder="1" applyAlignment="1">
      <alignment vertical="center"/>
    </xf>
    <xf numFmtId="180" fontId="0" fillId="0" borderId="12" xfId="0" applyNumberFormat="1" applyFont="1" applyBorder="1"/>
    <xf numFmtId="180" fontId="0" fillId="0" borderId="25" xfId="0" applyNumberFormat="1" applyFont="1" applyBorder="1"/>
    <xf numFmtId="180" fontId="0" fillId="0" borderId="40" xfId="0" applyNumberFormat="1" applyFont="1" applyBorder="1"/>
    <xf numFmtId="180" fontId="0" fillId="0" borderId="9" xfId="0" applyNumberFormat="1" applyFont="1" applyBorder="1"/>
    <xf numFmtId="180" fontId="0" fillId="0" borderId="13" xfId="0" applyNumberFormat="1" applyFont="1" applyBorder="1"/>
    <xf numFmtId="180" fontId="0" fillId="0" borderId="66" xfId="0" applyNumberFormat="1" applyFont="1" applyBorder="1"/>
    <xf numFmtId="180" fontId="0" fillId="0" borderId="26" xfId="0" applyNumberFormat="1" applyFont="1" applyBorder="1"/>
    <xf numFmtId="180" fontId="0" fillId="0" borderId="9" xfId="1" applyNumberFormat="1" applyFont="1" applyFill="1" applyBorder="1" applyAlignment="1"/>
    <xf numFmtId="180" fontId="0" fillId="0" borderId="33" xfId="0" applyNumberFormat="1" applyFont="1" applyBorder="1"/>
    <xf numFmtId="180" fontId="0" fillId="0" borderId="30" xfId="0" applyNumberFormat="1" applyFont="1" applyBorder="1"/>
    <xf numFmtId="180" fontId="0" fillId="0" borderId="51" xfId="1" applyNumberFormat="1" applyFont="1" applyFill="1" applyBorder="1" applyAlignment="1">
      <alignment vertical="center" shrinkToFit="1"/>
    </xf>
    <xf numFmtId="180" fontId="0" fillId="0" borderId="53" xfId="1" applyNumberFormat="1" applyFont="1" applyFill="1" applyBorder="1" applyAlignment="1">
      <alignment vertical="center" shrinkToFit="1"/>
    </xf>
    <xf numFmtId="180" fontId="0" fillId="0" borderId="53" xfId="1" applyNumberFormat="1" applyFont="1" applyFill="1" applyBorder="1" applyAlignment="1">
      <alignment vertical="center"/>
    </xf>
    <xf numFmtId="180" fontId="0" fillId="0" borderId="26" xfId="1" applyNumberFormat="1" applyFont="1" applyFill="1" applyBorder="1" applyAlignment="1">
      <alignment vertical="center"/>
    </xf>
    <xf numFmtId="180" fontId="0" fillId="0" borderId="90" xfId="1" applyNumberFormat="1" applyFont="1" applyFill="1" applyBorder="1" applyAlignment="1">
      <alignment vertical="center" shrinkToFit="1"/>
    </xf>
    <xf numFmtId="0" fontId="0" fillId="0" borderId="0" xfId="0" applyFont="1" applyBorder="1" applyAlignment="1">
      <alignment vertical="center" shrinkToFit="1"/>
    </xf>
    <xf numFmtId="0" fontId="0" fillId="0" borderId="78" xfId="0" applyFont="1" applyBorder="1" applyAlignment="1">
      <alignment horizontal="left" vertical="center" shrinkToFit="1"/>
    </xf>
    <xf numFmtId="0" fontId="0" fillId="0" borderId="32" xfId="0" applyFont="1" applyBorder="1" applyAlignment="1">
      <alignment horizontal="left" vertical="center" shrinkToFit="1"/>
    </xf>
    <xf numFmtId="0" fontId="0" fillId="0" borderId="32" xfId="0" applyFont="1" applyBorder="1" applyAlignment="1">
      <alignment horizontal="left" vertical="center"/>
    </xf>
    <xf numFmtId="0" fontId="0" fillId="0" borderId="19" xfId="0" applyFont="1" applyBorder="1" applyAlignment="1">
      <alignment horizontal="left" vertical="center"/>
    </xf>
    <xf numFmtId="178" fontId="0" fillId="0" borderId="51" xfId="0" applyNumberFormat="1" applyFont="1" applyBorder="1" applyAlignment="1">
      <alignment vertical="center"/>
    </xf>
    <xf numFmtId="178" fontId="0" fillId="0" borderId="53" xfId="0" applyNumberFormat="1" applyFont="1" applyBorder="1" applyAlignment="1">
      <alignment vertical="center"/>
    </xf>
    <xf numFmtId="178" fontId="0" fillId="0" borderId="26" xfId="0" applyNumberFormat="1" applyFont="1" applyBorder="1" applyAlignment="1">
      <alignment vertical="center"/>
    </xf>
    <xf numFmtId="178" fontId="0" fillId="0" borderId="51" xfId="1" applyNumberFormat="1" applyFont="1" applyBorder="1" applyAlignment="1">
      <alignment vertical="center"/>
    </xf>
    <xf numFmtId="178" fontId="0" fillId="0" borderId="53" xfId="1" applyNumberFormat="1" applyFont="1" applyBorder="1" applyAlignment="1">
      <alignment vertical="center"/>
    </xf>
    <xf numFmtId="178" fontId="0" fillId="0" borderId="26" xfId="1" applyNumberFormat="1" applyFont="1" applyBorder="1" applyAlignment="1">
      <alignment vertical="center"/>
    </xf>
    <xf numFmtId="183" fontId="5" fillId="0" borderId="0" xfId="0" applyNumberFormat="1" applyFont="1" applyBorder="1" applyAlignment="1">
      <alignment horizontal="left" vertical="center" shrinkToFit="1"/>
    </xf>
    <xf numFmtId="183" fontId="5" fillId="0" borderId="0" xfId="0" applyNumberFormat="1" applyFont="1" applyAlignment="1">
      <alignment horizontal="left" vertical="center" shrinkToFit="1"/>
    </xf>
    <xf numFmtId="0" fontId="2" fillId="0" borderId="1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38" fontId="2" fillId="0" borderId="4" xfId="4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 shrinkToFit="1"/>
    </xf>
    <xf numFmtId="0" fontId="0" fillId="0" borderId="38" xfId="0" applyFont="1" applyBorder="1" applyAlignment="1">
      <alignment vertical="center" shrinkToFit="1"/>
    </xf>
    <xf numFmtId="0" fontId="2" fillId="0" borderId="7" xfId="0" applyFont="1" applyBorder="1" applyAlignment="1">
      <alignment horizontal="center" vertical="center"/>
    </xf>
    <xf numFmtId="177" fontId="2" fillId="0" borderId="38" xfId="4" applyNumberFormat="1" applyFont="1" applyBorder="1" applyAlignment="1">
      <alignment vertical="center"/>
    </xf>
    <xf numFmtId="177" fontId="2" fillId="0" borderId="6" xfId="4" applyNumberFormat="1" applyFont="1" applyBorder="1" applyAlignment="1">
      <alignment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9" xfId="0" applyNumberFormat="1" applyFont="1" applyBorder="1" applyAlignment="1">
      <alignment horizontal="center" vertical="center"/>
    </xf>
    <xf numFmtId="177" fontId="2" fillId="0" borderId="25" xfId="4" applyNumberFormat="1" applyFont="1" applyBorder="1" applyAlignment="1">
      <alignment vertical="center"/>
    </xf>
    <xf numFmtId="177" fontId="2" fillId="0" borderId="41" xfId="4" applyNumberFormat="1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2" fillId="0" borderId="95" xfId="0" applyFont="1" applyBorder="1" applyAlignment="1">
      <alignment horizontal="center" vertical="center"/>
    </xf>
    <xf numFmtId="0" fontId="2" fillId="0" borderId="77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0" fillId="0" borderId="87" xfId="0" applyFont="1" applyBorder="1" applyAlignment="1">
      <alignment horizontal="left" vertical="center"/>
    </xf>
    <xf numFmtId="0" fontId="0" fillId="0" borderId="88" xfId="0" applyFont="1" applyBorder="1" applyAlignment="1">
      <alignment horizontal="left" vertical="center"/>
    </xf>
    <xf numFmtId="0" fontId="0" fillId="0" borderId="1" xfId="0" applyFont="1" applyBorder="1" applyAlignment="1">
      <alignment horizontal="left" vertical="center"/>
    </xf>
    <xf numFmtId="0" fontId="0" fillId="0" borderId="77" xfId="0" applyFont="1" applyBorder="1" applyAlignment="1">
      <alignment horizontal="left" vertical="center"/>
    </xf>
    <xf numFmtId="0" fontId="0" fillId="0" borderId="10" xfId="0" applyFont="1" applyBorder="1" applyAlignment="1">
      <alignment horizontal="left" vertical="center"/>
    </xf>
    <xf numFmtId="0" fontId="0" fillId="0" borderId="1" xfId="0" applyFont="1" applyBorder="1" applyAlignment="1">
      <alignment horizontal="center" vertical="center"/>
    </xf>
    <xf numFmtId="0" fontId="0" fillId="0" borderId="77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85" xfId="0" applyFont="1" applyBorder="1" applyAlignment="1">
      <alignment horizontal="center" vertical="center"/>
    </xf>
    <xf numFmtId="0" fontId="0" fillId="0" borderId="70" xfId="0" applyFont="1" applyBorder="1" applyAlignment="1">
      <alignment horizontal="center" vertical="center"/>
    </xf>
    <xf numFmtId="0" fontId="0" fillId="0" borderId="86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0" fillId="0" borderId="57" xfId="0" applyFont="1" applyBorder="1" applyAlignment="1">
      <alignment horizontal="center" vertical="center"/>
    </xf>
    <xf numFmtId="0" fontId="0" fillId="0" borderId="59" xfId="0" applyFont="1" applyBorder="1" applyAlignment="1">
      <alignment horizontal="center" vertical="center"/>
    </xf>
    <xf numFmtId="0" fontId="0" fillId="0" borderId="92" xfId="0" applyFont="1" applyBorder="1" applyAlignment="1">
      <alignment horizontal="center" vertical="center"/>
    </xf>
    <xf numFmtId="0" fontId="0" fillId="0" borderId="87" xfId="0" applyFont="1" applyBorder="1" applyAlignment="1">
      <alignment horizontal="center" vertical="center"/>
    </xf>
    <xf numFmtId="0" fontId="0" fillId="0" borderId="88" xfId="0" applyFont="1" applyBorder="1" applyAlignment="1">
      <alignment horizontal="center" vertical="center"/>
    </xf>
    <xf numFmtId="0" fontId="0" fillId="0" borderId="28" xfId="0" applyFont="1" applyBorder="1" applyAlignment="1">
      <alignment horizontal="center" vertical="center"/>
    </xf>
    <xf numFmtId="185" fontId="0" fillId="0" borderId="0" xfId="0" applyNumberFormat="1" applyFont="1" applyBorder="1" applyAlignment="1">
      <alignment horizontal="center" vertical="center"/>
    </xf>
    <xf numFmtId="186" fontId="5" fillId="0" borderId="0" xfId="0" applyNumberFormat="1" applyFont="1" applyBorder="1" applyAlignment="1">
      <alignment horizontal="right" vertical="center"/>
    </xf>
    <xf numFmtId="0" fontId="0" fillId="0" borderId="16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80" xfId="0" applyFont="1" applyBorder="1" applyAlignment="1">
      <alignment horizontal="center" vertical="center"/>
    </xf>
    <xf numFmtId="182" fontId="0" fillId="0" borderId="0" xfId="0" applyNumberFormat="1" applyFont="1" applyAlignment="1">
      <alignment horizontal="center" vertical="center"/>
    </xf>
    <xf numFmtId="0" fontId="2" fillId="0" borderId="18" xfId="3" applyFont="1" applyBorder="1" applyAlignment="1">
      <alignment horizontal="center" vertical="center"/>
    </xf>
    <xf numFmtId="0" fontId="2" fillId="0" borderId="2" xfId="3" applyFont="1" applyBorder="1" applyAlignment="1">
      <alignment horizontal="center" vertical="center"/>
    </xf>
    <xf numFmtId="0" fontId="2" fillId="0" borderId="80" xfId="3" applyFont="1" applyBorder="1" applyAlignment="1">
      <alignment horizontal="center" vertical="center"/>
    </xf>
    <xf numFmtId="0" fontId="2" fillId="0" borderId="97" xfId="3" applyFont="1" applyBorder="1" applyAlignment="1">
      <alignment horizontal="center" vertical="center"/>
    </xf>
    <xf numFmtId="0" fontId="2" fillId="0" borderId="98" xfId="3" applyFont="1" applyBorder="1" applyAlignment="1">
      <alignment horizontal="center" vertical="center"/>
    </xf>
    <xf numFmtId="0" fontId="2" fillId="0" borderId="99" xfId="3" applyFont="1" applyBorder="1" applyAlignment="1">
      <alignment horizontal="center" vertical="center"/>
    </xf>
    <xf numFmtId="0" fontId="2" fillId="0" borderId="51" xfId="3" applyFont="1" applyBorder="1" applyAlignment="1">
      <alignment horizontal="center" vertical="center"/>
    </xf>
    <xf numFmtId="0" fontId="2" fillId="0" borderId="35" xfId="3" applyFont="1" applyBorder="1" applyAlignment="1">
      <alignment horizontal="center" vertical="center"/>
    </xf>
    <xf numFmtId="0" fontId="2" fillId="0" borderId="36" xfId="3" applyFont="1" applyBorder="1" applyAlignment="1">
      <alignment horizontal="center" vertical="center"/>
    </xf>
    <xf numFmtId="0" fontId="2" fillId="0" borderId="37" xfId="3" applyFont="1" applyBorder="1" applyAlignment="1">
      <alignment horizontal="center" vertical="center"/>
    </xf>
    <xf numFmtId="0" fontId="2" fillId="0" borderId="40" xfId="3" applyFont="1" applyBorder="1" applyAlignment="1">
      <alignment horizontal="center" vertical="center"/>
    </xf>
    <xf numFmtId="0" fontId="2" fillId="0" borderId="34" xfId="3" applyFont="1" applyBorder="1" applyAlignment="1">
      <alignment horizontal="center" vertical="center"/>
    </xf>
    <xf numFmtId="182" fontId="2" fillId="0" borderId="0" xfId="0" applyNumberFormat="1" applyFont="1" applyAlignment="1">
      <alignment horizontal="center" vertical="center"/>
    </xf>
    <xf numFmtId="0" fontId="2" fillId="0" borderId="1" xfId="3" applyFont="1" applyBorder="1" applyAlignment="1">
      <alignment horizontal="center" vertical="center"/>
    </xf>
    <xf numFmtId="0" fontId="2" fillId="0" borderId="28" xfId="3" applyFont="1" applyBorder="1" applyAlignment="1">
      <alignment horizontal="center" vertical="center"/>
    </xf>
    <xf numFmtId="0" fontId="2" fillId="0" borderId="85" xfId="3" applyFont="1" applyBorder="1" applyAlignment="1">
      <alignment horizontal="center" vertical="center"/>
    </xf>
    <xf numFmtId="0" fontId="2" fillId="0" borderId="43" xfId="3" applyFont="1" applyBorder="1" applyAlignment="1">
      <alignment horizontal="center" vertical="center"/>
    </xf>
    <xf numFmtId="0" fontId="0" fillId="0" borderId="97" xfId="3" applyFont="1" applyBorder="1" applyAlignment="1">
      <alignment horizontal="center" vertical="center"/>
    </xf>
    <xf numFmtId="0" fontId="0" fillId="0" borderId="98" xfId="3" applyFont="1" applyBorder="1" applyAlignment="1">
      <alignment horizontal="center" vertical="center"/>
    </xf>
    <xf numFmtId="0" fontId="0" fillId="0" borderId="99" xfId="3" applyFont="1" applyBorder="1" applyAlignment="1">
      <alignment horizontal="center" vertical="center"/>
    </xf>
    <xf numFmtId="0" fontId="0" fillId="0" borderId="1" xfId="3" applyFont="1" applyBorder="1" applyAlignment="1">
      <alignment horizontal="center" vertical="center"/>
    </xf>
    <xf numFmtId="0" fontId="0" fillId="0" borderId="28" xfId="3" applyFont="1" applyBorder="1" applyAlignment="1">
      <alignment horizontal="center" vertical="center"/>
    </xf>
    <xf numFmtId="0" fontId="0" fillId="0" borderId="85" xfId="3" applyFont="1" applyBorder="1" applyAlignment="1">
      <alignment horizontal="center" vertical="center"/>
    </xf>
    <xf numFmtId="0" fontId="0" fillId="0" borderId="37" xfId="3" applyFont="1" applyBorder="1" applyAlignment="1">
      <alignment horizontal="center" vertical="center"/>
    </xf>
    <xf numFmtId="0" fontId="0" fillId="0" borderId="40" xfId="3" applyFont="1" applyBorder="1" applyAlignment="1">
      <alignment horizontal="center" vertical="center"/>
    </xf>
    <xf numFmtId="0" fontId="0" fillId="0" borderId="34" xfId="3" applyFont="1" applyBorder="1" applyAlignment="1">
      <alignment horizontal="center" vertical="center"/>
    </xf>
    <xf numFmtId="0" fontId="0" fillId="0" borderId="35" xfId="3" applyFont="1" applyBorder="1" applyAlignment="1">
      <alignment horizontal="center" vertical="center"/>
    </xf>
    <xf numFmtId="0" fontId="0" fillId="0" borderId="36" xfId="3" applyFont="1" applyBorder="1" applyAlignment="1">
      <alignment horizontal="center" vertical="center"/>
    </xf>
    <xf numFmtId="0" fontId="0" fillId="0" borderId="51" xfId="3" applyFont="1" applyBorder="1" applyAlignment="1">
      <alignment horizontal="center" vertical="center"/>
    </xf>
    <xf numFmtId="0" fontId="0" fillId="0" borderId="43" xfId="3" applyFont="1" applyBorder="1" applyAlignment="1">
      <alignment horizontal="center" vertical="center"/>
    </xf>
    <xf numFmtId="0" fontId="0" fillId="0" borderId="18" xfId="3" applyFont="1" applyBorder="1" applyAlignment="1">
      <alignment horizontal="center" vertical="center"/>
    </xf>
    <xf numFmtId="0" fontId="0" fillId="0" borderId="2" xfId="3" applyFont="1" applyBorder="1" applyAlignment="1">
      <alignment horizontal="center" vertical="center"/>
    </xf>
    <xf numFmtId="0" fontId="0" fillId="0" borderId="80" xfId="3" applyFont="1" applyBorder="1" applyAlignment="1">
      <alignment horizontal="center" vertical="center"/>
    </xf>
    <xf numFmtId="0" fontId="0" fillId="0" borderId="92" xfId="3" applyFont="1" applyBorder="1" applyAlignment="1">
      <alignment horizontal="center" vertical="center"/>
    </xf>
    <xf numFmtId="0" fontId="0" fillId="0" borderId="87" xfId="3" applyFont="1" applyBorder="1" applyAlignment="1">
      <alignment horizontal="center" vertical="center"/>
    </xf>
    <xf numFmtId="0" fontId="0" fillId="0" borderId="88" xfId="3" applyFont="1" applyBorder="1" applyAlignment="1">
      <alignment horizontal="center" vertical="center"/>
    </xf>
    <xf numFmtId="0" fontId="0" fillId="0" borderId="81" xfId="3" applyFont="1" applyBorder="1" applyAlignment="1">
      <alignment horizontal="center" vertical="center"/>
    </xf>
    <xf numFmtId="0" fontId="0" fillId="0" borderId="82" xfId="3" applyFont="1" applyBorder="1" applyAlignment="1">
      <alignment horizontal="center" vertical="center"/>
    </xf>
    <xf numFmtId="0" fontId="0" fillId="0" borderId="91" xfId="3" applyFont="1" applyBorder="1" applyAlignment="1">
      <alignment horizontal="center" vertical="center"/>
    </xf>
    <xf numFmtId="0" fontId="0" fillId="0" borderId="77" xfId="3" applyFont="1" applyBorder="1" applyAlignment="1">
      <alignment horizontal="center" vertical="center"/>
    </xf>
    <xf numFmtId="0" fontId="0" fillId="0" borderId="10" xfId="3" applyFont="1" applyBorder="1" applyAlignment="1">
      <alignment horizontal="center" vertical="center"/>
    </xf>
    <xf numFmtId="0" fontId="0" fillId="0" borderId="52" xfId="3" applyFont="1" applyBorder="1" applyAlignment="1">
      <alignment horizontal="center" vertical="center"/>
    </xf>
    <xf numFmtId="0" fontId="0" fillId="0" borderId="93" xfId="3" applyFont="1" applyBorder="1" applyAlignment="1">
      <alignment horizontal="center" vertical="center"/>
    </xf>
    <xf numFmtId="0" fontId="0" fillId="0" borderId="84" xfId="3" applyFont="1" applyBorder="1" applyAlignment="1">
      <alignment horizontal="center" vertical="center"/>
    </xf>
    <xf numFmtId="0" fontId="0" fillId="0" borderId="60" xfId="3" applyFont="1" applyBorder="1" applyAlignment="1">
      <alignment horizontal="center" vertical="center"/>
    </xf>
    <xf numFmtId="0" fontId="0" fillId="0" borderId="58" xfId="3" applyFont="1" applyBorder="1" applyAlignment="1">
      <alignment horizontal="center" vertical="center"/>
    </xf>
    <xf numFmtId="0" fontId="0" fillId="0" borderId="44" xfId="3" applyFont="1" applyBorder="1" applyAlignment="1">
      <alignment horizontal="center" vertical="center"/>
    </xf>
    <xf numFmtId="0" fontId="0" fillId="0" borderId="27" xfId="3" applyFont="1" applyBorder="1" applyAlignment="1">
      <alignment horizontal="center" vertical="center"/>
    </xf>
    <xf numFmtId="0" fontId="0" fillId="0" borderId="8" xfId="3" applyFont="1" applyBorder="1" applyAlignment="1">
      <alignment horizontal="center" vertical="center"/>
    </xf>
    <xf numFmtId="0" fontId="0" fillId="0" borderId="9" xfId="3" applyFont="1" applyBorder="1" applyAlignment="1">
      <alignment horizontal="center" vertical="center"/>
    </xf>
    <xf numFmtId="0" fontId="0" fillId="0" borderId="79" xfId="3" applyFont="1" applyBorder="1" applyAlignment="1">
      <alignment horizontal="center" vertical="center"/>
    </xf>
    <xf numFmtId="0" fontId="0" fillId="0" borderId="5" xfId="3" applyFont="1" applyBorder="1" applyAlignment="1">
      <alignment horizontal="center" vertical="center"/>
    </xf>
    <xf numFmtId="0" fontId="0" fillId="0" borderId="46" xfId="3" applyFont="1" applyBorder="1" applyAlignment="1">
      <alignment horizontal="center" vertical="center"/>
    </xf>
    <xf numFmtId="0" fontId="0" fillId="0" borderId="54" xfId="3" applyFont="1" applyBorder="1" applyAlignment="1">
      <alignment horizontal="center" vertical="center"/>
    </xf>
    <xf numFmtId="0" fontId="0" fillId="0" borderId="38" xfId="3" applyFont="1" applyBorder="1" applyAlignment="1">
      <alignment horizontal="center" vertical="center"/>
    </xf>
    <xf numFmtId="0" fontId="0" fillId="0" borderId="39" xfId="3" applyFont="1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38" xfId="0" applyFont="1" applyBorder="1" applyAlignment="1">
      <alignment horizontal="center" vertical="center"/>
    </xf>
    <xf numFmtId="0" fontId="0" fillId="0" borderId="65" xfId="0" applyFont="1" applyBorder="1" applyAlignment="1">
      <alignment horizontal="center" vertical="center"/>
    </xf>
    <xf numFmtId="0" fontId="0" fillId="0" borderId="56" xfId="0" applyFont="1" applyBorder="1" applyAlignment="1">
      <alignment horizontal="center" vertical="center"/>
    </xf>
    <xf numFmtId="0" fontId="0" fillId="0" borderId="47" xfId="0" applyFont="1" applyBorder="1" applyAlignment="1">
      <alignment horizontal="center" vertical="center"/>
    </xf>
    <xf numFmtId="0" fontId="0" fillId="0" borderId="48" xfId="0" applyFont="1" applyBorder="1" applyAlignment="1">
      <alignment horizontal="center" vertical="center" wrapText="1"/>
    </xf>
    <xf numFmtId="0" fontId="0" fillId="0" borderId="29" xfId="0" applyFont="1" applyBorder="1" applyAlignment="1">
      <alignment horizontal="center" vertical="center" wrapText="1"/>
    </xf>
    <xf numFmtId="0" fontId="0" fillId="0" borderId="59" xfId="0" applyFont="1" applyBorder="1" applyAlignment="1">
      <alignment horizontal="center" vertical="center" wrapText="1"/>
    </xf>
    <xf numFmtId="0" fontId="0" fillId="0" borderId="55" xfId="0" applyFont="1" applyBorder="1" applyAlignment="1">
      <alignment horizontal="center" vertical="center"/>
    </xf>
    <xf numFmtId="0" fontId="0" fillId="0" borderId="42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74" xfId="0" applyFont="1" applyBorder="1" applyAlignment="1">
      <alignment horizontal="center" vertical="center"/>
    </xf>
    <xf numFmtId="0" fontId="0" fillId="0" borderId="75" xfId="0" applyFont="1" applyBorder="1" applyAlignment="1">
      <alignment horizontal="center" vertical="center"/>
    </xf>
    <xf numFmtId="0" fontId="0" fillId="0" borderId="56" xfId="0" applyFont="1" applyBorder="1" applyAlignment="1">
      <alignment horizontal="center" vertical="center" wrapText="1"/>
    </xf>
    <xf numFmtId="0" fontId="0" fillId="0" borderId="76" xfId="0" applyFont="1" applyBorder="1" applyAlignment="1">
      <alignment horizontal="center" vertical="center" wrapText="1"/>
    </xf>
    <xf numFmtId="0" fontId="0" fillId="0" borderId="49" xfId="0" applyFont="1" applyBorder="1" applyAlignment="1">
      <alignment horizontal="center" vertical="center"/>
    </xf>
    <xf numFmtId="0" fontId="0" fillId="0" borderId="1" xfId="0" applyFont="1" applyBorder="1" applyAlignment="1">
      <alignment vertical="center"/>
    </xf>
    <xf numFmtId="0" fontId="0" fillId="0" borderId="77" xfId="0" applyFont="1" applyBorder="1" applyAlignment="1">
      <alignment vertical="center"/>
    </xf>
    <xf numFmtId="0" fontId="0" fillId="0" borderId="10" xfId="0" applyFont="1" applyBorder="1" applyAlignment="1">
      <alignment vertical="center"/>
    </xf>
    <xf numFmtId="0" fontId="0" fillId="0" borderId="81" xfId="0" applyFont="1" applyBorder="1" applyAlignment="1">
      <alignment horizontal="center" vertical="center"/>
    </xf>
    <xf numFmtId="0" fontId="0" fillId="0" borderId="82" xfId="0" applyFont="1" applyBorder="1" applyAlignment="1">
      <alignment horizontal="center" vertical="center"/>
    </xf>
    <xf numFmtId="0" fontId="0" fillId="0" borderId="78" xfId="0" applyFont="1" applyBorder="1" applyAlignment="1">
      <alignment horizontal="center" vertical="center"/>
    </xf>
    <xf numFmtId="0" fontId="0" fillId="0" borderId="77" xfId="0" applyFont="1" applyBorder="1" applyAlignment="1"/>
    <xf numFmtId="0" fontId="0" fillId="0" borderId="10" xfId="0" applyFont="1" applyBorder="1" applyAlignment="1"/>
    <xf numFmtId="0" fontId="0" fillId="0" borderId="57" xfId="0" applyFont="1" applyBorder="1" applyAlignment="1">
      <alignment horizontal="center" vertical="center" wrapText="1"/>
    </xf>
    <xf numFmtId="182" fontId="0" fillId="0" borderId="0" xfId="0" applyNumberFormat="1" applyFont="1" applyAlignment="1">
      <alignment horizontal="left" vertical="center"/>
    </xf>
    <xf numFmtId="0" fontId="0" fillId="0" borderId="89" xfId="0" applyFont="1" applyBorder="1" applyAlignment="1">
      <alignment horizontal="center" vertical="center"/>
    </xf>
    <xf numFmtId="0" fontId="0" fillId="0" borderId="83" xfId="0" applyFont="1" applyBorder="1" applyAlignment="1">
      <alignment horizontal="center" vertical="center"/>
    </xf>
    <xf numFmtId="0" fontId="0" fillId="0" borderId="53" xfId="0" applyFont="1" applyBorder="1" applyAlignment="1">
      <alignment horizontal="center" vertical="center"/>
    </xf>
    <xf numFmtId="0" fontId="0" fillId="0" borderId="46" xfId="0" applyFont="1" applyBorder="1" applyAlignment="1">
      <alignment horizontal="center" vertical="center"/>
    </xf>
    <xf numFmtId="0" fontId="0" fillId="0" borderId="39" xfId="0" applyFont="1" applyBorder="1" applyAlignment="1">
      <alignment horizontal="center" vertical="center"/>
    </xf>
    <xf numFmtId="0" fontId="0" fillId="0" borderId="90" xfId="0" applyFont="1" applyBorder="1" applyAlignment="1">
      <alignment horizontal="center" vertical="center"/>
    </xf>
    <xf numFmtId="0" fontId="0" fillId="0" borderId="73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101" xfId="0" applyFont="1" applyBorder="1" applyAlignment="1">
      <alignment horizontal="center" vertical="center"/>
    </xf>
    <xf numFmtId="0" fontId="0" fillId="0" borderId="28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101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57" xfId="0" applyFont="1" applyFill="1" applyBorder="1" applyAlignment="1">
      <alignment horizontal="center" vertical="center"/>
    </xf>
    <xf numFmtId="0" fontId="0" fillId="0" borderId="59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77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182" fontId="0" fillId="0" borderId="0" xfId="0" applyNumberFormat="1" applyFont="1" applyBorder="1" applyAlignment="1">
      <alignment horizontal="center" vertical="center"/>
    </xf>
    <xf numFmtId="0" fontId="0" fillId="0" borderId="29" xfId="0" applyFont="1" applyBorder="1" applyAlignment="1">
      <alignment horizontal="center" vertical="center"/>
    </xf>
    <xf numFmtId="0" fontId="0" fillId="0" borderId="66" xfId="0" applyFont="1" applyBorder="1" applyAlignment="1">
      <alignment horizontal="center" vertical="center"/>
    </xf>
    <xf numFmtId="0" fontId="0" fillId="0" borderId="40" xfId="0" applyFont="1" applyBorder="1" applyAlignment="1">
      <alignment horizontal="center" vertical="center"/>
    </xf>
    <xf numFmtId="0" fontId="0" fillId="0" borderId="30" xfId="0" applyFont="1" applyBorder="1" applyAlignment="1">
      <alignment horizontal="center" vertical="center"/>
    </xf>
    <xf numFmtId="0" fontId="0" fillId="0" borderId="94" xfId="0" applyFont="1" applyBorder="1" applyAlignment="1">
      <alignment horizontal="center" vertical="center"/>
    </xf>
    <xf numFmtId="0" fontId="0" fillId="0" borderId="84" xfId="0" applyFont="1" applyBorder="1" applyAlignment="1">
      <alignment horizontal="center" vertical="center"/>
    </xf>
    <xf numFmtId="0" fontId="0" fillId="0" borderId="31" xfId="0" applyFont="1" applyBorder="1" applyAlignment="1">
      <alignment horizontal="center" vertical="center"/>
    </xf>
    <xf numFmtId="0" fontId="0" fillId="0" borderId="32" xfId="0" applyFont="1" applyBorder="1" applyAlignment="1">
      <alignment horizontal="center" vertical="center"/>
    </xf>
    <xf numFmtId="0" fontId="0" fillId="0" borderId="19" xfId="0" applyFont="1" applyBorder="1" applyAlignment="1">
      <alignment horizontal="center" vertical="center"/>
    </xf>
    <xf numFmtId="0" fontId="0" fillId="0" borderId="77" xfId="0" applyFont="1" applyBorder="1" applyAlignment="1">
      <alignment vertical="top"/>
    </xf>
    <xf numFmtId="0" fontId="0" fillId="0" borderId="0" xfId="0" applyFont="1" applyBorder="1" applyAlignment="1">
      <alignment vertical="top"/>
    </xf>
    <xf numFmtId="0" fontId="0" fillId="0" borderId="57" xfId="0" applyFont="1" applyBorder="1" applyAlignment="1">
      <alignment vertical="top"/>
    </xf>
    <xf numFmtId="0" fontId="0" fillId="0" borderId="16" xfId="0" applyFont="1" applyBorder="1" applyAlignment="1">
      <alignment vertical="center"/>
    </xf>
    <xf numFmtId="0" fontId="0" fillId="0" borderId="2" xfId="0" applyFont="1" applyBorder="1" applyAlignment="1">
      <alignment vertical="center"/>
    </xf>
    <xf numFmtId="0" fontId="0" fillId="0" borderId="80" xfId="0" applyFont="1" applyBorder="1" applyAlignment="1">
      <alignment vertical="center"/>
    </xf>
    <xf numFmtId="0" fontId="0" fillId="0" borderId="34" xfId="0" applyFont="1" applyBorder="1" applyAlignment="1">
      <alignment horizontal="center" vertical="center"/>
    </xf>
    <xf numFmtId="0" fontId="0" fillId="0" borderId="35" xfId="0" applyFont="1" applyBorder="1" applyAlignment="1">
      <alignment horizontal="center" vertical="center"/>
    </xf>
    <xf numFmtId="0" fontId="0" fillId="0" borderId="79" xfId="0" applyFont="1" applyBorder="1" applyAlignment="1">
      <alignment horizontal="center" vertical="center"/>
    </xf>
    <xf numFmtId="0" fontId="0" fillId="0" borderId="9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0" fontId="0" fillId="0" borderId="41" xfId="0" applyFont="1" applyBorder="1" applyAlignment="1">
      <alignment horizontal="center" vertical="center"/>
    </xf>
    <xf numFmtId="0" fontId="0" fillId="0" borderId="72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  <xf numFmtId="0" fontId="0" fillId="0" borderId="48" xfId="0" applyFont="1" applyBorder="1" applyAlignment="1">
      <alignment horizontal="center" vertical="center"/>
    </xf>
    <xf numFmtId="182" fontId="0" fillId="0" borderId="0" xfId="0" applyNumberFormat="1" applyFont="1" applyBorder="1" applyAlignment="1">
      <alignment horizontal="left" vertical="center"/>
    </xf>
    <xf numFmtId="0" fontId="0" fillId="0" borderId="97" xfId="0" applyFont="1" applyBorder="1" applyAlignment="1">
      <alignment horizontal="center" vertical="center"/>
    </xf>
    <xf numFmtId="0" fontId="0" fillId="0" borderId="98" xfId="0" applyFont="1" applyBorder="1" applyAlignment="1">
      <alignment horizontal="center" vertical="center"/>
    </xf>
    <xf numFmtId="0" fontId="0" fillId="0" borderId="99" xfId="0" applyFont="1" applyBorder="1" applyAlignment="1">
      <alignment horizontal="center" vertical="center"/>
    </xf>
    <xf numFmtId="0" fontId="0" fillId="0" borderId="27" xfId="0" applyFont="1" applyBorder="1" applyAlignment="1">
      <alignment horizontal="center" vertical="center"/>
    </xf>
    <xf numFmtId="0" fontId="0" fillId="0" borderId="14" xfId="0" applyFont="1" applyBorder="1" applyAlignment="1">
      <alignment horizontal="center" vertical="center"/>
    </xf>
    <xf numFmtId="0" fontId="0" fillId="0" borderId="100" xfId="0" applyFont="1" applyBorder="1" applyAlignment="1">
      <alignment horizontal="center" vertical="center"/>
    </xf>
  </cellXfs>
  <cellStyles count="5">
    <cellStyle name="桁区切り" xfId="1" builtinId="6"/>
    <cellStyle name="桁区切り 2" xfId="4"/>
    <cellStyle name="標準" xfId="0" builtinId="0"/>
    <cellStyle name="標準 2" xfId="3"/>
    <cellStyle name="標準_Sheet1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M41"/>
  <sheetViews>
    <sheetView tabSelected="1" zoomScaleNormal="100" workbookViewId="0">
      <pane xSplit="5" ySplit="8" topLeftCell="F9" activePane="bottomRight" state="frozen"/>
      <selection activeCell="F37" sqref="F37"/>
      <selection pane="topRight" activeCell="F37" sqref="F37"/>
      <selection pane="bottomLeft" activeCell="F37" sqref="F37"/>
      <selection pane="bottomRight" activeCell="F8" sqref="F8"/>
    </sheetView>
  </sheetViews>
  <sheetFormatPr defaultColWidth="9" defaultRowHeight="13.2" x14ac:dyDescent="0.2"/>
  <cols>
    <col min="1" max="1" width="3.88671875" style="1" customWidth="1"/>
    <col min="2" max="2" width="3.109375" style="1" customWidth="1"/>
    <col min="3" max="3" width="3" style="1" customWidth="1"/>
    <col min="4" max="4" width="6.77734375" style="1" customWidth="1"/>
    <col min="5" max="5" width="10.77734375" style="1" customWidth="1"/>
    <col min="6" max="6" width="13.109375" style="1" customWidth="1"/>
    <col min="7" max="9" width="12.44140625" style="1" customWidth="1"/>
    <col min="10" max="10" width="9.77734375" style="1" customWidth="1"/>
    <col min="11" max="16384" width="9" style="1"/>
  </cols>
  <sheetData>
    <row r="1" spans="1:13" ht="24" customHeight="1" x14ac:dyDescent="0.2">
      <c r="B1" s="2"/>
      <c r="C1" s="2"/>
      <c r="D1" s="2"/>
      <c r="E1" s="418" t="s">
        <v>0</v>
      </c>
      <c r="F1" s="418"/>
      <c r="G1" s="418"/>
      <c r="H1" s="418"/>
      <c r="I1" s="2"/>
      <c r="J1" s="2"/>
      <c r="K1" s="2"/>
      <c r="L1" s="2"/>
    </row>
    <row r="2" spans="1:13" ht="24" customHeight="1" x14ac:dyDescent="0.2">
      <c r="A2" s="2"/>
      <c r="B2" s="2"/>
      <c r="C2" s="2"/>
      <c r="D2" s="2"/>
      <c r="E2" s="2"/>
      <c r="F2" s="36">
        <v>7</v>
      </c>
      <c r="G2" s="13">
        <v>1</v>
      </c>
      <c r="H2" s="2"/>
      <c r="I2" s="2"/>
      <c r="J2" s="2"/>
      <c r="K2" s="2"/>
      <c r="L2" s="2"/>
      <c r="M2" s="2"/>
    </row>
    <row r="3" spans="1:13" ht="24" customHeight="1" x14ac:dyDescent="0.2"/>
    <row r="4" spans="1:13" ht="20.25" customHeight="1" x14ac:dyDescent="0.2">
      <c r="D4" s="3"/>
      <c r="E4" s="4" t="s">
        <v>1</v>
      </c>
      <c r="F4" s="3"/>
      <c r="H4" s="20">
        <f>G2</f>
        <v>1</v>
      </c>
    </row>
    <row r="5" spans="1:13" ht="10.5" customHeight="1" thickBot="1" x14ac:dyDescent="0.25">
      <c r="E5" s="5"/>
    </row>
    <row r="6" spans="1:13" ht="21" customHeight="1" x14ac:dyDescent="0.2">
      <c r="E6" s="406"/>
      <c r="F6" s="419" t="s">
        <v>2</v>
      </c>
      <c r="G6" s="420"/>
      <c r="H6" s="420"/>
      <c r="I6" s="421"/>
    </row>
    <row r="7" spans="1:13" ht="21" customHeight="1" x14ac:dyDescent="0.2">
      <c r="E7" s="407"/>
      <c r="F7" s="408"/>
      <c r="G7" s="409" t="s">
        <v>3</v>
      </c>
      <c r="H7" s="410" t="s">
        <v>160</v>
      </c>
      <c r="I7" s="35" t="s">
        <v>161</v>
      </c>
    </row>
    <row r="8" spans="1:13" ht="21" customHeight="1" x14ac:dyDescent="0.2">
      <c r="E8" s="411" t="s">
        <v>4</v>
      </c>
      <c r="F8" s="412">
        <v>2357193</v>
      </c>
      <c r="G8" s="412">
        <v>972420</v>
      </c>
      <c r="H8" s="412">
        <v>961838</v>
      </c>
      <c r="I8" s="413">
        <v>422935</v>
      </c>
    </row>
    <row r="9" spans="1:13" ht="21" customHeight="1" x14ac:dyDescent="0.2">
      <c r="E9" s="414" t="s">
        <v>5</v>
      </c>
      <c r="F9" s="412">
        <v>942571</v>
      </c>
      <c r="G9" s="412">
        <v>389617</v>
      </c>
      <c r="H9" s="412">
        <v>378149</v>
      </c>
      <c r="I9" s="413">
        <v>174805</v>
      </c>
    </row>
    <row r="10" spans="1:13" ht="21" customHeight="1" x14ac:dyDescent="0.2">
      <c r="E10" s="414" t="s">
        <v>6</v>
      </c>
      <c r="F10" s="412">
        <v>311367</v>
      </c>
      <c r="G10" s="412">
        <v>135840</v>
      </c>
      <c r="H10" s="412">
        <v>120900</v>
      </c>
      <c r="I10" s="413">
        <v>54627</v>
      </c>
    </row>
    <row r="11" spans="1:13" ht="21" customHeight="1" x14ac:dyDescent="0.2">
      <c r="E11" s="414" t="s">
        <v>14</v>
      </c>
      <c r="F11" s="412">
        <v>189513</v>
      </c>
      <c r="G11" s="412">
        <v>78344</v>
      </c>
      <c r="H11" s="412">
        <v>79882</v>
      </c>
      <c r="I11" s="413">
        <v>31287</v>
      </c>
    </row>
    <row r="12" spans="1:13" ht="21" customHeight="1" x14ac:dyDescent="0.2">
      <c r="E12" s="414" t="s">
        <v>7</v>
      </c>
      <c r="F12" s="412">
        <v>124225</v>
      </c>
      <c r="G12" s="412">
        <v>47962</v>
      </c>
      <c r="H12" s="412">
        <v>52807</v>
      </c>
      <c r="I12" s="413">
        <v>23456</v>
      </c>
    </row>
    <row r="13" spans="1:13" ht="21" customHeight="1" x14ac:dyDescent="0.2">
      <c r="E13" s="414" t="s">
        <v>8</v>
      </c>
      <c r="F13" s="412">
        <v>74016</v>
      </c>
      <c r="G13" s="412">
        <v>30885</v>
      </c>
      <c r="H13" s="412">
        <v>30673</v>
      </c>
      <c r="I13" s="413">
        <v>12458</v>
      </c>
    </row>
    <row r="14" spans="1:13" ht="21" customHeight="1" x14ac:dyDescent="0.2">
      <c r="E14" s="414" t="s">
        <v>9</v>
      </c>
      <c r="F14" s="412">
        <v>53277</v>
      </c>
      <c r="G14" s="412">
        <v>19286</v>
      </c>
      <c r="H14" s="412">
        <v>21893</v>
      </c>
      <c r="I14" s="413">
        <v>12098</v>
      </c>
    </row>
    <row r="15" spans="1:13" ht="21" customHeight="1" x14ac:dyDescent="0.2">
      <c r="E15" s="414" t="s">
        <v>10</v>
      </c>
      <c r="F15" s="412">
        <v>109271</v>
      </c>
      <c r="G15" s="412">
        <v>44037</v>
      </c>
      <c r="H15" s="412">
        <v>44997</v>
      </c>
      <c r="I15" s="413">
        <v>20237</v>
      </c>
    </row>
    <row r="16" spans="1:13" ht="21" customHeight="1" x14ac:dyDescent="0.2">
      <c r="E16" s="414" t="s">
        <v>11</v>
      </c>
      <c r="F16" s="412">
        <v>57650</v>
      </c>
      <c r="G16" s="412">
        <v>23969</v>
      </c>
      <c r="H16" s="412">
        <v>23223</v>
      </c>
      <c r="I16" s="413">
        <v>10458</v>
      </c>
    </row>
    <row r="17" spans="5:13" ht="21" customHeight="1" x14ac:dyDescent="0.2">
      <c r="E17" s="414" t="s">
        <v>12</v>
      </c>
      <c r="F17" s="412">
        <v>66329</v>
      </c>
      <c r="G17" s="412">
        <v>26775</v>
      </c>
      <c r="H17" s="412">
        <v>27126</v>
      </c>
      <c r="I17" s="413">
        <v>12428</v>
      </c>
    </row>
    <row r="18" spans="5:13" ht="21" customHeight="1" x14ac:dyDescent="0.2">
      <c r="E18" s="414" t="s">
        <v>13</v>
      </c>
      <c r="F18" s="412">
        <v>18407</v>
      </c>
      <c r="G18" s="412">
        <v>6642</v>
      </c>
      <c r="H18" s="412">
        <v>7628</v>
      </c>
      <c r="I18" s="413">
        <v>4137</v>
      </c>
      <c r="M18" s="1" t="s">
        <v>87</v>
      </c>
    </row>
    <row r="19" spans="5:13" ht="21" customHeight="1" x14ac:dyDescent="0.2">
      <c r="E19" s="414" t="s">
        <v>15</v>
      </c>
      <c r="F19" s="412">
        <v>15811</v>
      </c>
      <c r="G19" s="412">
        <v>6424</v>
      </c>
      <c r="H19" s="412">
        <v>6549</v>
      </c>
      <c r="I19" s="413">
        <v>2838</v>
      </c>
    </row>
    <row r="20" spans="5:13" ht="21" customHeight="1" x14ac:dyDescent="0.2">
      <c r="E20" s="414" t="s">
        <v>16</v>
      </c>
      <c r="F20" s="412">
        <v>49687</v>
      </c>
      <c r="G20" s="412">
        <v>21014</v>
      </c>
      <c r="H20" s="412">
        <v>21262</v>
      </c>
      <c r="I20" s="413">
        <v>7411</v>
      </c>
    </row>
    <row r="21" spans="5:13" ht="21" customHeight="1" x14ac:dyDescent="0.2">
      <c r="E21" s="414" t="s">
        <v>17</v>
      </c>
      <c r="F21" s="412">
        <v>58997</v>
      </c>
      <c r="G21" s="412">
        <v>24974</v>
      </c>
      <c r="H21" s="412">
        <v>25233</v>
      </c>
      <c r="I21" s="413">
        <v>8790</v>
      </c>
    </row>
    <row r="22" spans="5:13" ht="21" customHeight="1" x14ac:dyDescent="0.2">
      <c r="E22" s="414" t="s">
        <v>18</v>
      </c>
      <c r="F22" s="412">
        <v>58627</v>
      </c>
      <c r="G22" s="412">
        <v>24353</v>
      </c>
      <c r="H22" s="412">
        <v>24592</v>
      </c>
      <c r="I22" s="413">
        <v>9682</v>
      </c>
    </row>
    <row r="23" spans="5:13" ht="21" customHeight="1" x14ac:dyDescent="0.2">
      <c r="E23" s="414" t="s">
        <v>19</v>
      </c>
      <c r="F23" s="412">
        <v>26779</v>
      </c>
      <c r="G23" s="412">
        <v>11050</v>
      </c>
      <c r="H23" s="412">
        <v>11298</v>
      </c>
      <c r="I23" s="413">
        <v>4431</v>
      </c>
    </row>
    <row r="24" spans="5:13" ht="21" customHeight="1" x14ac:dyDescent="0.2">
      <c r="E24" s="414" t="s">
        <v>20</v>
      </c>
      <c r="F24" s="412">
        <v>34433</v>
      </c>
      <c r="G24" s="412">
        <v>14397</v>
      </c>
      <c r="H24" s="412">
        <v>14610</v>
      </c>
      <c r="I24" s="413">
        <v>5426</v>
      </c>
    </row>
    <row r="25" spans="5:13" ht="21" customHeight="1" x14ac:dyDescent="0.2">
      <c r="E25" s="414" t="s">
        <v>21</v>
      </c>
      <c r="F25" s="412">
        <v>34707</v>
      </c>
      <c r="G25" s="412">
        <v>14517</v>
      </c>
      <c r="H25" s="412">
        <v>14628</v>
      </c>
      <c r="I25" s="413">
        <v>5562</v>
      </c>
    </row>
    <row r="26" spans="5:13" ht="21" customHeight="1" x14ac:dyDescent="0.2">
      <c r="E26" s="414" t="s">
        <v>22</v>
      </c>
      <c r="F26" s="412">
        <v>13633</v>
      </c>
      <c r="G26" s="412">
        <v>5383</v>
      </c>
      <c r="H26" s="412">
        <v>5705</v>
      </c>
      <c r="I26" s="413">
        <v>2545</v>
      </c>
    </row>
    <row r="27" spans="5:13" ht="21" customHeight="1" x14ac:dyDescent="0.2">
      <c r="E27" s="414" t="s">
        <v>23</v>
      </c>
      <c r="F27" s="412">
        <v>22579</v>
      </c>
      <c r="G27" s="412">
        <v>8551</v>
      </c>
      <c r="H27" s="412">
        <v>10415</v>
      </c>
      <c r="I27" s="413">
        <v>3613</v>
      </c>
    </row>
    <row r="28" spans="5:13" ht="21" customHeight="1" x14ac:dyDescent="0.2">
      <c r="E28" s="414" t="s">
        <v>24</v>
      </c>
      <c r="F28" s="412">
        <v>10075</v>
      </c>
      <c r="G28" s="412">
        <v>3590</v>
      </c>
      <c r="H28" s="412">
        <v>4344</v>
      </c>
      <c r="I28" s="413">
        <v>2141</v>
      </c>
    </row>
    <row r="29" spans="5:13" ht="21" customHeight="1" x14ac:dyDescent="0.2">
      <c r="E29" s="414" t="s">
        <v>25</v>
      </c>
      <c r="F29" s="412">
        <v>13483</v>
      </c>
      <c r="G29" s="412">
        <v>5730</v>
      </c>
      <c r="H29" s="412">
        <v>5739</v>
      </c>
      <c r="I29" s="413">
        <v>2014</v>
      </c>
    </row>
    <row r="30" spans="5:13" ht="21" customHeight="1" x14ac:dyDescent="0.2">
      <c r="E30" s="414" t="s">
        <v>26</v>
      </c>
      <c r="F30" s="412">
        <v>11051</v>
      </c>
      <c r="G30" s="412">
        <v>4254</v>
      </c>
      <c r="H30" s="412">
        <v>4790</v>
      </c>
      <c r="I30" s="413">
        <v>2007</v>
      </c>
    </row>
    <row r="31" spans="5:13" ht="21" customHeight="1" x14ac:dyDescent="0.2">
      <c r="E31" s="414" t="s">
        <v>27</v>
      </c>
      <c r="F31" s="412">
        <v>9772</v>
      </c>
      <c r="G31" s="412">
        <v>3659</v>
      </c>
      <c r="H31" s="412">
        <v>4153</v>
      </c>
      <c r="I31" s="413">
        <v>1960</v>
      </c>
    </row>
    <row r="32" spans="5:13" ht="21" customHeight="1" x14ac:dyDescent="0.2">
      <c r="E32" s="414" t="s">
        <v>28</v>
      </c>
      <c r="F32" s="412">
        <v>3223</v>
      </c>
      <c r="G32" s="412">
        <v>1349</v>
      </c>
      <c r="H32" s="412">
        <v>1401</v>
      </c>
      <c r="I32" s="413">
        <v>473</v>
      </c>
    </row>
    <row r="33" spans="5:9" ht="21" customHeight="1" x14ac:dyDescent="0.2">
      <c r="E33" s="414" t="s">
        <v>29</v>
      </c>
      <c r="F33" s="412">
        <v>4980</v>
      </c>
      <c r="G33" s="412">
        <v>2030</v>
      </c>
      <c r="H33" s="412">
        <v>2168</v>
      </c>
      <c r="I33" s="413">
        <v>782</v>
      </c>
    </row>
    <row r="34" spans="5:9" ht="21" customHeight="1" x14ac:dyDescent="0.2">
      <c r="E34" s="414" t="s">
        <v>30</v>
      </c>
      <c r="F34" s="412">
        <v>3719</v>
      </c>
      <c r="G34" s="412">
        <v>1497</v>
      </c>
      <c r="H34" s="412">
        <v>1502</v>
      </c>
      <c r="I34" s="413">
        <v>720</v>
      </c>
    </row>
    <row r="35" spans="5:9" ht="21" customHeight="1" x14ac:dyDescent="0.2">
      <c r="E35" s="414" t="s">
        <v>31</v>
      </c>
      <c r="F35" s="412">
        <v>3969</v>
      </c>
      <c r="G35" s="412">
        <v>1732</v>
      </c>
      <c r="H35" s="412">
        <v>1519</v>
      </c>
      <c r="I35" s="413">
        <v>718</v>
      </c>
    </row>
    <row r="36" spans="5:9" ht="21" customHeight="1" x14ac:dyDescent="0.2">
      <c r="E36" s="414" t="s">
        <v>32</v>
      </c>
      <c r="F36" s="412">
        <v>4695</v>
      </c>
      <c r="G36" s="412">
        <v>1939</v>
      </c>
      <c r="H36" s="412">
        <v>1941</v>
      </c>
      <c r="I36" s="413">
        <v>815</v>
      </c>
    </row>
    <row r="37" spans="5:9" ht="21" customHeight="1" x14ac:dyDescent="0.2">
      <c r="E37" s="414" t="s">
        <v>33</v>
      </c>
      <c r="F37" s="412">
        <v>4049</v>
      </c>
      <c r="G37" s="412">
        <v>1623</v>
      </c>
      <c r="H37" s="412">
        <v>1697</v>
      </c>
      <c r="I37" s="413">
        <v>729</v>
      </c>
    </row>
    <row r="38" spans="5:9" ht="21" customHeight="1" x14ac:dyDescent="0.2">
      <c r="E38" s="414" t="s">
        <v>34</v>
      </c>
      <c r="F38" s="412">
        <v>3003</v>
      </c>
      <c r="G38" s="412">
        <v>1198</v>
      </c>
      <c r="H38" s="412">
        <v>1252</v>
      </c>
      <c r="I38" s="413">
        <v>553</v>
      </c>
    </row>
    <row r="39" spans="5:9" ht="21" customHeight="1" x14ac:dyDescent="0.2">
      <c r="E39" s="414" t="s">
        <v>35</v>
      </c>
      <c r="F39" s="412">
        <v>9804</v>
      </c>
      <c r="G39" s="412">
        <v>3802</v>
      </c>
      <c r="H39" s="412">
        <v>4127</v>
      </c>
      <c r="I39" s="413">
        <v>1875</v>
      </c>
    </row>
    <row r="40" spans="5:9" ht="21" customHeight="1" x14ac:dyDescent="0.2">
      <c r="E40" s="414" t="s">
        <v>36</v>
      </c>
      <c r="F40" s="412">
        <v>12412</v>
      </c>
      <c r="G40" s="412">
        <v>5503</v>
      </c>
      <c r="H40" s="412">
        <v>5213</v>
      </c>
      <c r="I40" s="413">
        <v>1696</v>
      </c>
    </row>
    <row r="41" spans="5:9" ht="21" customHeight="1" thickBot="1" x14ac:dyDescent="0.25">
      <c r="E41" s="415" t="s">
        <v>37</v>
      </c>
      <c r="F41" s="416">
        <v>1079</v>
      </c>
      <c r="G41" s="416">
        <v>494</v>
      </c>
      <c r="H41" s="416">
        <v>422</v>
      </c>
      <c r="I41" s="417">
        <v>163</v>
      </c>
    </row>
  </sheetData>
  <mergeCells count="2">
    <mergeCell ref="E1:H1"/>
    <mergeCell ref="F6:I6"/>
  </mergeCells>
  <phoneticPr fontId="4"/>
  <pageMargins left="0.78740157480314965" right="0.78740157480314965" top="0.98425196850393704" bottom="0.98425196850393704" header="0.51181102362204722" footer="0.51181102362204722"/>
  <pageSetup paperSize="9" scale="87" orientation="portrait" r:id="rId1"/>
  <headerFooter alignWithMargins="0">
    <oddFooter>&amp;L&amp;A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DH40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5" width="9" style="161"/>
    <col min="6" max="6" width="7.77734375" style="161" customWidth="1"/>
    <col min="7" max="7" width="9" style="161"/>
    <col min="8" max="8" width="10.6640625" style="161" customWidth="1"/>
    <col min="9" max="16" width="9" style="161"/>
    <col min="17" max="17" width="7.88671875" style="161" customWidth="1"/>
    <col min="18" max="27" width="9" style="161"/>
    <col min="28" max="28" width="7.77734375" style="161" customWidth="1"/>
    <col min="29" max="38" width="9" style="161"/>
    <col min="39" max="39" width="6.77734375" style="161" customWidth="1"/>
    <col min="40" max="49" width="9" style="161"/>
    <col min="50" max="50" width="7.77734375" style="161" customWidth="1"/>
    <col min="51" max="60" width="9" style="161"/>
    <col min="61" max="61" width="7.44140625" style="161" customWidth="1"/>
    <col min="62" max="71" width="9" style="161"/>
    <col min="72" max="72" width="7.33203125" style="161" customWidth="1"/>
    <col min="73" max="82" width="9" style="161"/>
    <col min="83" max="83" width="7.44140625" style="161" customWidth="1"/>
    <col min="84" max="93" width="9" style="161"/>
    <col min="94" max="94" width="7.6640625" style="161" customWidth="1"/>
    <col min="95" max="16384" width="9" style="161"/>
  </cols>
  <sheetData>
    <row r="1" spans="2:112" ht="24" customHeight="1" x14ac:dyDescent="0.2">
      <c r="B1" s="128" t="s">
        <v>121</v>
      </c>
      <c r="J1" s="441">
        <f>第１表!F2</f>
        <v>7</v>
      </c>
      <c r="K1" s="441"/>
      <c r="L1" s="15">
        <f>第１表!G2</f>
        <v>1</v>
      </c>
      <c r="M1" s="445">
        <f>IF(L1&lt;3,L1+12-2,L1-2)</f>
        <v>11</v>
      </c>
      <c r="N1" s="445"/>
    </row>
    <row r="2" spans="2:112" ht="24" customHeight="1" thickBot="1" x14ac:dyDescent="0.25">
      <c r="B2" s="128" t="s">
        <v>127</v>
      </c>
    </row>
    <row r="3" spans="2:112" ht="21" customHeight="1" thickBot="1" x14ac:dyDescent="0.25">
      <c r="B3" s="482"/>
      <c r="C3" s="485" t="s">
        <v>111</v>
      </c>
      <c r="D3" s="485"/>
      <c r="E3" s="485"/>
      <c r="F3" s="485"/>
      <c r="G3" s="485"/>
      <c r="H3" s="485"/>
      <c r="I3" s="485"/>
      <c r="J3" s="485"/>
      <c r="K3" s="485"/>
      <c r="L3" s="485"/>
      <c r="M3" s="486"/>
      <c r="N3" s="480" t="s">
        <v>110</v>
      </c>
      <c r="O3" s="480"/>
      <c r="P3" s="480"/>
      <c r="Q3" s="480"/>
      <c r="R3" s="480"/>
      <c r="S3" s="480"/>
      <c r="T3" s="480"/>
      <c r="U3" s="480"/>
      <c r="V3" s="480"/>
      <c r="W3" s="480"/>
      <c r="X3" s="481"/>
      <c r="Y3" s="479" t="s">
        <v>109</v>
      </c>
      <c r="Z3" s="480"/>
      <c r="AA3" s="480"/>
      <c r="AB3" s="480"/>
      <c r="AC3" s="480"/>
      <c r="AD3" s="480"/>
      <c r="AE3" s="480"/>
      <c r="AF3" s="480"/>
      <c r="AG3" s="480"/>
      <c r="AH3" s="480"/>
      <c r="AI3" s="481"/>
      <c r="AJ3" s="479" t="s">
        <v>108</v>
      </c>
      <c r="AK3" s="480"/>
      <c r="AL3" s="480"/>
      <c r="AM3" s="480"/>
      <c r="AN3" s="480"/>
      <c r="AO3" s="480"/>
      <c r="AP3" s="480"/>
      <c r="AQ3" s="480"/>
      <c r="AR3" s="480"/>
      <c r="AS3" s="480"/>
      <c r="AT3" s="481"/>
      <c r="AU3" s="479" t="s">
        <v>107</v>
      </c>
      <c r="AV3" s="480"/>
      <c r="AW3" s="480"/>
      <c r="AX3" s="480"/>
      <c r="AY3" s="480"/>
      <c r="AZ3" s="480"/>
      <c r="BA3" s="480"/>
      <c r="BB3" s="480"/>
      <c r="BC3" s="480"/>
      <c r="BD3" s="480"/>
      <c r="BE3" s="481"/>
      <c r="BF3" s="479" t="s">
        <v>106</v>
      </c>
      <c r="BG3" s="480"/>
      <c r="BH3" s="480"/>
      <c r="BI3" s="480"/>
      <c r="BJ3" s="480"/>
      <c r="BK3" s="480"/>
      <c r="BL3" s="480"/>
      <c r="BM3" s="480"/>
      <c r="BN3" s="480"/>
      <c r="BO3" s="480"/>
      <c r="BP3" s="481"/>
      <c r="BQ3" s="479" t="s">
        <v>105</v>
      </c>
      <c r="BR3" s="480"/>
      <c r="BS3" s="480"/>
      <c r="BT3" s="480"/>
      <c r="BU3" s="480"/>
      <c r="BV3" s="480"/>
      <c r="BW3" s="480"/>
      <c r="BX3" s="480"/>
      <c r="BY3" s="480"/>
      <c r="BZ3" s="480"/>
      <c r="CA3" s="481"/>
      <c r="CB3" s="479" t="s">
        <v>124</v>
      </c>
      <c r="CC3" s="480"/>
      <c r="CD3" s="480"/>
      <c r="CE3" s="480"/>
      <c r="CF3" s="480"/>
      <c r="CG3" s="480"/>
      <c r="CH3" s="480"/>
      <c r="CI3" s="480"/>
      <c r="CJ3" s="480"/>
      <c r="CK3" s="480"/>
      <c r="CL3" s="481"/>
      <c r="CM3" s="479" t="s">
        <v>155</v>
      </c>
      <c r="CN3" s="480"/>
      <c r="CO3" s="480"/>
      <c r="CP3" s="480"/>
      <c r="CQ3" s="480"/>
      <c r="CR3" s="480"/>
      <c r="CS3" s="480"/>
      <c r="CT3" s="480"/>
      <c r="CU3" s="480"/>
      <c r="CV3" s="480"/>
      <c r="CW3" s="481"/>
      <c r="CX3" s="479" t="s">
        <v>151</v>
      </c>
      <c r="CY3" s="480"/>
      <c r="CZ3" s="480"/>
      <c r="DA3" s="480"/>
      <c r="DB3" s="480"/>
      <c r="DC3" s="480"/>
      <c r="DD3" s="480"/>
      <c r="DE3" s="480"/>
      <c r="DF3" s="480"/>
      <c r="DG3" s="480"/>
      <c r="DH3" s="481"/>
    </row>
    <row r="4" spans="2:112" ht="21" customHeight="1" x14ac:dyDescent="0.2">
      <c r="B4" s="483"/>
      <c r="C4" s="487" t="s">
        <v>61</v>
      </c>
      <c r="D4" s="472"/>
      <c r="E4" s="473"/>
      <c r="F4" s="474" t="s">
        <v>62</v>
      </c>
      <c r="G4" s="472"/>
      <c r="H4" s="472"/>
      <c r="I4" s="472"/>
      <c r="J4" s="472"/>
      <c r="K4" s="472"/>
      <c r="L4" s="475"/>
      <c r="M4" s="469" t="s">
        <v>52</v>
      </c>
      <c r="N4" s="487" t="s">
        <v>61</v>
      </c>
      <c r="O4" s="472"/>
      <c r="P4" s="473"/>
      <c r="Q4" s="474" t="s">
        <v>62</v>
      </c>
      <c r="R4" s="472"/>
      <c r="S4" s="472"/>
      <c r="T4" s="472"/>
      <c r="U4" s="472"/>
      <c r="V4" s="472"/>
      <c r="W4" s="473"/>
      <c r="X4" s="469" t="s">
        <v>52</v>
      </c>
      <c r="Y4" s="471" t="s">
        <v>61</v>
      </c>
      <c r="Z4" s="472"/>
      <c r="AA4" s="475"/>
      <c r="AB4" s="474" t="s">
        <v>62</v>
      </c>
      <c r="AC4" s="472"/>
      <c r="AD4" s="472"/>
      <c r="AE4" s="472"/>
      <c r="AF4" s="472"/>
      <c r="AG4" s="472"/>
      <c r="AH4" s="473"/>
      <c r="AI4" s="469" t="s">
        <v>52</v>
      </c>
      <c r="AJ4" s="471" t="s">
        <v>61</v>
      </c>
      <c r="AK4" s="472"/>
      <c r="AL4" s="473"/>
      <c r="AM4" s="474" t="s">
        <v>62</v>
      </c>
      <c r="AN4" s="472"/>
      <c r="AO4" s="472"/>
      <c r="AP4" s="472"/>
      <c r="AQ4" s="472"/>
      <c r="AR4" s="472"/>
      <c r="AS4" s="473"/>
      <c r="AT4" s="469" t="s">
        <v>52</v>
      </c>
      <c r="AU4" s="471" t="s">
        <v>61</v>
      </c>
      <c r="AV4" s="472"/>
      <c r="AW4" s="475"/>
      <c r="AX4" s="474" t="s">
        <v>62</v>
      </c>
      <c r="AY4" s="472"/>
      <c r="AZ4" s="472"/>
      <c r="BA4" s="472"/>
      <c r="BB4" s="472"/>
      <c r="BC4" s="472"/>
      <c r="BD4" s="475"/>
      <c r="BE4" s="469" t="s">
        <v>52</v>
      </c>
      <c r="BF4" s="471" t="s">
        <v>61</v>
      </c>
      <c r="BG4" s="472"/>
      <c r="BH4" s="473"/>
      <c r="BI4" s="474" t="s">
        <v>62</v>
      </c>
      <c r="BJ4" s="472"/>
      <c r="BK4" s="472"/>
      <c r="BL4" s="472"/>
      <c r="BM4" s="472"/>
      <c r="BN4" s="472"/>
      <c r="BO4" s="473"/>
      <c r="BP4" s="469" t="s">
        <v>52</v>
      </c>
      <c r="BQ4" s="471" t="s">
        <v>61</v>
      </c>
      <c r="BR4" s="472"/>
      <c r="BS4" s="473"/>
      <c r="BT4" s="474" t="s">
        <v>62</v>
      </c>
      <c r="BU4" s="472"/>
      <c r="BV4" s="472"/>
      <c r="BW4" s="472"/>
      <c r="BX4" s="472"/>
      <c r="BY4" s="472"/>
      <c r="BZ4" s="473"/>
      <c r="CA4" s="469" t="s">
        <v>52</v>
      </c>
      <c r="CB4" s="471" t="s">
        <v>61</v>
      </c>
      <c r="CC4" s="472"/>
      <c r="CD4" s="473"/>
      <c r="CE4" s="474" t="s">
        <v>62</v>
      </c>
      <c r="CF4" s="472"/>
      <c r="CG4" s="472"/>
      <c r="CH4" s="472"/>
      <c r="CI4" s="472"/>
      <c r="CJ4" s="472"/>
      <c r="CK4" s="473"/>
      <c r="CL4" s="469" t="s">
        <v>52</v>
      </c>
      <c r="CM4" s="471" t="s">
        <v>61</v>
      </c>
      <c r="CN4" s="472"/>
      <c r="CO4" s="473"/>
      <c r="CP4" s="474" t="s">
        <v>62</v>
      </c>
      <c r="CQ4" s="472"/>
      <c r="CR4" s="472"/>
      <c r="CS4" s="472"/>
      <c r="CT4" s="472"/>
      <c r="CU4" s="472"/>
      <c r="CV4" s="473"/>
      <c r="CW4" s="469" t="s">
        <v>52</v>
      </c>
      <c r="CX4" s="471" t="s">
        <v>61</v>
      </c>
      <c r="CY4" s="472"/>
      <c r="CZ4" s="473"/>
      <c r="DA4" s="474" t="s">
        <v>62</v>
      </c>
      <c r="DB4" s="472"/>
      <c r="DC4" s="472"/>
      <c r="DD4" s="472"/>
      <c r="DE4" s="472"/>
      <c r="DF4" s="472"/>
      <c r="DG4" s="473"/>
      <c r="DH4" s="469" t="s">
        <v>52</v>
      </c>
    </row>
    <row r="5" spans="2:112" ht="30" customHeight="1" thickBot="1" x14ac:dyDescent="0.25">
      <c r="B5" s="484"/>
      <c r="C5" s="190" t="s">
        <v>43</v>
      </c>
      <c r="D5" s="164" t="s">
        <v>44</v>
      </c>
      <c r="E5" s="165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7" t="s">
        <v>45</v>
      </c>
      <c r="M5" s="470"/>
      <c r="N5" s="190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  <c r="Y5" s="163" t="s">
        <v>43</v>
      </c>
      <c r="Z5" s="164" t="s">
        <v>44</v>
      </c>
      <c r="AA5" s="167" t="s">
        <v>45</v>
      </c>
      <c r="AB5" s="166" t="s">
        <v>83</v>
      </c>
      <c r="AC5" s="164" t="s">
        <v>47</v>
      </c>
      <c r="AD5" s="164" t="s">
        <v>48</v>
      </c>
      <c r="AE5" s="164" t="s">
        <v>49</v>
      </c>
      <c r="AF5" s="164" t="s">
        <v>50</v>
      </c>
      <c r="AG5" s="164" t="s">
        <v>51</v>
      </c>
      <c r="AH5" s="168" t="s">
        <v>45</v>
      </c>
      <c r="AI5" s="470"/>
      <c r="AJ5" s="163" t="s">
        <v>43</v>
      </c>
      <c r="AK5" s="164" t="s">
        <v>44</v>
      </c>
      <c r="AL5" s="168" t="s">
        <v>45</v>
      </c>
      <c r="AM5" s="166" t="s">
        <v>83</v>
      </c>
      <c r="AN5" s="164" t="s">
        <v>47</v>
      </c>
      <c r="AO5" s="164" t="s">
        <v>48</v>
      </c>
      <c r="AP5" s="164" t="s">
        <v>49</v>
      </c>
      <c r="AQ5" s="164" t="s">
        <v>50</v>
      </c>
      <c r="AR5" s="164" t="s">
        <v>51</v>
      </c>
      <c r="AS5" s="168" t="s">
        <v>45</v>
      </c>
      <c r="AT5" s="470"/>
      <c r="AU5" s="163" t="s">
        <v>43</v>
      </c>
      <c r="AV5" s="164" t="s">
        <v>44</v>
      </c>
      <c r="AW5" s="167" t="s">
        <v>45</v>
      </c>
      <c r="AX5" s="166" t="s">
        <v>83</v>
      </c>
      <c r="AY5" s="164" t="s">
        <v>47</v>
      </c>
      <c r="AZ5" s="164" t="s">
        <v>48</v>
      </c>
      <c r="BA5" s="164" t="s">
        <v>49</v>
      </c>
      <c r="BB5" s="164" t="s">
        <v>50</v>
      </c>
      <c r="BC5" s="164" t="s">
        <v>51</v>
      </c>
      <c r="BD5" s="167" t="s">
        <v>45</v>
      </c>
      <c r="BE5" s="470"/>
      <c r="BF5" s="163" t="s">
        <v>43</v>
      </c>
      <c r="BG5" s="164" t="s">
        <v>44</v>
      </c>
      <c r="BH5" s="168" t="s">
        <v>45</v>
      </c>
      <c r="BI5" s="166" t="s">
        <v>83</v>
      </c>
      <c r="BJ5" s="164" t="s">
        <v>47</v>
      </c>
      <c r="BK5" s="164" t="s">
        <v>48</v>
      </c>
      <c r="BL5" s="164" t="s">
        <v>49</v>
      </c>
      <c r="BM5" s="164" t="s">
        <v>50</v>
      </c>
      <c r="BN5" s="164" t="s">
        <v>51</v>
      </c>
      <c r="BO5" s="168" t="s">
        <v>45</v>
      </c>
      <c r="BP5" s="470"/>
      <c r="BQ5" s="163" t="s">
        <v>43</v>
      </c>
      <c r="BR5" s="164" t="s">
        <v>44</v>
      </c>
      <c r="BS5" s="168" t="s">
        <v>45</v>
      </c>
      <c r="BT5" s="166" t="s">
        <v>83</v>
      </c>
      <c r="BU5" s="164" t="s">
        <v>47</v>
      </c>
      <c r="BV5" s="164" t="s">
        <v>48</v>
      </c>
      <c r="BW5" s="164" t="s">
        <v>49</v>
      </c>
      <c r="BX5" s="164" t="s">
        <v>50</v>
      </c>
      <c r="BY5" s="164" t="s">
        <v>51</v>
      </c>
      <c r="BZ5" s="168" t="s">
        <v>45</v>
      </c>
      <c r="CA5" s="470"/>
      <c r="CB5" s="163" t="s">
        <v>43</v>
      </c>
      <c r="CC5" s="164" t="s">
        <v>44</v>
      </c>
      <c r="CD5" s="168" t="s">
        <v>45</v>
      </c>
      <c r="CE5" s="166" t="s">
        <v>83</v>
      </c>
      <c r="CF5" s="164" t="s">
        <v>47</v>
      </c>
      <c r="CG5" s="164" t="s">
        <v>48</v>
      </c>
      <c r="CH5" s="164" t="s">
        <v>49</v>
      </c>
      <c r="CI5" s="164" t="s">
        <v>50</v>
      </c>
      <c r="CJ5" s="164" t="s">
        <v>51</v>
      </c>
      <c r="CK5" s="168" t="s">
        <v>45</v>
      </c>
      <c r="CL5" s="470"/>
      <c r="CM5" s="163" t="s">
        <v>43</v>
      </c>
      <c r="CN5" s="164" t="s">
        <v>44</v>
      </c>
      <c r="CO5" s="168" t="s">
        <v>45</v>
      </c>
      <c r="CP5" s="166" t="s">
        <v>83</v>
      </c>
      <c r="CQ5" s="164" t="s">
        <v>47</v>
      </c>
      <c r="CR5" s="164" t="s">
        <v>48</v>
      </c>
      <c r="CS5" s="164" t="s">
        <v>49</v>
      </c>
      <c r="CT5" s="164" t="s">
        <v>50</v>
      </c>
      <c r="CU5" s="164" t="s">
        <v>51</v>
      </c>
      <c r="CV5" s="168" t="s">
        <v>45</v>
      </c>
      <c r="CW5" s="470"/>
      <c r="CX5" s="163" t="s">
        <v>43</v>
      </c>
      <c r="CY5" s="164" t="s">
        <v>44</v>
      </c>
      <c r="CZ5" s="168" t="s">
        <v>45</v>
      </c>
      <c r="DA5" s="166" t="s">
        <v>83</v>
      </c>
      <c r="DB5" s="164" t="s">
        <v>47</v>
      </c>
      <c r="DC5" s="164" t="s">
        <v>48</v>
      </c>
      <c r="DD5" s="164" t="s">
        <v>49</v>
      </c>
      <c r="DE5" s="164" t="s">
        <v>50</v>
      </c>
      <c r="DF5" s="164" t="s">
        <v>51</v>
      </c>
      <c r="DG5" s="168" t="s">
        <v>45</v>
      </c>
      <c r="DH5" s="470"/>
    </row>
    <row r="6" spans="2:112" ht="21" customHeight="1" x14ac:dyDescent="0.2">
      <c r="B6" s="70" t="s">
        <v>4</v>
      </c>
      <c r="C6" s="169">
        <v>0</v>
      </c>
      <c r="D6" s="170">
        <v>0</v>
      </c>
      <c r="E6" s="171">
        <v>0</v>
      </c>
      <c r="F6" s="172">
        <v>0</v>
      </c>
      <c r="G6" s="170">
        <v>13340</v>
      </c>
      <c r="H6" s="170">
        <v>19854</v>
      </c>
      <c r="I6" s="170">
        <v>21469</v>
      </c>
      <c r="J6" s="170">
        <v>26774</v>
      </c>
      <c r="K6" s="170">
        <v>21489</v>
      </c>
      <c r="L6" s="173">
        <v>102926</v>
      </c>
      <c r="M6" s="174">
        <v>102926</v>
      </c>
      <c r="N6" s="169">
        <v>0</v>
      </c>
      <c r="O6" s="170">
        <v>9</v>
      </c>
      <c r="P6" s="175">
        <v>9</v>
      </c>
      <c r="Q6" s="172">
        <v>0</v>
      </c>
      <c r="R6" s="170">
        <v>20</v>
      </c>
      <c r="S6" s="170">
        <v>132</v>
      </c>
      <c r="T6" s="170">
        <v>248</v>
      </c>
      <c r="U6" s="170">
        <v>553</v>
      </c>
      <c r="V6" s="170">
        <v>935</v>
      </c>
      <c r="W6" s="175">
        <v>1888</v>
      </c>
      <c r="X6" s="174">
        <v>1897</v>
      </c>
      <c r="Y6" s="169">
        <v>1133</v>
      </c>
      <c r="Z6" s="170">
        <v>3324</v>
      </c>
      <c r="AA6" s="175">
        <v>4457</v>
      </c>
      <c r="AB6" s="172">
        <v>0</v>
      </c>
      <c r="AC6" s="170">
        <v>8705</v>
      </c>
      <c r="AD6" s="170">
        <v>15708</v>
      </c>
      <c r="AE6" s="170">
        <v>8648</v>
      </c>
      <c r="AF6" s="170">
        <v>6893</v>
      </c>
      <c r="AG6" s="170">
        <v>4536</v>
      </c>
      <c r="AH6" s="175">
        <v>44490</v>
      </c>
      <c r="AI6" s="174">
        <v>48947</v>
      </c>
      <c r="AJ6" s="169">
        <v>212</v>
      </c>
      <c r="AK6" s="170">
        <v>535</v>
      </c>
      <c r="AL6" s="175">
        <v>747</v>
      </c>
      <c r="AM6" s="172">
        <v>0</v>
      </c>
      <c r="AN6" s="170">
        <v>1113</v>
      </c>
      <c r="AO6" s="170">
        <v>1448</v>
      </c>
      <c r="AP6" s="170">
        <v>1061</v>
      </c>
      <c r="AQ6" s="170">
        <v>655</v>
      </c>
      <c r="AR6" s="170">
        <v>485</v>
      </c>
      <c r="AS6" s="175">
        <v>4762</v>
      </c>
      <c r="AT6" s="174">
        <v>5509</v>
      </c>
      <c r="AU6" s="169">
        <v>0</v>
      </c>
      <c r="AV6" s="170">
        <v>0</v>
      </c>
      <c r="AW6" s="175">
        <v>0</v>
      </c>
      <c r="AX6" s="172">
        <v>0</v>
      </c>
      <c r="AY6" s="170">
        <v>13550</v>
      </c>
      <c r="AZ6" s="170">
        <v>12772</v>
      </c>
      <c r="BA6" s="170">
        <v>7394</v>
      </c>
      <c r="BB6" s="170">
        <v>3508</v>
      </c>
      <c r="BC6" s="170">
        <v>1547</v>
      </c>
      <c r="BD6" s="173">
        <v>38771</v>
      </c>
      <c r="BE6" s="174">
        <v>38771</v>
      </c>
      <c r="BF6" s="169">
        <v>0</v>
      </c>
      <c r="BG6" s="170">
        <v>0</v>
      </c>
      <c r="BH6" s="175">
        <v>0</v>
      </c>
      <c r="BI6" s="172">
        <v>0</v>
      </c>
      <c r="BJ6" s="170">
        <v>2595</v>
      </c>
      <c r="BK6" s="170">
        <v>3849</v>
      </c>
      <c r="BL6" s="170">
        <v>2194</v>
      </c>
      <c r="BM6" s="170">
        <v>1144</v>
      </c>
      <c r="BN6" s="170">
        <v>343</v>
      </c>
      <c r="BO6" s="175">
        <v>10125</v>
      </c>
      <c r="BP6" s="174">
        <v>10125</v>
      </c>
      <c r="BQ6" s="169">
        <v>21</v>
      </c>
      <c r="BR6" s="170">
        <v>101</v>
      </c>
      <c r="BS6" s="175">
        <v>122</v>
      </c>
      <c r="BT6" s="172">
        <v>0</v>
      </c>
      <c r="BU6" s="170">
        <v>1091</v>
      </c>
      <c r="BV6" s="170">
        <v>2498</v>
      </c>
      <c r="BW6" s="170">
        <v>3013</v>
      </c>
      <c r="BX6" s="170">
        <v>2523</v>
      </c>
      <c r="BY6" s="170">
        <v>1139</v>
      </c>
      <c r="BZ6" s="175">
        <v>10264</v>
      </c>
      <c r="CA6" s="174">
        <v>10386</v>
      </c>
      <c r="CB6" s="169">
        <v>0</v>
      </c>
      <c r="CC6" s="170">
        <v>4</v>
      </c>
      <c r="CD6" s="175">
        <v>4</v>
      </c>
      <c r="CE6" s="172">
        <v>0</v>
      </c>
      <c r="CF6" s="170">
        <v>126</v>
      </c>
      <c r="CG6" s="170">
        <v>412</v>
      </c>
      <c r="CH6" s="170">
        <v>352</v>
      </c>
      <c r="CI6" s="170">
        <v>262</v>
      </c>
      <c r="CJ6" s="170">
        <v>176</v>
      </c>
      <c r="CK6" s="175">
        <v>1328</v>
      </c>
      <c r="CL6" s="174">
        <v>1332</v>
      </c>
      <c r="CM6" s="169">
        <v>0</v>
      </c>
      <c r="CN6" s="170">
        <v>0</v>
      </c>
      <c r="CO6" s="175">
        <v>0</v>
      </c>
      <c r="CP6" s="172">
        <v>0</v>
      </c>
      <c r="CQ6" s="170">
        <v>0</v>
      </c>
      <c r="CR6" s="170">
        <v>0</v>
      </c>
      <c r="CS6" s="170">
        <v>0</v>
      </c>
      <c r="CT6" s="170">
        <v>0</v>
      </c>
      <c r="CU6" s="170">
        <v>0</v>
      </c>
      <c r="CV6" s="175">
        <v>0</v>
      </c>
      <c r="CW6" s="174">
        <v>0</v>
      </c>
      <c r="CX6" s="169">
        <v>0</v>
      </c>
      <c r="CY6" s="170">
        <v>0</v>
      </c>
      <c r="CZ6" s="175">
        <v>0</v>
      </c>
      <c r="DA6" s="172">
        <v>0</v>
      </c>
      <c r="DB6" s="170">
        <v>0</v>
      </c>
      <c r="DC6" s="170">
        <v>0</v>
      </c>
      <c r="DD6" s="170">
        <v>0</v>
      </c>
      <c r="DE6" s="170">
        <v>0</v>
      </c>
      <c r="DF6" s="170">
        <v>0</v>
      </c>
      <c r="DG6" s="175">
        <v>0</v>
      </c>
      <c r="DH6" s="174">
        <v>0</v>
      </c>
    </row>
    <row r="7" spans="2:112" ht="21" customHeight="1" x14ac:dyDescent="0.2">
      <c r="B7" s="81" t="s">
        <v>5</v>
      </c>
      <c r="C7" s="176">
        <v>0</v>
      </c>
      <c r="D7" s="177">
        <v>0</v>
      </c>
      <c r="E7" s="178">
        <v>0</v>
      </c>
      <c r="F7" s="179">
        <v>0</v>
      </c>
      <c r="G7" s="177">
        <v>4978</v>
      </c>
      <c r="H7" s="177">
        <v>8694</v>
      </c>
      <c r="I7" s="177">
        <v>8939</v>
      </c>
      <c r="J7" s="177">
        <v>10425</v>
      </c>
      <c r="K7" s="177">
        <v>8049</v>
      </c>
      <c r="L7" s="180">
        <v>41085</v>
      </c>
      <c r="M7" s="181">
        <v>41085</v>
      </c>
      <c r="N7" s="176">
        <v>0</v>
      </c>
      <c r="O7" s="177">
        <v>9</v>
      </c>
      <c r="P7" s="182">
        <v>9</v>
      </c>
      <c r="Q7" s="179">
        <v>0</v>
      </c>
      <c r="R7" s="177">
        <v>11</v>
      </c>
      <c r="S7" s="177">
        <v>52</v>
      </c>
      <c r="T7" s="177">
        <v>109</v>
      </c>
      <c r="U7" s="177">
        <v>273</v>
      </c>
      <c r="V7" s="177">
        <v>438</v>
      </c>
      <c r="W7" s="182">
        <v>883</v>
      </c>
      <c r="X7" s="181">
        <v>892</v>
      </c>
      <c r="Y7" s="176">
        <v>467</v>
      </c>
      <c r="Z7" s="177">
        <v>1837</v>
      </c>
      <c r="AA7" s="182">
        <v>2304</v>
      </c>
      <c r="AB7" s="179">
        <v>0</v>
      </c>
      <c r="AC7" s="177">
        <v>3248</v>
      </c>
      <c r="AD7" s="177">
        <v>8888</v>
      </c>
      <c r="AE7" s="177">
        <v>4767</v>
      </c>
      <c r="AF7" s="177">
        <v>3784</v>
      </c>
      <c r="AG7" s="177">
        <v>1947</v>
      </c>
      <c r="AH7" s="182">
        <v>22634</v>
      </c>
      <c r="AI7" s="181">
        <v>24938</v>
      </c>
      <c r="AJ7" s="176">
        <v>72</v>
      </c>
      <c r="AK7" s="177">
        <v>277</v>
      </c>
      <c r="AL7" s="182">
        <v>349</v>
      </c>
      <c r="AM7" s="179">
        <v>0</v>
      </c>
      <c r="AN7" s="177">
        <v>312</v>
      </c>
      <c r="AO7" s="177">
        <v>613</v>
      </c>
      <c r="AP7" s="177">
        <v>477</v>
      </c>
      <c r="AQ7" s="177">
        <v>328</v>
      </c>
      <c r="AR7" s="177">
        <v>173</v>
      </c>
      <c r="AS7" s="182">
        <v>1903</v>
      </c>
      <c r="AT7" s="181">
        <v>2252</v>
      </c>
      <c r="AU7" s="176">
        <v>0</v>
      </c>
      <c r="AV7" s="177">
        <v>0</v>
      </c>
      <c r="AW7" s="182">
        <v>0</v>
      </c>
      <c r="AX7" s="179">
        <v>0</v>
      </c>
      <c r="AY7" s="177">
        <v>4480</v>
      </c>
      <c r="AZ7" s="177">
        <v>5207</v>
      </c>
      <c r="BA7" s="177">
        <v>2868</v>
      </c>
      <c r="BB7" s="177">
        <v>1532</v>
      </c>
      <c r="BC7" s="177">
        <v>796</v>
      </c>
      <c r="BD7" s="180">
        <v>14883</v>
      </c>
      <c r="BE7" s="181">
        <v>14883</v>
      </c>
      <c r="BF7" s="176">
        <v>0</v>
      </c>
      <c r="BG7" s="177">
        <v>0</v>
      </c>
      <c r="BH7" s="182">
        <v>0</v>
      </c>
      <c r="BI7" s="179">
        <v>0</v>
      </c>
      <c r="BJ7" s="177">
        <v>875</v>
      </c>
      <c r="BK7" s="177">
        <v>1712</v>
      </c>
      <c r="BL7" s="177">
        <v>1102</v>
      </c>
      <c r="BM7" s="177">
        <v>578</v>
      </c>
      <c r="BN7" s="177">
        <v>130</v>
      </c>
      <c r="BO7" s="182">
        <v>4397</v>
      </c>
      <c r="BP7" s="181">
        <v>4397</v>
      </c>
      <c r="BQ7" s="176">
        <v>11</v>
      </c>
      <c r="BR7" s="177">
        <v>39</v>
      </c>
      <c r="BS7" s="182">
        <v>50</v>
      </c>
      <c r="BT7" s="179">
        <v>0</v>
      </c>
      <c r="BU7" s="177">
        <v>382</v>
      </c>
      <c r="BV7" s="177">
        <v>967</v>
      </c>
      <c r="BW7" s="177">
        <v>1433</v>
      </c>
      <c r="BX7" s="177">
        <v>1101</v>
      </c>
      <c r="BY7" s="177">
        <v>482</v>
      </c>
      <c r="BZ7" s="182">
        <v>4365</v>
      </c>
      <c r="CA7" s="181">
        <v>4415</v>
      </c>
      <c r="CB7" s="176">
        <v>0</v>
      </c>
      <c r="CC7" s="177">
        <v>4</v>
      </c>
      <c r="CD7" s="182">
        <v>4</v>
      </c>
      <c r="CE7" s="179">
        <v>0</v>
      </c>
      <c r="CF7" s="177">
        <v>61</v>
      </c>
      <c r="CG7" s="177">
        <v>267</v>
      </c>
      <c r="CH7" s="177">
        <v>208</v>
      </c>
      <c r="CI7" s="177">
        <v>151</v>
      </c>
      <c r="CJ7" s="177">
        <v>147</v>
      </c>
      <c r="CK7" s="182">
        <v>834</v>
      </c>
      <c r="CL7" s="181">
        <v>838</v>
      </c>
      <c r="CM7" s="176">
        <v>0</v>
      </c>
      <c r="CN7" s="177">
        <v>0</v>
      </c>
      <c r="CO7" s="182">
        <v>0</v>
      </c>
      <c r="CP7" s="179">
        <v>0</v>
      </c>
      <c r="CQ7" s="177">
        <v>0</v>
      </c>
      <c r="CR7" s="177">
        <v>0</v>
      </c>
      <c r="CS7" s="177">
        <v>0</v>
      </c>
      <c r="CT7" s="177">
        <v>0</v>
      </c>
      <c r="CU7" s="177">
        <v>0</v>
      </c>
      <c r="CV7" s="182">
        <v>0</v>
      </c>
      <c r="CW7" s="181">
        <v>0</v>
      </c>
      <c r="CX7" s="176">
        <v>0</v>
      </c>
      <c r="CY7" s="177">
        <v>0</v>
      </c>
      <c r="CZ7" s="182">
        <v>0</v>
      </c>
      <c r="DA7" s="179">
        <v>0</v>
      </c>
      <c r="DB7" s="177">
        <v>0</v>
      </c>
      <c r="DC7" s="177">
        <v>0</v>
      </c>
      <c r="DD7" s="177">
        <v>0</v>
      </c>
      <c r="DE7" s="177">
        <v>0</v>
      </c>
      <c r="DF7" s="177">
        <v>0</v>
      </c>
      <c r="DG7" s="182">
        <v>0</v>
      </c>
      <c r="DH7" s="181">
        <v>0</v>
      </c>
    </row>
    <row r="8" spans="2:112" ht="21" customHeight="1" x14ac:dyDescent="0.2">
      <c r="B8" s="92" t="s">
        <v>6</v>
      </c>
      <c r="C8" s="176">
        <v>0</v>
      </c>
      <c r="D8" s="177">
        <v>0</v>
      </c>
      <c r="E8" s="178">
        <v>0</v>
      </c>
      <c r="F8" s="179">
        <v>0</v>
      </c>
      <c r="G8" s="177">
        <v>1715</v>
      </c>
      <c r="H8" s="177">
        <v>2212</v>
      </c>
      <c r="I8" s="177">
        <v>2002</v>
      </c>
      <c r="J8" s="177">
        <v>3268</v>
      </c>
      <c r="K8" s="177">
        <v>2789</v>
      </c>
      <c r="L8" s="180">
        <v>11986</v>
      </c>
      <c r="M8" s="181">
        <v>11986</v>
      </c>
      <c r="N8" s="176">
        <v>0</v>
      </c>
      <c r="O8" s="177">
        <v>0</v>
      </c>
      <c r="P8" s="182">
        <v>0</v>
      </c>
      <c r="Q8" s="179">
        <v>0</v>
      </c>
      <c r="R8" s="177">
        <v>5</v>
      </c>
      <c r="S8" s="177">
        <v>4</v>
      </c>
      <c r="T8" s="177">
        <v>5</v>
      </c>
      <c r="U8" s="177">
        <v>43</v>
      </c>
      <c r="V8" s="177">
        <v>102</v>
      </c>
      <c r="W8" s="182">
        <v>159</v>
      </c>
      <c r="X8" s="181">
        <v>159</v>
      </c>
      <c r="Y8" s="176">
        <v>170</v>
      </c>
      <c r="Z8" s="177">
        <v>411</v>
      </c>
      <c r="AA8" s="182">
        <v>581</v>
      </c>
      <c r="AB8" s="179">
        <v>0</v>
      </c>
      <c r="AC8" s="177">
        <v>1645</v>
      </c>
      <c r="AD8" s="177">
        <v>1990</v>
      </c>
      <c r="AE8" s="177">
        <v>1060</v>
      </c>
      <c r="AF8" s="177">
        <v>873</v>
      </c>
      <c r="AG8" s="177">
        <v>590</v>
      </c>
      <c r="AH8" s="182">
        <v>6158</v>
      </c>
      <c r="AI8" s="181">
        <v>6739</v>
      </c>
      <c r="AJ8" s="176">
        <v>40</v>
      </c>
      <c r="AK8" s="177">
        <v>8</v>
      </c>
      <c r="AL8" s="182">
        <v>48</v>
      </c>
      <c r="AM8" s="179">
        <v>0</v>
      </c>
      <c r="AN8" s="177">
        <v>124</v>
      </c>
      <c r="AO8" s="177">
        <v>159</v>
      </c>
      <c r="AP8" s="177">
        <v>79</v>
      </c>
      <c r="AQ8" s="177">
        <v>16</v>
      </c>
      <c r="AR8" s="177">
        <v>31</v>
      </c>
      <c r="AS8" s="182">
        <v>409</v>
      </c>
      <c r="AT8" s="181">
        <v>457</v>
      </c>
      <c r="AU8" s="176">
        <v>0</v>
      </c>
      <c r="AV8" s="177">
        <v>0</v>
      </c>
      <c r="AW8" s="182">
        <v>0</v>
      </c>
      <c r="AX8" s="179">
        <v>0</v>
      </c>
      <c r="AY8" s="177">
        <v>1738</v>
      </c>
      <c r="AZ8" s="177">
        <v>1806</v>
      </c>
      <c r="BA8" s="177">
        <v>741</v>
      </c>
      <c r="BB8" s="177">
        <v>409</v>
      </c>
      <c r="BC8" s="177">
        <v>131</v>
      </c>
      <c r="BD8" s="180">
        <v>4825</v>
      </c>
      <c r="BE8" s="181">
        <v>4825</v>
      </c>
      <c r="BF8" s="176">
        <v>0</v>
      </c>
      <c r="BG8" s="177">
        <v>0</v>
      </c>
      <c r="BH8" s="182">
        <v>0</v>
      </c>
      <c r="BI8" s="179">
        <v>0</v>
      </c>
      <c r="BJ8" s="177">
        <v>291</v>
      </c>
      <c r="BK8" s="177">
        <v>439</v>
      </c>
      <c r="BL8" s="177">
        <v>229</v>
      </c>
      <c r="BM8" s="177">
        <v>115</v>
      </c>
      <c r="BN8" s="177">
        <v>71</v>
      </c>
      <c r="BO8" s="182">
        <v>1145</v>
      </c>
      <c r="BP8" s="181">
        <v>1145</v>
      </c>
      <c r="BQ8" s="176">
        <v>2</v>
      </c>
      <c r="BR8" s="177">
        <v>3</v>
      </c>
      <c r="BS8" s="182">
        <v>5</v>
      </c>
      <c r="BT8" s="179">
        <v>0</v>
      </c>
      <c r="BU8" s="177">
        <v>136</v>
      </c>
      <c r="BV8" s="177">
        <v>308</v>
      </c>
      <c r="BW8" s="177">
        <v>250</v>
      </c>
      <c r="BX8" s="177">
        <v>128</v>
      </c>
      <c r="BY8" s="177">
        <v>89</v>
      </c>
      <c r="BZ8" s="182">
        <v>911</v>
      </c>
      <c r="CA8" s="181">
        <v>916</v>
      </c>
      <c r="CB8" s="176">
        <v>0</v>
      </c>
      <c r="CC8" s="177">
        <v>0</v>
      </c>
      <c r="CD8" s="182">
        <v>0</v>
      </c>
      <c r="CE8" s="179">
        <v>0</v>
      </c>
      <c r="CF8" s="177">
        <v>11</v>
      </c>
      <c r="CG8" s="177">
        <v>69</v>
      </c>
      <c r="CH8" s="177">
        <v>28</v>
      </c>
      <c r="CI8" s="177">
        <v>52</v>
      </c>
      <c r="CJ8" s="177">
        <v>20</v>
      </c>
      <c r="CK8" s="182">
        <v>180</v>
      </c>
      <c r="CL8" s="181">
        <v>180</v>
      </c>
      <c r="CM8" s="176">
        <v>0</v>
      </c>
      <c r="CN8" s="177">
        <v>0</v>
      </c>
      <c r="CO8" s="182">
        <v>0</v>
      </c>
      <c r="CP8" s="179">
        <v>0</v>
      </c>
      <c r="CQ8" s="177">
        <v>0</v>
      </c>
      <c r="CR8" s="177">
        <v>0</v>
      </c>
      <c r="CS8" s="177">
        <v>0</v>
      </c>
      <c r="CT8" s="177">
        <v>0</v>
      </c>
      <c r="CU8" s="177">
        <v>0</v>
      </c>
      <c r="CV8" s="182">
        <v>0</v>
      </c>
      <c r="CW8" s="181">
        <v>0</v>
      </c>
      <c r="CX8" s="176">
        <v>0</v>
      </c>
      <c r="CY8" s="177">
        <v>0</v>
      </c>
      <c r="CZ8" s="182">
        <v>0</v>
      </c>
      <c r="DA8" s="179">
        <v>0</v>
      </c>
      <c r="DB8" s="177">
        <v>0</v>
      </c>
      <c r="DC8" s="177">
        <v>0</v>
      </c>
      <c r="DD8" s="177">
        <v>0</v>
      </c>
      <c r="DE8" s="177">
        <v>0</v>
      </c>
      <c r="DF8" s="177">
        <v>0</v>
      </c>
      <c r="DG8" s="182">
        <v>0</v>
      </c>
      <c r="DH8" s="181">
        <v>0</v>
      </c>
    </row>
    <row r="9" spans="2:112" ht="21" customHeight="1" x14ac:dyDescent="0.2">
      <c r="B9" s="92" t="s">
        <v>14</v>
      </c>
      <c r="C9" s="176">
        <v>0</v>
      </c>
      <c r="D9" s="177">
        <v>0</v>
      </c>
      <c r="E9" s="178">
        <v>0</v>
      </c>
      <c r="F9" s="179">
        <v>0</v>
      </c>
      <c r="G9" s="177">
        <v>529</v>
      </c>
      <c r="H9" s="177">
        <v>1362</v>
      </c>
      <c r="I9" s="177">
        <v>1747</v>
      </c>
      <c r="J9" s="177">
        <v>1615</v>
      </c>
      <c r="K9" s="177">
        <v>1840</v>
      </c>
      <c r="L9" s="180">
        <v>7093</v>
      </c>
      <c r="M9" s="181">
        <v>7093</v>
      </c>
      <c r="N9" s="176">
        <v>0</v>
      </c>
      <c r="O9" s="177">
        <v>0</v>
      </c>
      <c r="P9" s="182">
        <v>0</v>
      </c>
      <c r="Q9" s="179">
        <v>0</v>
      </c>
      <c r="R9" s="177">
        <v>0</v>
      </c>
      <c r="S9" s="177">
        <v>4</v>
      </c>
      <c r="T9" s="177">
        <v>11</v>
      </c>
      <c r="U9" s="177">
        <v>26</v>
      </c>
      <c r="V9" s="177">
        <v>52</v>
      </c>
      <c r="W9" s="182">
        <v>93</v>
      </c>
      <c r="X9" s="181">
        <v>93</v>
      </c>
      <c r="Y9" s="176">
        <v>81</v>
      </c>
      <c r="Z9" s="177">
        <v>224</v>
      </c>
      <c r="AA9" s="182">
        <v>305</v>
      </c>
      <c r="AB9" s="179">
        <v>0</v>
      </c>
      <c r="AC9" s="177">
        <v>414</v>
      </c>
      <c r="AD9" s="177">
        <v>915</v>
      </c>
      <c r="AE9" s="177">
        <v>558</v>
      </c>
      <c r="AF9" s="177">
        <v>393</v>
      </c>
      <c r="AG9" s="177">
        <v>332</v>
      </c>
      <c r="AH9" s="182">
        <v>2612</v>
      </c>
      <c r="AI9" s="181">
        <v>2917</v>
      </c>
      <c r="AJ9" s="176">
        <v>29</v>
      </c>
      <c r="AK9" s="177">
        <v>16</v>
      </c>
      <c r="AL9" s="182">
        <v>45</v>
      </c>
      <c r="AM9" s="179">
        <v>0</v>
      </c>
      <c r="AN9" s="177">
        <v>16</v>
      </c>
      <c r="AO9" s="177">
        <v>32</v>
      </c>
      <c r="AP9" s="177">
        <v>19</v>
      </c>
      <c r="AQ9" s="177">
        <v>26</v>
      </c>
      <c r="AR9" s="177">
        <v>0</v>
      </c>
      <c r="AS9" s="182">
        <v>93</v>
      </c>
      <c r="AT9" s="181">
        <v>138</v>
      </c>
      <c r="AU9" s="176">
        <v>0</v>
      </c>
      <c r="AV9" s="177">
        <v>0</v>
      </c>
      <c r="AW9" s="182">
        <v>0</v>
      </c>
      <c r="AX9" s="179">
        <v>0</v>
      </c>
      <c r="AY9" s="177">
        <v>854</v>
      </c>
      <c r="AZ9" s="177">
        <v>1022</v>
      </c>
      <c r="BA9" s="177">
        <v>890</v>
      </c>
      <c r="BB9" s="177">
        <v>380</v>
      </c>
      <c r="BC9" s="177">
        <v>93</v>
      </c>
      <c r="BD9" s="180">
        <v>3239</v>
      </c>
      <c r="BE9" s="181">
        <v>3239</v>
      </c>
      <c r="BF9" s="176">
        <v>0</v>
      </c>
      <c r="BG9" s="177">
        <v>0</v>
      </c>
      <c r="BH9" s="182">
        <v>0</v>
      </c>
      <c r="BI9" s="179">
        <v>0</v>
      </c>
      <c r="BJ9" s="177">
        <v>56</v>
      </c>
      <c r="BK9" s="177">
        <v>233</v>
      </c>
      <c r="BL9" s="177">
        <v>98</v>
      </c>
      <c r="BM9" s="177">
        <v>53</v>
      </c>
      <c r="BN9" s="177">
        <v>9</v>
      </c>
      <c r="BO9" s="182">
        <v>449</v>
      </c>
      <c r="BP9" s="181">
        <v>449</v>
      </c>
      <c r="BQ9" s="176">
        <v>0</v>
      </c>
      <c r="BR9" s="177">
        <v>7</v>
      </c>
      <c r="BS9" s="182">
        <v>7</v>
      </c>
      <c r="BT9" s="179">
        <v>0</v>
      </c>
      <c r="BU9" s="177">
        <v>30</v>
      </c>
      <c r="BV9" s="177">
        <v>225</v>
      </c>
      <c r="BW9" s="177">
        <v>300</v>
      </c>
      <c r="BX9" s="177">
        <v>232</v>
      </c>
      <c r="BY9" s="177">
        <v>113</v>
      </c>
      <c r="BZ9" s="182">
        <v>900</v>
      </c>
      <c r="CA9" s="181">
        <v>907</v>
      </c>
      <c r="CB9" s="176">
        <v>0</v>
      </c>
      <c r="CC9" s="177">
        <v>0</v>
      </c>
      <c r="CD9" s="182">
        <v>0</v>
      </c>
      <c r="CE9" s="179">
        <v>0</v>
      </c>
      <c r="CF9" s="177">
        <v>0</v>
      </c>
      <c r="CG9" s="177">
        <v>5</v>
      </c>
      <c r="CH9" s="177">
        <v>0</v>
      </c>
      <c r="CI9" s="177">
        <v>11</v>
      </c>
      <c r="CJ9" s="177">
        <v>5</v>
      </c>
      <c r="CK9" s="182">
        <v>21</v>
      </c>
      <c r="CL9" s="181">
        <v>21</v>
      </c>
      <c r="CM9" s="176">
        <v>0</v>
      </c>
      <c r="CN9" s="177">
        <v>0</v>
      </c>
      <c r="CO9" s="182">
        <v>0</v>
      </c>
      <c r="CP9" s="179">
        <v>0</v>
      </c>
      <c r="CQ9" s="177">
        <v>0</v>
      </c>
      <c r="CR9" s="177">
        <v>0</v>
      </c>
      <c r="CS9" s="177">
        <v>0</v>
      </c>
      <c r="CT9" s="177">
        <v>0</v>
      </c>
      <c r="CU9" s="177">
        <v>0</v>
      </c>
      <c r="CV9" s="182">
        <v>0</v>
      </c>
      <c r="CW9" s="181">
        <v>0</v>
      </c>
      <c r="CX9" s="176">
        <v>0</v>
      </c>
      <c r="CY9" s="177">
        <v>0</v>
      </c>
      <c r="CZ9" s="182">
        <v>0</v>
      </c>
      <c r="DA9" s="179">
        <v>0</v>
      </c>
      <c r="DB9" s="177">
        <v>0</v>
      </c>
      <c r="DC9" s="177">
        <v>0</v>
      </c>
      <c r="DD9" s="177">
        <v>0</v>
      </c>
      <c r="DE9" s="177">
        <v>0</v>
      </c>
      <c r="DF9" s="177">
        <v>0</v>
      </c>
      <c r="DG9" s="182">
        <v>0</v>
      </c>
      <c r="DH9" s="181">
        <v>0</v>
      </c>
    </row>
    <row r="10" spans="2:112" ht="21" customHeight="1" x14ac:dyDescent="0.2">
      <c r="B10" s="92" t="s">
        <v>7</v>
      </c>
      <c r="C10" s="176">
        <v>0</v>
      </c>
      <c r="D10" s="177">
        <v>0</v>
      </c>
      <c r="E10" s="178">
        <v>0</v>
      </c>
      <c r="F10" s="179">
        <v>0</v>
      </c>
      <c r="G10" s="177">
        <v>1391</v>
      </c>
      <c r="H10" s="177">
        <v>1675</v>
      </c>
      <c r="I10" s="177">
        <v>1328</v>
      </c>
      <c r="J10" s="177">
        <v>2018</v>
      </c>
      <c r="K10" s="177">
        <v>1330</v>
      </c>
      <c r="L10" s="180">
        <v>7742</v>
      </c>
      <c r="M10" s="181">
        <v>7742</v>
      </c>
      <c r="N10" s="176">
        <v>0</v>
      </c>
      <c r="O10" s="177">
        <v>0</v>
      </c>
      <c r="P10" s="182">
        <v>0</v>
      </c>
      <c r="Q10" s="179">
        <v>0</v>
      </c>
      <c r="R10" s="177">
        <v>0</v>
      </c>
      <c r="S10" s="177">
        <v>28</v>
      </c>
      <c r="T10" s="177">
        <v>18</v>
      </c>
      <c r="U10" s="177">
        <v>41</v>
      </c>
      <c r="V10" s="177">
        <v>58</v>
      </c>
      <c r="W10" s="182">
        <v>145</v>
      </c>
      <c r="X10" s="181">
        <v>145</v>
      </c>
      <c r="Y10" s="176">
        <v>4</v>
      </c>
      <c r="Z10" s="177">
        <v>11</v>
      </c>
      <c r="AA10" s="182">
        <v>15</v>
      </c>
      <c r="AB10" s="179">
        <v>0</v>
      </c>
      <c r="AC10" s="177">
        <v>430</v>
      </c>
      <c r="AD10" s="177">
        <v>549</v>
      </c>
      <c r="AE10" s="177">
        <v>169</v>
      </c>
      <c r="AF10" s="177">
        <v>205</v>
      </c>
      <c r="AG10" s="177">
        <v>242</v>
      </c>
      <c r="AH10" s="182">
        <v>1595</v>
      </c>
      <c r="AI10" s="181">
        <v>1610</v>
      </c>
      <c r="AJ10" s="176">
        <v>0</v>
      </c>
      <c r="AK10" s="177">
        <v>18</v>
      </c>
      <c r="AL10" s="182">
        <v>18</v>
      </c>
      <c r="AM10" s="179">
        <v>0</v>
      </c>
      <c r="AN10" s="177">
        <v>106</v>
      </c>
      <c r="AO10" s="177">
        <v>44</v>
      </c>
      <c r="AP10" s="177">
        <v>39</v>
      </c>
      <c r="AQ10" s="177">
        <v>46</v>
      </c>
      <c r="AR10" s="177">
        <v>23</v>
      </c>
      <c r="AS10" s="182">
        <v>258</v>
      </c>
      <c r="AT10" s="181">
        <v>276</v>
      </c>
      <c r="AU10" s="176">
        <v>0</v>
      </c>
      <c r="AV10" s="177">
        <v>0</v>
      </c>
      <c r="AW10" s="182">
        <v>0</v>
      </c>
      <c r="AX10" s="179">
        <v>0</v>
      </c>
      <c r="AY10" s="177">
        <v>1332</v>
      </c>
      <c r="AZ10" s="177">
        <v>687</v>
      </c>
      <c r="BA10" s="177">
        <v>384</v>
      </c>
      <c r="BB10" s="177">
        <v>183</v>
      </c>
      <c r="BC10" s="177">
        <v>117</v>
      </c>
      <c r="BD10" s="180">
        <v>2703</v>
      </c>
      <c r="BE10" s="181">
        <v>2703</v>
      </c>
      <c r="BF10" s="176">
        <v>0</v>
      </c>
      <c r="BG10" s="177">
        <v>0</v>
      </c>
      <c r="BH10" s="182">
        <v>0</v>
      </c>
      <c r="BI10" s="179">
        <v>0</v>
      </c>
      <c r="BJ10" s="177">
        <v>188</v>
      </c>
      <c r="BK10" s="177">
        <v>221</v>
      </c>
      <c r="BL10" s="177">
        <v>67</v>
      </c>
      <c r="BM10" s="177">
        <v>34</v>
      </c>
      <c r="BN10" s="177">
        <v>35</v>
      </c>
      <c r="BO10" s="182">
        <v>545</v>
      </c>
      <c r="BP10" s="181">
        <v>545</v>
      </c>
      <c r="BQ10" s="176">
        <v>0</v>
      </c>
      <c r="BR10" s="177">
        <v>0</v>
      </c>
      <c r="BS10" s="182">
        <v>0</v>
      </c>
      <c r="BT10" s="179">
        <v>0</v>
      </c>
      <c r="BU10" s="177">
        <v>118</v>
      </c>
      <c r="BV10" s="177">
        <v>295</v>
      </c>
      <c r="BW10" s="177">
        <v>221</v>
      </c>
      <c r="BX10" s="177">
        <v>209</v>
      </c>
      <c r="BY10" s="177">
        <v>139</v>
      </c>
      <c r="BZ10" s="182">
        <v>982</v>
      </c>
      <c r="CA10" s="181">
        <v>982</v>
      </c>
      <c r="CB10" s="176">
        <v>0</v>
      </c>
      <c r="CC10" s="177">
        <v>0</v>
      </c>
      <c r="CD10" s="182">
        <v>0</v>
      </c>
      <c r="CE10" s="179">
        <v>0</v>
      </c>
      <c r="CF10" s="177">
        <v>0</v>
      </c>
      <c r="CG10" s="177">
        <v>21</v>
      </c>
      <c r="CH10" s="177">
        <v>28</v>
      </c>
      <c r="CI10" s="177">
        <v>0</v>
      </c>
      <c r="CJ10" s="177">
        <v>0</v>
      </c>
      <c r="CK10" s="182">
        <v>49</v>
      </c>
      <c r="CL10" s="181">
        <v>49</v>
      </c>
      <c r="CM10" s="176">
        <v>0</v>
      </c>
      <c r="CN10" s="177">
        <v>0</v>
      </c>
      <c r="CO10" s="182">
        <v>0</v>
      </c>
      <c r="CP10" s="179">
        <v>0</v>
      </c>
      <c r="CQ10" s="177">
        <v>0</v>
      </c>
      <c r="CR10" s="177">
        <v>0</v>
      </c>
      <c r="CS10" s="177">
        <v>0</v>
      </c>
      <c r="CT10" s="177">
        <v>0</v>
      </c>
      <c r="CU10" s="177">
        <v>0</v>
      </c>
      <c r="CV10" s="182">
        <v>0</v>
      </c>
      <c r="CW10" s="181">
        <v>0</v>
      </c>
      <c r="CX10" s="176">
        <v>0</v>
      </c>
      <c r="CY10" s="177">
        <v>0</v>
      </c>
      <c r="CZ10" s="182">
        <v>0</v>
      </c>
      <c r="DA10" s="179">
        <v>0</v>
      </c>
      <c r="DB10" s="177">
        <v>0</v>
      </c>
      <c r="DC10" s="177">
        <v>0</v>
      </c>
      <c r="DD10" s="177">
        <v>0</v>
      </c>
      <c r="DE10" s="177">
        <v>0</v>
      </c>
      <c r="DF10" s="177">
        <v>0</v>
      </c>
      <c r="DG10" s="182">
        <v>0</v>
      </c>
      <c r="DH10" s="181">
        <v>0</v>
      </c>
    </row>
    <row r="11" spans="2:112" ht="21" customHeight="1" x14ac:dyDescent="0.2">
      <c r="B11" s="92" t="s">
        <v>8</v>
      </c>
      <c r="C11" s="176">
        <v>0</v>
      </c>
      <c r="D11" s="177">
        <v>0</v>
      </c>
      <c r="E11" s="178">
        <v>0</v>
      </c>
      <c r="F11" s="179">
        <v>0</v>
      </c>
      <c r="G11" s="177">
        <v>214</v>
      </c>
      <c r="H11" s="177">
        <v>440</v>
      </c>
      <c r="I11" s="177">
        <v>664</v>
      </c>
      <c r="J11" s="177">
        <v>516</v>
      </c>
      <c r="K11" s="177">
        <v>828</v>
      </c>
      <c r="L11" s="180">
        <v>2662</v>
      </c>
      <c r="M11" s="181">
        <v>2662</v>
      </c>
      <c r="N11" s="176">
        <v>0</v>
      </c>
      <c r="O11" s="177">
        <v>0</v>
      </c>
      <c r="P11" s="182">
        <v>0</v>
      </c>
      <c r="Q11" s="179">
        <v>0</v>
      </c>
      <c r="R11" s="177">
        <v>4</v>
      </c>
      <c r="S11" s="177">
        <v>8</v>
      </c>
      <c r="T11" s="177">
        <v>22</v>
      </c>
      <c r="U11" s="177">
        <v>8</v>
      </c>
      <c r="V11" s="177">
        <v>42</v>
      </c>
      <c r="W11" s="182">
        <v>84</v>
      </c>
      <c r="X11" s="181">
        <v>84</v>
      </c>
      <c r="Y11" s="176">
        <v>15</v>
      </c>
      <c r="Z11" s="177">
        <v>19</v>
      </c>
      <c r="AA11" s="182">
        <v>34</v>
      </c>
      <c r="AB11" s="179">
        <v>0</v>
      </c>
      <c r="AC11" s="177">
        <v>149</v>
      </c>
      <c r="AD11" s="177">
        <v>217</v>
      </c>
      <c r="AE11" s="177">
        <v>198</v>
      </c>
      <c r="AF11" s="177">
        <v>145</v>
      </c>
      <c r="AG11" s="177">
        <v>91</v>
      </c>
      <c r="AH11" s="182">
        <v>800</v>
      </c>
      <c r="AI11" s="181">
        <v>834</v>
      </c>
      <c r="AJ11" s="176">
        <v>11</v>
      </c>
      <c r="AK11" s="177">
        <v>16</v>
      </c>
      <c r="AL11" s="182">
        <v>27</v>
      </c>
      <c r="AM11" s="179">
        <v>0</v>
      </c>
      <c r="AN11" s="177">
        <v>62</v>
      </c>
      <c r="AO11" s="177">
        <v>72</v>
      </c>
      <c r="AP11" s="177">
        <v>50</v>
      </c>
      <c r="AQ11" s="177">
        <v>16</v>
      </c>
      <c r="AR11" s="177">
        <v>6</v>
      </c>
      <c r="AS11" s="182">
        <v>206</v>
      </c>
      <c r="AT11" s="181">
        <v>233</v>
      </c>
      <c r="AU11" s="176">
        <v>0</v>
      </c>
      <c r="AV11" s="177">
        <v>0</v>
      </c>
      <c r="AW11" s="182">
        <v>0</v>
      </c>
      <c r="AX11" s="179">
        <v>0</v>
      </c>
      <c r="AY11" s="177">
        <v>380</v>
      </c>
      <c r="AZ11" s="177">
        <v>391</v>
      </c>
      <c r="BA11" s="177">
        <v>134</v>
      </c>
      <c r="BB11" s="177">
        <v>165</v>
      </c>
      <c r="BC11" s="177">
        <v>59</v>
      </c>
      <c r="BD11" s="180">
        <v>1129</v>
      </c>
      <c r="BE11" s="181">
        <v>1129</v>
      </c>
      <c r="BF11" s="176">
        <v>0</v>
      </c>
      <c r="BG11" s="177">
        <v>0</v>
      </c>
      <c r="BH11" s="182">
        <v>0</v>
      </c>
      <c r="BI11" s="179">
        <v>0</v>
      </c>
      <c r="BJ11" s="177">
        <v>82</v>
      </c>
      <c r="BK11" s="177">
        <v>87</v>
      </c>
      <c r="BL11" s="177">
        <v>37</v>
      </c>
      <c r="BM11" s="177">
        <v>7</v>
      </c>
      <c r="BN11" s="177">
        <v>7</v>
      </c>
      <c r="BO11" s="182">
        <v>220</v>
      </c>
      <c r="BP11" s="181">
        <v>220</v>
      </c>
      <c r="BQ11" s="176">
        <v>0</v>
      </c>
      <c r="BR11" s="177">
        <v>10</v>
      </c>
      <c r="BS11" s="182">
        <v>10</v>
      </c>
      <c r="BT11" s="179">
        <v>0</v>
      </c>
      <c r="BU11" s="177">
        <v>10</v>
      </c>
      <c r="BV11" s="177">
        <v>39</v>
      </c>
      <c r="BW11" s="177">
        <v>124</v>
      </c>
      <c r="BX11" s="177">
        <v>49</v>
      </c>
      <c r="BY11" s="177">
        <v>68</v>
      </c>
      <c r="BZ11" s="182">
        <v>290</v>
      </c>
      <c r="CA11" s="181">
        <v>300</v>
      </c>
      <c r="CB11" s="176">
        <v>0</v>
      </c>
      <c r="CC11" s="177">
        <v>0</v>
      </c>
      <c r="CD11" s="182">
        <v>0</v>
      </c>
      <c r="CE11" s="179">
        <v>0</v>
      </c>
      <c r="CF11" s="177">
        <v>0</v>
      </c>
      <c r="CG11" s="177">
        <v>0</v>
      </c>
      <c r="CH11" s="177">
        <v>1</v>
      </c>
      <c r="CI11" s="177">
        <v>0</v>
      </c>
      <c r="CJ11" s="177">
        <v>0</v>
      </c>
      <c r="CK11" s="182">
        <v>1</v>
      </c>
      <c r="CL11" s="181">
        <v>1</v>
      </c>
      <c r="CM11" s="176">
        <v>0</v>
      </c>
      <c r="CN11" s="177">
        <v>0</v>
      </c>
      <c r="CO11" s="182">
        <v>0</v>
      </c>
      <c r="CP11" s="179">
        <v>0</v>
      </c>
      <c r="CQ11" s="177">
        <v>0</v>
      </c>
      <c r="CR11" s="177">
        <v>0</v>
      </c>
      <c r="CS11" s="177">
        <v>0</v>
      </c>
      <c r="CT11" s="177">
        <v>0</v>
      </c>
      <c r="CU11" s="177">
        <v>0</v>
      </c>
      <c r="CV11" s="182">
        <v>0</v>
      </c>
      <c r="CW11" s="181">
        <v>0</v>
      </c>
      <c r="CX11" s="176">
        <v>0</v>
      </c>
      <c r="CY11" s="177">
        <v>0</v>
      </c>
      <c r="CZ11" s="182">
        <v>0</v>
      </c>
      <c r="DA11" s="179">
        <v>0</v>
      </c>
      <c r="DB11" s="177">
        <v>0</v>
      </c>
      <c r="DC11" s="177">
        <v>0</v>
      </c>
      <c r="DD11" s="177">
        <v>0</v>
      </c>
      <c r="DE11" s="177">
        <v>0</v>
      </c>
      <c r="DF11" s="177">
        <v>0</v>
      </c>
      <c r="DG11" s="182">
        <v>0</v>
      </c>
      <c r="DH11" s="181">
        <v>0</v>
      </c>
    </row>
    <row r="12" spans="2:112" ht="21" customHeight="1" x14ac:dyDescent="0.2">
      <c r="B12" s="92" t="s">
        <v>9</v>
      </c>
      <c r="C12" s="176">
        <v>0</v>
      </c>
      <c r="D12" s="177">
        <v>0</v>
      </c>
      <c r="E12" s="178">
        <v>0</v>
      </c>
      <c r="F12" s="179">
        <v>0</v>
      </c>
      <c r="G12" s="177">
        <v>492</v>
      </c>
      <c r="H12" s="177">
        <v>623</v>
      </c>
      <c r="I12" s="177">
        <v>999</v>
      </c>
      <c r="J12" s="177">
        <v>1347</v>
      </c>
      <c r="K12" s="177">
        <v>1062</v>
      </c>
      <c r="L12" s="180">
        <v>4523</v>
      </c>
      <c r="M12" s="181">
        <v>4523</v>
      </c>
      <c r="N12" s="176">
        <v>0</v>
      </c>
      <c r="O12" s="177">
        <v>0</v>
      </c>
      <c r="P12" s="182">
        <v>0</v>
      </c>
      <c r="Q12" s="179">
        <v>0</v>
      </c>
      <c r="R12" s="177">
        <v>0</v>
      </c>
      <c r="S12" s="177">
        <v>6</v>
      </c>
      <c r="T12" s="177">
        <v>1</v>
      </c>
      <c r="U12" s="177">
        <v>13</v>
      </c>
      <c r="V12" s="177">
        <v>38</v>
      </c>
      <c r="W12" s="182">
        <v>58</v>
      </c>
      <c r="X12" s="181">
        <v>58</v>
      </c>
      <c r="Y12" s="176">
        <v>37</v>
      </c>
      <c r="Z12" s="177">
        <v>57</v>
      </c>
      <c r="AA12" s="182">
        <v>94</v>
      </c>
      <c r="AB12" s="179">
        <v>0</v>
      </c>
      <c r="AC12" s="177">
        <v>479</v>
      </c>
      <c r="AD12" s="177">
        <v>222</v>
      </c>
      <c r="AE12" s="177">
        <v>247</v>
      </c>
      <c r="AF12" s="177">
        <v>190</v>
      </c>
      <c r="AG12" s="177">
        <v>257</v>
      </c>
      <c r="AH12" s="182">
        <v>1395</v>
      </c>
      <c r="AI12" s="181">
        <v>1489</v>
      </c>
      <c r="AJ12" s="176">
        <v>0</v>
      </c>
      <c r="AK12" s="177">
        <v>16</v>
      </c>
      <c r="AL12" s="182">
        <v>16</v>
      </c>
      <c r="AM12" s="179">
        <v>0</v>
      </c>
      <c r="AN12" s="177">
        <v>32</v>
      </c>
      <c r="AO12" s="177">
        <v>17</v>
      </c>
      <c r="AP12" s="177">
        <v>0</v>
      </c>
      <c r="AQ12" s="177">
        <v>35</v>
      </c>
      <c r="AR12" s="177">
        <v>55</v>
      </c>
      <c r="AS12" s="182">
        <v>139</v>
      </c>
      <c r="AT12" s="181">
        <v>155</v>
      </c>
      <c r="AU12" s="176">
        <v>0</v>
      </c>
      <c r="AV12" s="177">
        <v>0</v>
      </c>
      <c r="AW12" s="182">
        <v>0</v>
      </c>
      <c r="AX12" s="179">
        <v>0</v>
      </c>
      <c r="AY12" s="177">
        <v>390</v>
      </c>
      <c r="AZ12" s="177">
        <v>234</v>
      </c>
      <c r="BA12" s="177">
        <v>286</v>
      </c>
      <c r="BB12" s="177">
        <v>108</v>
      </c>
      <c r="BC12" s="177">
        <v>46</v>
      </c>
      <c r="BD12" s="180">
        <v>1064</v>
      </c>
      <c r="BE12" s="181">
        <v>1064</v>
      </c>
      <c r="BF12" s="176">
        <v>0</v>
      </c>
      <c r="BG12" s="177">
        <v>0</v>
      </c>
      <c r="BH12" s="182">
        <v>0</v>
      </c>
      <c r="BI12" s="179">
        <v>0</v>
      </c>
      <c r="BJ12" s="177">
        <v>111</v>
      </c>
      <c r="BK12" s="177">
        <v>104</v>
      </c>
      <c r="BL12" s="177">
        <v>107</v>
      </c>
      <c r="BM12" s="177">
        <v>101</v>
      </c>
      <c r="BN12" s="177">
        <v>0</v>
      </c>
      <c r="BO12" s="182">
        <v>423</v>
      </c>
      <c r="BP12" s="181">
        <v>423</v>
      </c>
      <c r="BQ12" s="176">
        <v>0</v>
      </c>
      <c r="BR12" s="177">
        <v>0</v>
      </c>
      <c r="BS12" s="182">
        <v>0</v>
      </c>
      <c r="BT12" s="179">
        <v>0</v>
      </c>
      <c r="BU12" s="177">
        <v>60</v>
      </c>
      <c r="BV12" s="177">
        <v>6</v>
      </c>
      <c r="BW12" s="177">
        <v>141</v>
      </c>
      <c r="BX12" s="177">
        <v>91</v>
      </c>
      <c r="BY12" s="177">
        <v>7</v>
      </c>
      <c r="BZ12" s="182">
        <v>305</v>
      </c>
      <c r="CA12" s="181">
        <v>305</v>
      </c>
      <c r="CB12" s="176">
        <v>0</v>
      </c>
      <c r="CC12" s="177">
        <v>0</v>
      </c>
      <c r="CD12" s="182">
        <v>0</v>
      </c>
      <c r="CE12" s="179">
        <v>0</v>
      </c>
      <c r="CF12" s="177">
        <v>6</v>
      </c>
      <c r="CG12" s="177">
        <v>2</v>
      </c>
      <c r="CH12" s="177">
        <v>3</v>
      </c>
      <c r="CI12" s="177">
        <v>0</v>
      </c>
      <c r="CJ12" s="177">
        <v>3</v>
      </c>
      <c r="CK12" s="182">
        <v>14</v>
      </c>
      <c r="CL12" s="181">
        <v>14</v>
      </c>
      <c r="CM12" s="176">
        <v>0</v>
      </c>
      <c r="CN12" s="177">
        <v>0</v>
      </c>
      <c r="CO12" s="182">
        <v>0</v>
      </c>
      <c r="CP12" s="179">
        <v>0</v>
      </c>
      <c r="CQ12" s="177">
        <v>0</v>
      </c>
      <c r="CR12" s="177">
        <v>0</v>
      </c>
      <c r="CS12" s="177">
        <v>0</v>
      </c>
      <c r="CT12" s="177">
        <v>0</v>
      </c>
      <c r="CU12" s="177">
        <v>0</v>
      </c>
      <c r="CV12" s="182">
        <v>0</v>
      </c>
      <c r="CW12" s="181">
        <v>0</v>
      </c>
      <c r="CX12" s="176">
        <v>0</v>
      </c>
      <c r="CY12" s="177">
        <v>0</v>
      </c>
      <c r="CZ12" s="182">
        <v>0</v>
      </c>
      <c r="DA12" s="179">
        <v>0</v>
      </c>
      <c r="DB12" s="177">
        <v>0</v>
      </c>
      <c r="DC12" s="177">
        <v>0</v>
      </c>
      <c r="DD12" s="177">
        <v>0</v>
      </c>
      <c r="DE12" s="177">
        <v>0</v>
      </c>
      <c r="DF12" s="177">
        <v>0</v>
      </c>
      <c r="DG12" s="182">
        <v>0</v>
      </c>
      <c r="DH12" s="181">
        <v>0</v>
      </c>
    </row>
    <row r="13" spans="2:112" ht="21" customHeight="1" x14ac:dyDescent="0.2">
      <c r="B13" s="92" t="s">
        <v>10</v>
      </c>
      <c r="C13" s="176">
        <v>0</v>
      </c>
      <c r="D13" s="177">
        <v>0</v>
      </c>
      <c r="E13" s="178">
        <v>0</v>
      </c>
      <c r="F13" s="179">
        <v>0</v>
      </c>
      <c r="G13" s="177">
        <v>1228</v>
      </c>
      <c r="H13" s="177">
        <v>1192</v>
      </c>
      <c r="I13" s="177">
        <v>1293</v>
      </c>
      <c r="J13" s="177">
        <v>1997</v>
      </c>
      <c r="K13" s="177">
        <v>1634</v>
      </c>
      <c r="L13" s="180">
        <v>7344</v>
      </c>
      <c r="M13" s="181">
        <v>7344</v>
      </c>
      <c r="N13" s="176">
        <v>0</v>
      </c>
      <c r="O13" s="177">
        <v>0</v>
      </c>
      <c r="P13" s="182">
        <v>0</v>
      </c>
      <c r="Q13" s="179">
        <v>0</v>
      </c>
      <c r="R13" s="177">
        <v>0</v>
      </c>
      <c r="S13" s="177">
        <v>4</v>
      </c>
      <c r="T13" s="177">
        <v>13</v>
      </c>
      <c r="U13" s="177">
        <v>29</v>
      </c>
      <c r="V13" s="177">
        <v>51</v>
      </c>
      <c r="W13" s="182">
        <v>97</v>
      </c>
      <c r="X13" s="181">
        <v>97</v>
      </c>
      <c r="Y13" s="176">
        <v>98</v>
      </c>
      <c r="Z13" s="177">
        <v>122</v>
      </c>
      <c r="AA13" s="182">
        <v>220</v>
      </c>
      <c r="AB13" s="179">
        <v>0</v>
      </c>
      <c r="AC13" s="177">
        <v>584</v>
      </c>
      <c r="AD13" s="177">
        <v>318</v>
      </c>
      <c r="AE13" s="177">
        <v>262</v>
      </c>
      <c r="AF13" s="177">
        <v>286</v>
      </c>
      <c r="AG13" s="177">
        <v>237</v>
      </c>
      <c r="AH13" s="182">
        <v>1687</v>
      </c>
      <c r="AI13" s="181">
        <v>1907</v>
      </c>
      <c r="AJ13" s="176">
        <v>6</v>
      </c>
      <c r="AK13" s="177">
        <v>22</v>
      </c>
      <c r="AL13" s="182">
        <v>28</v>
      </c>
      <c r="AM13" s="179">
        <v>0</v>
      </c>
      <c r="AN13" s="177">
        <v>93</v>
      </c>
      <c r="AO13" s="177">
        <v>106</v>
      </c>
      <c r="AP13" s="177">
        <v>38</v>
      </c>
      <c r="AQ13" s="177">
        <v>47</v>
      </c>
      <c r="AR13" s="177">
        <v>55</v>
      </c>
      <c r="AS13" s="182">
        <v>339</v>
      </c>
      <c r="AT13" s="181">
        <v>367</v>
      </c>
      <c r="AU13" s="176">
        <v>0</v>
      </c>
      <c r="AV13" s="177">
        <v>0</v>
      </c>
      <c r="AW13" s="182">
        <v>0</v>
      </c>
      <c r="AX13" s="179">
        <v>0</v>
      </c>
      <c r="AY13" s="177">
        <v>1104</v>
      </c>
      <c r="AZ13" s="177">
        <v>655</v>
      </c>
      <c r="BA13" s="177">
        <v>279</v>
      </c>
      <c r="BB13" s="177">
        <v>135</v>
      </c>
      <c r="BC13" s="177">
        <v>101</v>
      </c>
      <c r="BD13" s="180">
        <v>2274</v>
      </c>
      <c r="BE13" s="181">
        <v>2274</v>
      </c>
      <c r="BF13" s="176">
        <v>0</v>
      </c>
      <c r="BG13" s="177">
        <v>0</v>
      </c>
      <c r="BH13" s="182">
        <v>0</v>
      </c>
      <c r="BI13" s="179">
        <v>0</v>
      </c>
      <c r="BJ13" s="177">
        <v>148</v>
      </c>
      <c r="BK13" s="177">
        <v>93</v>
      </c>
      <c r="BL13" s="177">
        <v>76</v>
      </c>
      <c r="BM13" s="177">
        <v>9</v>
      </c>
      <c r="BN13" s="177">
        <v>21</v>
      </c>
      <c r="BO13" s="182">
        <v>347</v>
      </c>
      <c r="BP13" s="181">
        <v>347</v>
      </c>
      <c r="BQ13" s="176">
        <v>0</v>
      </c>
      <c r="BR13" s="177">
        <v>6</v>
      </c>
      <c r="BS13" s="182">
        <v>6</v>
      </c>
      <c r="BT13" s="179">
        <v>0</v>
      </c>
      <c r="BU13" s="177">
        <v>87</v>
      </c>
      <c r="BV13" s="177">
        <v>81</v>
      </c>
      <c r="BW13" s="177">
        <v>153</v>
      </c>
      <c r="BX13" s="177">
        <v>114</v>
      </c>
      <c r="BY13" s="177">
        <v>53</v>
      </c>
      <c r="BZ13" s="182">
        <v>488</v>
      </c>
      <c r="CA13" s="181">
        <v>494</v>
      </c>
      <c r="CB13" s="176">
        <v>0</v>
      </c>
      <c r="CC13" s="177">
        <v>0</v>
      </c>
      <c r="CD13" s="182">
        <v>0</v>
      </c>
      <c r="CE13" s="179">
        <v>0</v>
      </c>
      <c r="CF13" s="177">
        <v>5</v>
      </c>
      <c r="CG13" s="177">
        <v>12</v>
      </c>
      <c r="CH13" s="177">
        <v>21</v>
      </c>
      <c r="CI13" s="177">
        <v>0</v>
      </c>
      <c r="CJ13" s="177">
        <v>0</v>
      </c>
      <c r="CK13" s="182">
        <v>38</v>
      </c>
      <c r="CL13" s="181">
        <v>38</v>
      </c>
      <c r="CM13" s="176">
        <v>0</v>
      </c>
      <c r="CN13" s="177">
        <v>0</v>
      </c>
      <c r="CO13" s="182">
        <v>0</v>
      </c>
      <c r="CP13" s="179">
        <v>0</v>
      </c>
      <c r="CQ13" s="177">
        <v>0</v>
      </c>
      <c r="CR13" s="177">
        <v>0</v>
      </c>
      <c r="CS13" s="177">
        <v>0</v>
      </c>
      <c r="CT13" s="177">
        <v>0</v>
      </c>
      <c r="CU13" s="177">
        <v>0</v>
      </c>
      <c r="CV13" s="182">
        <v>0</v>
      </c>
      <c r="CW13" s="181">
        <v>0</v>
      </c>
      <c r="CX13" s="176">
        <v>0</v>
      </c>
      <c r="CY13" s="177">
        <v>0</v>
      </c>
      <c r="CZ13" s="182">
        <v>0</v>
      </c>
      <c r="DA13" s="179">
        <v>0</v>
      </c>
      <c r="DB13" s="177">
        <v>0</v>
      </c>
      <c r="DC13" s="177">
        <v>0</v>
      </c>
      <c r="DD13" s="177">
        <v>0</v>
      </c>
      <c r="DE13" s="177">
        <v>0</v>
      </c>
      <c r="DF13" s="177">
        <v>0</v>
      </c>
      <c r="DG13" s="182">
        <v>0</v>
      </c>
      <c r="DH13" s="181">
        <v>0</v>
      </c>
    </row>
    <row r="14" spans="2:112" ht="21" customHeight="1" x14ac:dyDescent="0.2">
      <c r="B14" s="92" t="s">
        <v>11</v>
      </c>
      <c r="C14" s="176">
        <v>0</v>
      </c>
      <c r="D14" s="177">
        <v>0</v>
      </c>
      <c r="E14" s="178">
        <v>0</v>
      </c>
      <c r="F14" s="179">
        <v>0</v>
      </c>
      <c r="G14" s="177">
        <v>393</v>
      </c>
      <c r="H14" s="177">
        <v>254</v>
      </c>
      <c r="I14" s="177">
        <v>241</v>
      </c>
      <c r="J14" s="177">
        <v>478</v>
      </c>
      <c r="K14" s="177">
        <v>200</v>
      </c>
      <c r="L14" s="180">
        <v>1566</v>
      </c>
      <c r="M14" s="181">
        <v>1566</v>
      </c>
      <c r="N14" s="176">
        <v>0</v>
      </c>
      <c r="O14" s="177">
        <v>0</v>
      </c>
      <c r="P14" s="182">
        <v>0</v>
      </c>
      <c r="Q14" s="179">
        <v>0</v>
      </c>
      <c r="R14" s="177">
        <v>0</v>
      </c>
      <c r="S14" s="177">
        <v>8</v>
      </c>
      <c r="T14" s="177">
        <v>0</v>
      </c>
      <c r="U14" s="177">
        <v>20</v>
      </c>
      <c r="V14" s="177">
        <v>25</v>
      </c>
      <c r="W14" s="182">
        <v>53</v>
      </c>
      <c r="X14" s="181">
        <v>53</v>
      </c>
      <c r="Y14" s="176">
        <v>13</v>
      </c>
      <c r="Z14" s="177">
        <v>37</v>
      </c>
      <c r="AA14" s="182">
        <v>50</v>
      </c>
      <c r="AB14" s="179">
        <v>0</v>
      </c>
      <c r="AC14" s="177">
        <v>188</v>
      </c>
      <c r="AD14" s="177">
        <v>211</v>
      </c>
      <c r="AE14" s="177">
        <v>119</v>
      </c>
      <c r="AF14" s="177">
        <v>148</v>
      </c>
      <c r="AG14" s="177">
        <v>86</v>
      </c>
      <c r="AH14" s="182">
        <v>752</v>
      </c>
      <c r="AI14" s="181">
        <v>802</v>
      </c>
      <c r="AJ14" s="176">
        <v>0</v>
      </c>
      <c r="AK14" s="177">
        <v>6</v>
      </c>
      <c r="AL14" s="182">
        <v>6</v>
      </c>
      <c r="AM14" s="179">
        <v>0</v>
      </c>
      <c r="AN14" s="177">
        <v>16</v>
      </c>
      <c r="AO14" s="177">
        <v>3</v>
      </c>
      <c r="AP14" s="177">
        <v>36</v>
      </c>
      <c r="AQ14" s="177">
        <v>6</v>
      </c>
      <c r="AR14" s="177">
        <v>72</v>
      </c>
      <c r="AS14" s="182">
        <v>133</v>
      </c>
      <c r="AT14" s="181">
        <v>139</v>
      </c>
      <c r="AU14" s="176">
        <v>0</v>
      </c>
      <c r="AV14" s="177">
        <v>0</v>
      </c>
      <c r="AW14" s="182">
        <v>0</v>
      </c>
      <c r="AX14" s="179">
        <v>0</v>
      </c>
      <c r="AY14" s="177">
        <v>401</v>
      </c>
      <c r="AZ14" s="177">
        <v>236</v>
      </c>
      <c r="BA14" s="177">
        <v>190</v>
      </c>
      <c r="BB14" s="177">
        <v>69</v>
      </c>
      <c r="BC14" s="177">
        <v>18</v>
      </c>
      <c r="BD14" s="180">
        <v>914</v>
      </c>
      <c r="BE14" s="181">
        <v>914</v>
      </c>
      <c r="BF14" s="176">
        <v>0</v>
      </c>
      <c r="BG14" s="177">
        <v>0</v>
      </c>
      <c r="BH14" s="182">
        <v>0</v>
      </c>
      <c r="BI14" s="179">
        <v>0</v>
      </c>
      <c r="BJ14" s="177">
        <v>169</v>
      </c>
      <c r="BK14" s="177">
        <v>88</v>
      </c>
      <c r="BL14" s="177">
        <v>33</v>
      </c>
      <c r="BM14" s="177">
        <v>62</v>
      </c>
      <c r="BN14" s="177">
        <v>1</v>
      </c>
      <c r="BO14" s="182">
        <v>353</v>
      </c>
      <c r="BP14" s="181">
        <v>353</v>
      </c>
      <c r="BQ14" s="176">
        <v>0</v>
      </c>
      <c r="BR14" s="177">
        <v>0</v>
      </c>
      <c r="BS14" s="182">
        <v>0</v>
      </c>
      <c r="BT14" s="179">
        <v>0</v>
      </c>
      <c r="BU14" s="177">
        <v>33</v>
      </c>
      <c r="BV14" s="177">
        <v>67</v>
      </c>
      <c r="BW14" s="177">
        <v>49</v>
      </c>
      <c r="BX14" s="177">
        <v>51</v>
      </c>
      <c r="BY14" s="177">
        <v>0</v>
      </c>
      <c r="BZ14" s="182">
        <v>200</v>
      </c>
      <c r="CA14" s="181">
        <v>200</v>
      </c>
      <c r="CB14" s="176">
        <v>0</v>
      </c>
      <c r="CC14" s="177">
        <v>0</v>
      </c>
      <c r="CD14" s="182">
        <v>0</v>
      </c>
      <c r="CE14" s="179">
        <v>0</v>
      </c>
      <c r="CF14" s="177">
        <v>10</v>
      </c>
      <c r="CG14" s="177">
        <v>0</v>
      </c>
      <c r="CH14" s="177">
        <v>3</v>
      </c>
      <c r="CI14" s="177">
        <v>13</v>
      </c>
      <c r="CJ14" s="177">
        <v>0</v>
      </c>
      <c r="CK14" s="182">
        <v>26</v>
      </c>
      <c r="CL14" s="181">
        <v>26</v>
      </c>
      <c r="CM14" s="176">
        <v>0</v>
      </c>
      <c r="CN14" s="177">
        <v>0</v>
      </c>
      <c r="CO14" s="182">
        <v>0</v>
      </c>
      <c r="CP14" s="179">
        <v>0</v>
      </c>
      <c r="CQ14" s="177">
        <v>0</v>
      </c>
      <c r="CR14" s="177">
        <v>0</v>
      </c>
      <c r="CS14" s="177">
        <v>0</v>
      </c>
      <c r="CT14" s="177">
        <v>0</v>
      </c>
      <c r="CU14" s="177">
        <v>0</v>
      </c>
      <c r="CV14" s="182">
        <v>0</v>
      </c>
      <c r="CW14" s="181">
        <v>0</v>
      </c>
      <c r="CX14" s="176">
        <v>0</v>
      </c>
      <c r="CY14" s="177">
        <v>0</v>
      </c>
      <c r="CZ14" s="182">
        <v>0</v>
      </c>
      <c r="DA14" s="179">
        <v>0</v>
      </c>
      <c r="DB14" s="177">
        <v>0</v>
      </c>
      <c r="DC14" s="177">
        <v>0</v>
      </c>
      <c r="DD14" s="177">
        <v>0</v>
      </c>
      <c r="DE14" s="177">
        <v>0</v>
      </c>
      <c r="DF14" s="177">
        <v>0</v>
      </c>
      <c r="DG14" s="182">
        <v>0</v>
      </c>
      <c r="DH14" s="181">
        <v>0</v>
      </c>
    </row>
    <row r="15" spans="2:112" ht="21" customHeight="1" x14ac:dyDescent="0.2">
      <c r="B15" s="92" t="s">
        <v>12</v>
      </c>
      <c r="C15" s="176">
        <v>0</v>
      </c>
      <c r="D15" s="177">
        <v>0</v>
      </c>
      <c r="E15" s="178">
        <v>0</v>
      </c>
      <c r="F15" s="179">
        <v>0</v>
      </c>
      <c r="G15" s="177">
        <v>462</v>
      </c>
      <c r="H15" s="177">
        <v>803</v>
      </c>
      <c r="I15" s="177">
        <v>602</v>
      </c>
      <c r="J15" s="177">
        <v>1431</v>
      </c>
      <c r="K15" s="177">
        <v>443</v>
      </c>
      <c r="L15" s="180">
        <v>3741</v>
      </c>
      <c r="M15" s="181">
        <v>3741</v>
      </c>
      <c r="N15" s="176">
        <v>0</v>
      </c>
      <c r="O15" s="177">
        <v>0</v>
      </c>
      <c r="P15" s="182">
        <v>0</v>
      </c>
      <c r="Q15" s="179">
        <v>0</v>
      </c>
      <c r="R15" s="177">
        <v>0</v>
      </c>
      <c r="S15" s="177">
        <v>0</v>
      </c>
      <c r="T15" s="177">
        <v>22</v>
      </c>
      <c r="U15" s="177">
        <v>5</v>
      </c>
      <c r="V15" s="177">
        <v>18</v>
      </c>
      <c r="W15" s="182">
        <v>45</v>
      </c>
      <c r="X15" s="181">
        <v>45</v>
      </c>
      <c r="Y15" s="176">
        <v>35</v>
      </c>
      <c r="Z15" s="177">
        <v>203</v>
      </c>
      <c r="AA15" s="182">
        <v>238</v>
      </c>
      <c r="AB15" s="179">
        <v>0</v>
      </c>
      <c r="AC15" s="177">
        <v>125</v>
      </c>
      <c r="AD15" s="177">
        <v>437</v>
      </c>
      <c r="AE15" s="177">
        <v>261</v>
      </c>
      <c r="AF15" s="177">
        <v>135</v>
      </c>
      <c r="AG15" s="177">
        <v>86</v>
      </c>
      <c r="AH15" s="182">
        <v>1044</v>
      </c>
      <c r="AI15" s="181">
        <v>1282</v>
      </c>
      <c r="AJ15" s="176">
        <v>0</v>
      </c>
      <c r="AK15" s="177">
        <v>8</v>
      </c>
      <c r="AL15" s="182">
        <v>8</v>
      </c>
      <c r="AM15" s="179">
        <v>0</v>
      </c>
      <c r="AN15" s="177">
        <v>0</v>
      </c>
      <c r="AO15" s="177">
        <v>50</v>
      </c>
      <c r="AP15" s="177">
        <v>26</v>
      </c>
      <c r="AQ15" s="177">
        <v>21</v>
      </c>
      <c r="AR15" s="177">
        <v>0</v>
      </c>
      <c r="AS15" s="182">
        <v>97</v>
      </c>
      <c r="AT15" s="181">
        <v>105</v>
      </c>
      <c r="AU15" s="176">
        <v>0</v>
      </c>
      <c r="AV15" s="177">
        <v>0</v>
      </c>
      <c r="AW15" s="182">
        <v>0</v>
      </c>
      <c r="AX15" s="179">
        <v>0</v>
      </c>
      <c r="AY15" s="177">
        <v>529</v>
      </c>
      <c r="AZ15" s="177">
        <v>405</v>
      </c>
      <c r="BA15" s="177">
        <v>275</v>
      </c>
      <c r="BB15" s="177">
        <v>62</v>
      </c>
      <c r="BC15" s="177">
        <v>14</v>
      </c>
      <c r="BD15" s="180">
        <v>1285</v>
      </c>
      <c r="BE15" s="181">
        <v>1285</v>
      </c>
      <c r="BF15" s="176">
        <v>0</v>
      </c>
      <c r="BG15" s="177">
        <v>0</v>
      </c>
      <c r="BH15" s="182">
        <v>0</v>
      </c>
      <c r="BI15" s="179">
        <v>0</v>
      </c>
      <c r="BJ15" s="177">
        <v>32</v>
      </c>
      <c r="BK15" s="177">
        <v>216</v>
      </c>
      <c r="BL15" s="177">
        <v>106</v>
      </c>
      <c r="BM15" s="177">
        <v>32</v>
      </c>
      <c r="BN15" s="177">
        <v>0</v>
      </c>
      <c r="BO15" s="182">
        <v>386</v>
      </c>
      <c r="BP15" s="181">
        <v>386</v>
      </c>
      <c r="BQ15" s="176">
        <v>0</v>
      </c>
      <c r="BR15" s="177">
        <v>6</v>
      </c>
      <c r="BS15" s="182">
        <v>6</v>
      </c>
      <c r="BT15" s="179">
        <v>0</v>
      </c>
      <c r="BU15" s="177">
        <v>23</v>
      </c>
      <c r="BV15" s="177">
        <v>59</v>
      </c>
      <c r="BW15" s="177">
        <v>37</v>
      </c>
      <c r="BX15" s="177">
        <v>87</v>
      </c>
      <c r="BY15" s="177">
        <v>19</v>
      </c>
      <c r="BZ15" s="182">
        <v>225</v>
      </c>
      <c r="CA15" s="181">
        <v>231</v>
      </c>
      <c r="CB15" s="176">
        <v>0</v>
      </c>
      <c r="CC15" s="177">
        <v>0</v>
      </c>
      <c r="CD15" s="182">
        <v>0</v>
      </c>
      <c r="CE15" s="179">
        <v>0</v>
      </c>
      <c r="CF15" s="177">
        <v>11</v>
      </c>
      <c r="CG15" s="177">
        <v>0</v>
      </c>
      <c r="CH15" s="177">
        <v>0</v>
      </c>
      <c r="CI15" s="177">
        <v>10</v>
      </c>
      <c r="CJ15" s="177">
        <v>0</v>
      </c>
      <c r="CK15" s="182">
        <v>21</v>
      </c>
      <c r="CL15" s="181">
        <v>21</v>
      </c>
      <c r="CM15" s="176">
        <v>0</v>
      </c>
      <c r="CN15" s="177">
        <v>0</v>
      </c>
      <c r="CO15" s="182">
        <v>0</v>
      </c>
      <c r="CP15" s="179">
        <v>0</v>
      </c>
      <c r="CQ15" s="177">
        <v>0</v>
      </c>
      <c r="CR15" s="177">
        <v>0</v>
      </c>
      <c r="CS15" s="177">
        <v>0</v>
      </c>
      <c r="CT15" s="177">
        <v>0</v>
      </c>
      <c r="CU15" s="177">
        <v>0</v>
      </c>
      <c r="CV15" s="182">
        <v>0</v>
      </c>
      <c r="CW15" s="181">
        <v>0</v>
      </c>
      <c r="CX15" s="176">
        <v>0</v>
      </c>
      <c r="CY15" s="177">
        <v>0</v>
      </c>
      <c r="CZ15" s="182">
        <v>0</v>
      </c>
      <c r="DA15" s="179">
        <v>0</v>
      </c>
      <c r="DB15" s="177">
        <v>0</v>
      </c>
      <c r="DC15" s="177">
        <v>0</v>
      </c>
      <c r="DD15" s="177">
        <v>0</v>
      </c>
      <c r="DE15" s="177">
        <v>0</v>
      </c>
      <c r="DF15" s="177">
        <v>0</v>
      </c>
      <c r="DG15" s="182">
        <v>0</v>
      </c>
      <c r="DH15" s="181">
        <v>0</v>
      </c>
    </row>
    <row r="16" spans="2:112" ht="21" customHeight="1" x14ac:dyDescent="0.2">
      <c r="B16" s="92" t="s">
        <v>13</v>
      </c>
      <c r="C16" s="176">
        <v>0</v>
      </c>
      <c r="D16" s="177">
        <v>0</v>
      </c>
      <c r="E16" s="178">
        <v>0</v>
      </c>
      <c r="F16" s="179">
        <v>0</v>
      </c>
      <c r="G16" s="177">
        <v>132</v>
      </c>
      <c r="H16" s="177">
        <v>187</v>
      </c>
      <c r="I16" s="177">
        <v>456</v>
      </c>
      <c r="J16" s="177">
        <v>416</v>
      </c>
      <c r="K16" s="177">
        <v>633</v>
      </c>
      <c r="L16" s="180">
        <v>1824</v>
      </c>
      <c r="M16" s="181">
        <v>1824</v>
      </c>
      <c r="N16" s="176">
        <v>0</v>
      </c>
      <c r="O16" s="177">
        <v>0</v>
      </c>
      <c r="P16" s="182">
        <v>0</v>
      </c>
      <c r="Q16" s="179">
        <v>0</v>
      </c>
      <c r="R16" s="177">
        <v>0</v>
      </c>
      <c r="S16" s="177">
        <v>0</v>
      </c>
      <c r="T16" s="177">
        <v>5</v>
      </c>
      <c r="U16" s="177">
        <v>2</v>
      </c>
      <c r="V16" s="177">
        <v>20</v>
      </c>
      <c r="W16" s="182">
        <v>27</v>
      </c>
      <c r="X16" s="181">
        <v>27</v>
      </c>
      <c r="Y16" s="176">
        <v>4</v>
      </c>
      <c r="Z16" s="177">
        <v>6</v>
      </c>
      <c r="AA16" s="182">
        <v>10</v>
      </c>
      <c r="AB16" s="179">
        <v>0</v>
      </c>
      <c r="AC16" s="177">
        <v>95</v>
      </c>
      <c r="AD16" s="177">
        <v>230</v>
      </c>
      <c r="AE16" s="177">
        <v>126</v>
      </c>
      <c r="AF16" s="177">
        <v>47</v>
      </c>
      <c r="AG16" s="177">
        <v>165</v>
      </c>
      <c r="AH16" s="182">
        <v>663</v>
      </c>
      <c r="AI16" s="181">
        <v>673</v>
      </c>
      <c r="AJ16" s="176">
        <v>2</v>
      </c>
      <c r="AK16" s="177">
        <v>0</v>
      </c>
      <c r="AL16" s="182">
        <v>2</v>
      </c>
      <c r="AM16" s="179">
        <v>0</v>
      </c>
      <c r="AN16" s="177">
        <v>26</v>
      </c>
      <c r="AO16" s="177">
        <v>14</v>
      </c>
      <c r="AP16" s="177">
        <v>20</v>
      </c>
      <c r="AQ16" s="177">
        <v>0</v>
      </c>
      <c r="AR16" s="177">
        <v>0</v>
      </c>
      <c r="AS16" s="182">
        <v>60</v>
      </c>
      <c r="AT16" s="181">
        <v>62</v>
      </c>
      <c r="AU16" s="176">
        <v>0</v>
      </c>
      <c r="AV16" s="177">
        <v>0</v>
      </c>
      <c r="AW16" s="182">
        <v>0</v>
      </c>
      <c r="AX16" s="179">
        <v>0</v>
      </c>
      <c r="AY16" s="177">
        <v>184</v>
      </c>
      <c r="AZ16" s="177">
        <v>132</v>
      </c>
      <c r="BA16" s="177">
        <v>79</v>
      </c>
      <c r="BB16" s="177">
        <v>98</v>
      </c>
      <c r="BC16" s="177">
        <v>13</v>
      </c>
      <c r="BD16" s="180">
        <v>506</v>
      </c>
      <c r="BE16" s="181">
        <v>506</v>
      </c>
      <c r="BF16" s="176">
        <v>0</v>
      </c>
      <c r="BG16" s="177">
        <v>0</v>
      </c>
      <c r="BH16" s="182">
        <v>0</v>
      </c>
      <c r="BI16" s="179">
        <v>0</v>
      </c>
      <c r="BJ16" s="177">
        <v>32</v>
      </c>
      <c r="BK16" s="177">
        <v>8</v>
      </c>
      <c r="BL16" s="177">
        <v>5</v>
      </c>
      <c r="BM16" s="177">
        <v>7</v>
      </c>
      <c r="BN16" s="177">
        <v>0</v>
      </c>
      <c r="BO16" s="182">
        <v>52</v>
      </c>
      <c r="BP16" s="181">
        <v>52</v>
      </c>
      <c r="BQ16" s="176">
        <v>0</v>
      </c>
      <c r="BR16" s="177">
        <v>0</v>
      </c>
      <c r="BS16" s="182">
        <v>0</v>
      </c>
      <c r="BT16" s="179">
        <v>0</v>
      </c>
      <c r="BU16" s="177">
        <v>18</v>
      </c>
      <c r="BV16" s="177">
        <v>39</v>
      </c>
      <c r="BW16" s="177">
        <v>7</v>
      </c>
      <c r="BX16" s="177">
        <v>8</v>
      </c>
      <c r="BY16" s="177">
        <v>3</v>
      </c>
      <c r="BZ16" s="182">
        <v>75</v>
      </c>
      <c r="CA16" s="181">
        <v>75</v>
      </c>
      <c r="CB16" s="176">
        <v>0</v>
      </c>
      <c r="CC16" s="177">
        <v>0</v>
      </c>
      <c r="CD16" s="182">
        <v>0</v>
      </c>
      <c r="CE16" s="179">
        <v>0</v>
      </c>
      <c r="CF16" s="177">
        <v>3</v>
      </c>
      <c r="CG16" s="177">
        <v>0</v>
      </c>
      <c r="CH16" s="177">
        <v>0</v>
      </c>
      <c r="CI16" s="177">
        <v>5</v>
      </c>
      <c r="CJ16" s="177">
        <v>0</v>
      </c>
      <c r="CK16" s="182">
        <v>8</v>
      </c>
      <c r="CL16" s="181">
        <v>8</v>
      </c>
      <c r="CM16" s="176">
        <v>0</v>
      </c>
      <c r="CN16" s="177">
        <v>0</v>
      </c>
      <c r="CO16" s="182">
        <v>0</v>
      </c>
      <c r="CP16" s="179">
        <v>0</v>
      </c>
      <c r="CQ16" s="177">
        <v>0</v>
      </c>
      <c r="CR16" s="177">
        <v>0</v>
      </c>
      <c r="CS16" s="177">
        <v>0</v>
      </c>
      <c r="CT16" s="177">
        <v>0</v>
      </c>
      <c r="CU16" s="177">
        <v>0</v>
      </c>
      <c r="CV16" s="182">
        <v>0</v>
      </c>
      <c r="CW16" s="181">
        <v>0</v>
      </c>
      <c r="CX16" s="176">
        <v>0</v>
      </c>
      <c r="CY16" s="177">
        <v>0</v>
      </c>
      <c r="CZ16" s="182">
        <v>0</v>
      </c>
      <c r="DA16" s="179">
        <v>0</v>
      </c>
      <c r="DB16" s="177">
        <v>0</v>
      </c>
      <c r="DC16" s="177">
        <v>0</v>
      </c>
      <c r="DD16" s="177">
        <v>0</v>
      </c>
      <c r="DE16" s="177">
        <v>0</v>
      </c>
      <c r="DF16" s="177">
        <v>0</v>
      </c>
      <c r="DG16" s="182">
        <v>0</v>
      </c>
      <c r="DH16" s="181">
        <v>0</v>
      </c>
    </row>
    <row r="17" spans="2:112" ht="21" customHeight="1" x14ac:dyDescent="0.2">
      <c r="B17" s="92" t="s">
        <v>15</v>
      </c>
      <c r="C17" s="176">
        <v>0</v>
      </c>
      <c r="D17" s="177">
        <v>0</v>
      </c>
      <c r="E17" s="178">
        <v>0</v>
      </c>
      <c r="F17" s="179">
        <v>0</v>
      </c>
      <c r="G17" s="177">
        <v>42</v>
      </c>
      <c r="H17" s="177">
        <v>160</v>
      </c>
      <c r="I17" s="177">
        <v>9</v>
      </c>
      <c r="J17" s="177">
        <v>198</v>
      </c>
      <c r="K17" s="177">
        <v>42</v>
      </c>
      <c r="L17" s="180">
        <v>451</v>
      </c>
      <c r="M17" s="181">
        <v>451</v>
      </c>
      <c r="N17" s="176">
        <v>0</v>
      </c>
      <c r="O17" s="177">
        <v>0</v>
      </c>
      <c r="P17" s="182">
        <v>0</v>
      </c>
      <c r="Q17" s="179">
        <v>0</v>
      </c>
      <c r="R17" s="177">
        <v>0</v>
      </c>
      <c r="S17" s="177">
        <v>0</v>
      </c>
      <c r="T17" s="177">
        <v>0</v>
      </c>
      <c r="U17" s="177">
        <v>19</v>
      </c>
      <c r="V17" s="177">
        <v>0</v>
      </c>
      <c r="W17" s="182">
        <v>19</v>
      </c>
      <c r="X17" s="181">
        <v>19</v>
      </c>
      <c r="Y17" s="176">
        <v>0</v>
      </c>
      <c r="Z17" s="177">
        <v>17</v>
      </c>
      <c r="AA17" s="182">
        <v>17</v>
      </c>
      <c r="AB17" s="179">
        <v>0</v>
      </c>
      <c r="AC17" s="177">
        <v>22</v>
      </c>
      <c r="AD17" s="177">
        <v>43</v>
      </c>
      <c r="AE17" s="177">
        <v>3</v>
      </c>
      <c r="AF17" s="177">
        <v>36</v>
      </c>
      <c r="AG17" s="177">
        <v>5</v>
      </c>
      <c r="AH17" s="182">
        <v>109</v>
      </c>
      <c r="AI17" s="181">
        <v>126</v>
      </c>
      <c r="AJ17" s="176">
        <v>0</v>
      </c>
      <c r="AK17" s="177">
        <v>0</v>
      </c>
      <c r="AL17" s="182">
        <v>0</v>
      </c>
      <c r="AM17" s="179">
        <v>0</v>
      </c>
      <c r="AN17" s="177">
        <v>34</v>
      </c>
      <c r="AO17" s="177">
        <v>15</v>
      </c>
      <c r="AP17" s="177">
        <v>0</v>
      </c>
      <c r="AQ17" s="177">
        <v>0</v>
      </c>
      <c r="AR17" s="177">
        <v>0</v>
      </c>
      <c r="AS17" s="182">
        <v>49</v>
      </c>
      <c r="AT17" s="181">
        <v>49</v>
      </c>
      <c r="AU17" s="176">
        <v>0</v>
      </c>
      <c r="AV17" s="177">
        <v>0</v>
      </c>
      <c r="AW17" s="182">
        <v>0</v>
      </c>
      <c r="AX17" s="179">
        <v>0</v>
      </c>
      <c r="AY17" s="177">
        <v>24</v>
      </c>
      <c r="AZ17" s="177">
        <v>48</v>
      </c>
      <c r="BA17" s="177">
        <v>9</v>
      </c>
      <c r="BB17" s="177">
        <v>38</v>
      </c>
      <c r="BC17" s="177">
        <v>0</v>
      </c>
      <c r="BD17" s="180">
        <v>119</v>
      </c>
      <c r="BE17" s="181">
        <v>119</v>
      </c>
      <c r="BF17" s="176">
        <v>0</v>
      </c>
      <c r="BG17" s="177">
        <v>0</v>
      </c>
      <c r="BH17" s="182">
        <v>0</v>
      </c>
      <c r="BI17" s="179">
        <v>0</v>
      </c>
      <c r="BJ17" s="177">
        <v>0</v>
      </c>
      <c r="BK17" s="177">
        <v>4</v>
      </c>
      <c r="BL17" s="177">
        <v>39</v>
      </c>
      <c r="BM17" s="177">
        <v>9</v>
      </c>
      <c r="BN17" s="177">
        <v>0</v>
      </c>
      <c r="BO17" s="182">
        <v>52</v>
      </c>
      <c r="BP17" s="181">
        <v>52</v>
      </c>
      <c r="BQ17" s="176">
        <v>0</v>
      </c>
      <c r="BR17" s="177">
        <v>0</v>
      </c>
      <c r="BS17" s="182">
        <v>0</v>
      </c>
      <c r="BT17" s="179">
        <v>0</v>
      </c>
      <c r="BU17" s="177">
        <v>0</v>
      </c>
      <c r="BV17" s="177">
        <v>45</v>
      </c>
      <c r="BW17" s="177">
        <v>3</v>
      </c>
      <c r="BX17" s="177">
        <v>7</v>
      </c>
      <c r="BY17" s="177">
        <v>29</v>
      </c>
      <c r="BZ17" s="182">
        <v>84</v>
      </c>
      <c r="CA17" s="181">
        <v>84</v>
      </c>
      <c r="CB17" s="176">
        <v>0</v>
      </c>
      <c r="CC17" s="177">
        <v>0</v>
      </c>
      <c r="CD17" s="182">
        <v>0</v>
      </c>
      <c r="CE17" s="179">
        <v>0</v>
      </c>
      <c r="CF17" s="177">
        <v>0</v>
      </c>
      <c r="CG17" s="177">
        <v>0</v>
      </c>
      <c r="CH17" s="177">
        <v>0</v>
      </c>
      <c r="CI17" s="177">
        <v>0</v>
      </c>
      <c r="CJ17" s="177">
        <v>0</v>
      </c>
      <c r="CK17" s="182">
        <v>0</v>
      </c>
      <c r="CL17" s="181">
        <v>0</v>
      </c>
      <c r="CM17" s="176">
        <v>0</v>
      </c>
      <c r="CN17" s="177">
        <v>0</v>
      </c>
      <c r="CO17" s="182">
        <v>0</v>
      </c>
      <c r="CP17" s="179">
        <v>0</v>
      </c>
      <c r="CQ17" s="177">
        <v>0</v>
      </c>
      <c r="CR17" s="177">
        <v>0</v>
      </c>
      <c r="CS17" s="177">
        <v>0</v>
      </c>
      <c r="CT17" s="177">
        <v>0</v>
      </c>
      <c r="CU17" s="177">
        <v>0</v>
      </c>
      <c r="CV17" s="182">
        <v>0</v>
      </c>
      <c r="CW17" s="181">
        <v>0</v>
      </c>
      <c r="CX17" s="176">
        <v>0</v>
      </c>
      <c r="CY17" s="177">
        <v>0</v>
      </c>
      <c r="CZ17" s="182">
        <v>0</v>
      </c>
      <c r="DA17" s="179">
        <v>0</v>
      </c>
      <c r="DB17" s="177">
        <v>0</v>
      </c>
      <c r="DC17" s="177">
        <v>0</v>
      </c>
      <c r="DD17" s="177">
        <v>0</v>
      </c>
      <c r="DE17" s="177">
        <v>0</v>
      </c>
      <c r="DF17" s="177">
        <v>0</v>
      </c>
      <c r="DG17" s="182">
        <v>0</v>
      </c>
      <c r="DH17" s="181">
        <v>0</v>
      </c>
    </row>
    <row r="18" spans="2:112" ht="21" customHeight="1" x14ac:dyDescent="0.2">
      <c r="B18" s="92" t="s">
        <v>16</v>
      </c>
      <c r="C18" s="176">
        <v>0</v>
      </c>
      <c r="D18" s="177">
        <v>0</v>
      </c>
      <c r="E18" s="178">
        <v>0</v>
      </c>
      <c r="F18" s="179">
        <v>0</v>
      </c>
      <c r="G18" s="177">
        <v>137</v>
      </c>
      <c r="H18" s="177">
        <v>152</v>
      </c>
      <c r="I18" s="177">
        <v>445</v>
      </c>
      <c r="J18" s="177">
        <v>120</v>
      </c>
      <c r="K18" s="177">
        <v>102</v>
      </c>
      <c r="L18" s="180">
        <v>956</v>
      </c>
      <c r="M18" s="181">
        <v>956</v>
      </c>
      <c r="N18" s="176">
        <v>0</v>
      </c>
      <c r="O18" s="177">
        <v>0</v>
      </c>
      <c r="P18" s="182">
        <v>0</v>
      </c>
      <c r="Q18" s="179">
        <v>0</v>
      </c>
      <c r="R18" s="177">
        <v>0</v>
      </c>
      <c r="S18" s="177">
        <v>0</v>
      </c>
      <c r="T18" s="177">
        <v>4</v>
      </c>
      <c r="U18" s="177">
        <v>0</v>
      </c>
      <c r="V18" s="177">
        <v>0</v>
      </c>
      <c r="W18" s="182">
        <v>4</v>
      </c>
      <c r="X18" s="181">
        <v>4</v>
      </c>
      <c r="Y18" s="176">
        <v>26</v>
      </c>
      <c r="Z18" s="177">
        <v>16</v>
      </c>
      <c r="AA18" s="182">
        <v>42</v>
      </c>
      <c r="AB18" s="179">
        <v>0</v>
      </c>
      <c r="AC18" s="177">
        <v>108</v>
      </c>
      <c r="AD18" s="177">
        <v>168</v>
      </c>
      <c r="AE18" s="177">
        <v>69</v>
      </c>
      <c r="AF18" s="177">
        <v>83</v>
      </c>
      <c r="AG18" s="177">
        <v>51</v>
      </c>
      <c r="AH18" s="182">
        <v>479</v>
      </c>
      <c r="AI18" s="181">
        <v>521</v>
      </c>
      <c r="AJ18" s="176">
        <v>0</v>
      </c>
      <c r="AK18" s="177">
        <v>15</v>
      </c>
      <c r="AL18" s="182">
        <v>15</v>
      </c>
      <c r="AM18" s="179">
        <v>0</v>
      </c>
      <c r="AN18" s="177">
        <v>15</v>
      </c>
      <c r="AO18" s="177">
        <v>24</v>
      </c>
      <c r="AP18" s="177">
        <v>0</v>
      </c>
      <c r="AQ18" s="177">
        <v>27</v>
      </c>
      <c r="AR18" s="177">
        <v>18</v>
      </c>
      <c r="AS18" s="182">
        <v>84</v>
      </c>
      <c r="AT18" s="181">
        <v>99</v>
      </c>
      <c r="AU18" s="176">
        <v>0</v>
      </c>
      <c r="AV18" s="177">
        <v>0</v>
      </c>
      <c r="AW18" s="182">
        <v>0</v>
      </c>
      <c r="AX18" s="179">
        <v>0</v>
      </c>
      <c r="AY18" s="177">
        <v>183</v>
      </c>
      <c r="AZ18" s="177">
        <v>203</v>
      </c>
      <c r="BA18" s="177">
        <v>90</v>
      </c>
      <c r="BB18" s="177">
        <v>56</v>
      </c>
      <c r="BC18" s="177">
        <v>26</v>
      </c>
      <c r="BD18" s="180">
        <v>558</v>
      </c>
      <c r="BE18" s="181">
        <v>558</v>
      </c>
      <c r="BF18" s="176">
        <v>0</v>
      </c>
      <c r="BG18" s="177">
        <v>0</v>
      </c>
      <c r="BH18" s="182">
        <v>0</v>
      </c>
      <c r="BI18" s="179">
        <v>0</v>
      </c>
      <c r="BJ18" s="177">
        <v>67</v>
      </c>
      <c r="BK18" s="177">
        <v>146</v>
      </c>
      <c r="BL18" s="177">
        <v>35</v>
      </c>
      <c r="BM18" s="177">
        <v>14</v>
      </c>
      <c r="BN18" s="177">
        <v>23</v>
      </c>
      <c r="BO18" s="182">
        <v>285</v>
      </c>
      <c r="BP18" s="181">
        <v>285</v>
      </c>
      <c r="BQ18" s="176">
        <v>0</v>
      </c>
      <c r="BR18" s="177">
        <v>0</v>
      </c>
      <c r="BS18" s="182">
        <v>0</v>
      </c>
      <c r="BT18" s="179">
        <v>0</v>
      </c>
      <c r="BU18" s="177">
        <v>2</v>
      </c>
      <c r="BV18" s="177">
        <v>0</v>
      </c>
      <c r="BW18" s="177">
        <v>13</v>
      </c>
      <c r="BX18" s="177">
        <v>8</v>
      </c>
      <c r="BY18" s="177">
        <v>0</v>
      </c>
      <c r="BZ18" s="182">
        <v>23</v>
      </c>
      <c r="CA18" s="181">
        <v>23</v>
      </c>
      <c r="CB18" s="176">
        <v>0</v>
      </c>
      <c r="CC18" s="177">
        <v>0</v>
      </c>
      <c r="CD18" s="182">
        <v>0</v>
      </c>
      <c r="CE18" s="179">
        <v>0</v>
      </c>
      <c r="CF18" s="177">
        <v>6</v>
      </c>
      <c r="CG18" s="177">
        <v>13</v>
      </c>
      <c r="CH18" s="177">
        <v>0</v>
      </c>
      <c r="CI18" s="177">
        <v>0</v>
      </c>
      <c r="CJ18" s="177">
        <v>1</v>
      </c>
      <c r="CK18" s="182">
        <v>20</v>
      </c>
      <c r="CL18" s="181">
        <v>20</v>
      </c>
      <c r="CM18" s="176">
        <v>0</v>
      </c>
      <c r="CN18" s="177">
        <v>0</v>
      </c>
      <c r="CO18" s="182">
        <v>0</v>
      </c>
      <c r="CP18" s="179">
        <v>0</v>
      </c>
      <c r="CQ18" s="177">
        <v>0</v>
      </c>
      <c r="CR18" s="177">
        <v>0</v>
      </c>
      <c r="CS18" s="177">
        <v>0</v>
      </c>
      <c r="CT18" s="177">
        <v>0</v>
      </c>
      <c r="CU18" s="177">
        <v>0</v>
      </c>
      <c r="CV18" s="182">
        <v>0</v>
      </c>
      <c r="CW18" s="181">
        <v>0</v>
      </c>
      <c r="CX18" s="176">
        <v>0</v>
      </c>
      <c r="CY18" s="177">
        <v>0</v>
      </c>
      <c r="CZ18" s="182">
        <v>0</v>
      </c>
      <c r="DA18" s="179">
        <v>0</v>
      </c>
      <c r="DB18" s="177">
        <v>0</v>
      </c>
      <c r="DC18" s="177">
        <v>0</v>
      </c>
      <c r="DD18" s="177">
        <v>0</v>
      </c>
      <c r="DE18" s="177">
        <v>0</v>
      </c>
      <c r="DF18" s="177">
        <v>0</v>
      </c>
      <c r="DG18" s="182">
        <v>0</v>
      </c>
      <c r="DH18" s="181">
        <v>0</v>
      </c>
    </row>
    <row r="19" spans="2:112" ht="21" customHeight="1" x14ac:dyDescent="0.2">
      <c r="B19" s="92" t="s">
        <v>17</v>
      </c>
      <c r="C19" s="176">
        <v>0</v>
      </c>
      <c r="D19" s="177">
        <v>0</v>
      </c>
      <c r="E19" s="178">
        <v>0</v>
      </c>
      <c r="F19" s="179">
        <v>0</v>
      </c>
      <c r="G19" s="177">
        <v>181</v>
      </c>
      <c r="H19" s="177">
        <v>471</v>
      </c>
      <c r="I19" s="177">
        <v>645</v>
      </c>
      <c r="J19" s="177">
        <v>405</v>
      </c>
      <c r="K19" s="177">
        <v>551</v>
      </c>
      <c r="L19" s="180">
        <v>2253</v>
      </c>
      <c r="M19" s="181">
        <v>2253</v>
      </c>
      <c r="N19" s="176">
        <v>0</v>
      </c>
      <c r="O19" s="177">
        <v>0</v>
      </c>
      <c r="P19" s="182">
        <v>0</v>
      </c>
      <c r="Q19" s="179">
        <v>0</v>
      </c>
      <c r="R19" s="177">
        <v>0</v>
      </c>
      <c r="S19" s="177">
        <v>6</v>
      </c>
      <c r="T19" s="177">
        <v>4</v>
      </c>
      <c r="U19" s="177">
        <v>0</v>
      </c>
      <c r="V19" s="177">
        <v>0</v>
      </c>
      <c r="W19" s="182">
        <v>10</v>
      </c>
      <c r="X19" s="181">
        <v>10</v>
      </c>
      <c r="Y19" s="176">
        <v>10</v>
      </c>
      <c r="Z19" s="177">
        <v>19</v>
      </c>
      <c r="AA19" s="182">
        <v>29</v>
      </c>
      <c r="AB19" s="179">
        <v>0</v>
      </c>
      <c r="AC19" s="177">
        <v>142</v>
      </c>
      <c r="AD19" s="177">
        <v>153</v>
      </c>
      <c r="AE19" s="177">
        <v>126</v>
      </c>
      <c r="AF19" s="177">
        <v>40</v>
      </c>
      <c r="AG19" s="177">
        <v>34</v>
      </c>
      <c r="AH19" s="182">
        <v>495</v>
      </c>
      <c r="AI19" s="181">
        <v>524</v>
      </c>
      <c r="AJ19" s="176">
        <v>0</v>
      </c>
      <c r="AK19" s="177">
        <v>24</v>
      </c>
      <c r="AL19" s="182">
        <v>24</v>
      </c>
      <c r="AM19" s="179">
        <v>0</v>
      </c>
      <c r="AN19" s="177">
        <v>11</v>
      </c>
      <c r="AO19" s="177">
        <v>24</v>
      </c>
      <c r="AP19" s="177">
        <v>24</v>
      </c>
      <c r="AQ19" s="177">
        <v>0</v>
      </c>
      <c r="AR19" s="177">
        <v>12</v>
      </c>
      <c r="AS19" s="182">
        <v>71</v>
      </c>
      <c r="AT19" s="181">
        <v>95</v>
      </c>
      <c r="AU19" s="176">
        <v>0</v>
      </c>
      <c r="AV19" s="177">
        <v>0</v>
      </c>
      <c r="AW19" s="182">
        <v>0</v>
      </c>
      <c r="AX19" s="179">
        <v>0</v>
      </c>
      <c r="AY19" s="177">
        <v>184</v>
      </c>
      <c r="AZ19" s="177">
        <v>238</v>
      </c>
      <c r="BA19" s="177">
        <v>220</v>
      </c>
      <c r="BB19" s="177">
        <v>18</v>
      </c>
      <c r="BC19" s="177">
        <v>18</v>
      </c>
      <c r="BD19" s="180">
        <v>678</v>
      </c>
      <c r="BE19" s="181">
        <v>678</v>
      </c>
      <c r="BF19" s="176">
        <v>0</v>
      </c>
      <c r="BG19" s="177">
        <v>0</v>
      </c>
      <c r="BH19" s="182">
        <v>0</v>
      </c>
      <c r="BI19" s="179">
        <v>0</v>
      </c>
      <c r="BJ19" s="177">
        <v>25</v>
      </c>
      <c r="BK19" s="177">
        <v>100</v>
      </c>
      <c r="BL19" s="177">
        <v>51</v>
      </c>
      <c r="BM19" s="177">
        <v>22</v>
      </c>
      <c r="BN19" s="177">
        <v>4</v>
      </c>
      <c r="BO19" s="182">
        <v>202</v>
      </c>
      <c r="BP19" s="181">
        <v>202</v>
      </c>
      <c r="BQ19" s="176">
        <v>0</v>
      </c>
      <c r="BR19" s="177">
        <v>5</v>
      </c>
      <c r="BS19" s="182">
        <v>5</v>
      </c>
      <c r="BT19" s="179">
        <v>0</v>
      </c>
      <c r="BU19" s="177">
        <v>35</v>
      </c>
      <c r="BV19" s="177">
        <v>129</v>
      </c>
      <c r="BW19" s="177">
        <v>61</v>
      </c>
      <c r="BX19" s="177">
        <v>17</v>
      </c>
      <c r="BY19" s="177">
        <v>36</v>
      </c>
      <c r="BZ19" s="182">
        <v>278</v>
      </c>
      <c r="CA19" s="181">
        <v>283</v>
      </c>
      <c r="CB19" s="176">
        <v>0</v>
      </c>
      <c r="CC19" s="177">
        <v>0</v>
      </c>
      <c r="CD19" s="182">
        <v>0</v>
      </c>
      <c r="CE19" s="179">
        <v>0</v>
      </c>
      <c r="CF19" s="177">
        <v>0</v>
      </c>
      <c r="CG19" s="177">
        <v>4</v>
      </c>
      <c r="CH19" s="177">
        <v>12</v>
      </c>
      <c r="CI19" s="177">
        <v>6</v>
      </c>
      <c r="CJ19" s="177">
        <v>0</v>
      </c>
      <c r="CK19" s="182">
        <v>22</v>
      </c>
      <c r="CL19" s="181">
        <v>22</v>
      </c>
      <c r="CM19" s="176">
        <v>0</v>
      </c>
      <c r="CN19" s="177">
        <v>0</v>
      </c>
      <c r="CO19" s="182">
        <v>0</v>
      </c>
      <c r="CP19" s="179">
        <v>0</v>
      </c>
      <c r="CQ19" s="177">
        <v>0</v>
      </c>
      <c r="CR19" s="177">
        <v>0</v>
      </c>
      <c r="CS19" s="177">
        <v>0</v>
      </c>
      <c r="CT19" s="177">
        <v>0</v>
      </c>
      <c r="CU19" s="177">
        <v>0</v>
      </c>
      <c r="CV19" s="182">
        <v>0</v>
      </c>
      <c r="CW19" s="181">
        <v>0</v>
      </c>
      <c r="CX19" s="176">
        <v>0</v>
      </c>
      <c r="CY19" s="177">
        <v>0</v>
      </c>
      <c r="CZ19" s="182">
        <v>0</v>
      </c>
      <c r="DA19" s="179">
        <v>0</v>
      </c>
      <c r="DB19" s="177">
        <v>0</v>
      </c>
      <c r="DC19" s="177">
        <v>0</v>
      </c>
      <c r="DD19" s="177">
        <v>0</v>
      </c>
      <c r="DE19" s="177">
        <v>0</v>
      </c>
      <c r="DF19" s="177">
        <v>0</v>
      </c>
      <c r="DG19" s="182">
        <v>0</v>
      </c>
      <c r="DH19" s="181">
        <v>0</v>
      </c>
    </row>
    <row r="20" spans="2:112" ht="21" customHeight="1" x14ac:dyDescent="0.2">
      <c r="B20" s="92" t="s">
        <v>18</v>
      </c>
      <c r="C20" s="176">
        <v>0</v>
      </c>
      <c r="D20" s="177">
        <v>0</v>
      </c>
      <c r="E20" s="178">
        <v>0</v>
      </c>
      <c r="F20" s="179">
        <v>0</v>
      </c>
      <c r="G20" s="177">
        <v>314</v>
      </c>
      <c r="H20" s="177">
        <v>352</v>
      </c>
      <c r="I20" s="177">
        <v>985</v>
      </c>
      <c r="J20" s="177">
        <v>714</v>
      </c>
      <c r="K20" s="177">
        <v>526</v>
      </c>
      <c r="L20" s="180">
        <v>2891</v>
      </c>
      <c r="M20" s="181">
        <v>2891</v>
      </c>
      <c r="N20" s="176">
        <v>0</v>
      </c>
      <c r="O20" s="177">
        <v>0</v>
      </c>
      <c r="P20" s="182">
        <v>0</v>
      </c>
      <c r="Q20" s="179">
        <v>0</v>
      </c>
      <c r="R20" s="177">
        <v>0</v>
      </c>
      <c r="S20" s="177">
        <v>0</v>
      </c>
      <c r="T20" s="177">
        <v>0</v>
      </c>
      <c r="U20" s="177">
        <v>21</v>
      </c>
      <c r="V20" s="177">
        <v>28</v>
      </c>
      <c r="W20" s="182">
        <v>49</v>
      </c>
      <c r="X20" s="181">
        <v>49</v>
      </c>
      <c r="Y20" s="176">
        <v>45</v>
      </c>
      <c r="Z20" s="177">
        <v>69</v>
      </c>
      <c r="AA20" s="182">
        <v>114</v>
      </c>
      <c r="AB20" s="179">
        <v>0</v>
      </c>
      <c r="AC20" s="177">
        <v>259</v>
      </c>
      <c r="AD20" s="177">
        <v>358</v>
      </c>
      <c r="AE20" s="177">
        <v>151</v>
      </c>
      <c r="AF20" s="177">
        <v>113</v>
      </c>
      <c r="AG20" s="177">
        <v>32</v>
      </c>
      <c r="AH20" s="182">
        <v>913</v>
      </c>
      <c r="AI20" s="181">
        <v>1027</v>
      </c>
      <c r="AJ20" s="176">
        <v>0</v>
      </c>
      <c r="AK20" s="177">
        <v>0</v>
      </c>
      <c r="AL20" s="182">
        <v>0</v>
      </c>
      <c r="AM20" s="179">
        <v>0</v>
      </c>
      <c r="AN20" s="177">
        <v>63</v>
      </c>
      <c r="AO20" s="177">
        <v>49</v>
      </c>
      <c r="AP20" s="177">
        <v>71</v>
      </c>
      <c r="AQ20" s="177">
        <v>0</v>
      </c>
      <c r="AR20" s="177">
        <v>9</v>
      </c>
      <c r="AS20" s="182">
        <v>192</v>
      </c>
      <c r="AT20" s="181">
        <v>192</v>
      </c>
      <c r="AU20" s="176">
        <v>0</v>
      </c>
      <c r="AV20" s="177">
        <v>0</v>
      </c>
      <c r="AW20" s="182">
        <v>0</v>
      </c>
      <c r="AX20" s="179">
        <v>0</v>
      </c>
      <c r="AY20" s="177">
        <v>526</v>
      </c>
      <c r="AZ20" s="177">
        <v>348</v>
      </c>
      <c r="BA20" s="177">
        <v>324</v>
      </c>
      <c r="BB20" s="177">
        <v>23</v>
      </c>
      <c r="BC20" s="177">
        <v>32</v>
      </c>
      <c r="BD20" s="180">
        <v>1253</v>
      </c>
      <c r="BE20" s="181">
        <v>1253</v>
      </c>
      <c r="BF20" s="176">
        <v>0</v>
      </c>
      <c r="BG20" s="177">
        <v>0</v>
      </c>
      <c r="BH20" s="182">
        <v>0</v>
      </c>
      <c r="BI20" s="179">
        <v>0</v>
      </c>
      <c r="BJ20" s="177">
        <v>111</v>
      </c>
      <c r="BK20" s="177">
        <v>42</v>
      </c>
      <c r="BL20" s="177">
        <v>48</v>
      </c>
      <c r="BM20" s="177">
        <v>8</v>
      </c>
      <c r="BN20" s="177">
        <v>2</v>
      </c>
      <c r="BO20" s="182">
        <v>211</v>
      </c>
      <c r="BP20" s="181">
        <v>211</v>
      </c>
      <c r="BQ20" s="176">
        <v>0</v>
      </c>
      <c r="BR20" s="177">
        <v>18</v>
      </c>
      <c r="BS20" s="182">
        <v>18</v>
      </c>
      <c r="BT20" s="179">
        <v>0</v>
      </c>
      <c r="BU20" s="177">
        <v>35</v>
      </c>
      <c r="BV20" s="177">
        <v>56</v>
      </c>
      <c r="BW20" s="177">
        <v>106</v>
      </c>
      <c r="BX20" s="177">
        <v>181</v>
      </c>
      <c r="BY20" s="177">
        <v>55</v>
      </c>
      <c r="BZ20" s="182">
        <v>433</v>
      </c>
      <c r="CA20" s="181">
        <v>451</v>
      </c>
      <c r="CB20" s="176">
        <v>0</v>
      </c>
      <c r="CC20" s="177">
        <v>0</v>
      </c>
      <c r="CD20" s="182">
        <v>0</v>
      </c>
      <c r="CE20" s="179">
        <v>0</v>
      </c>
      <c r="CF20" s="177">
        <v>0</v>
      </c>
      <c r="CG20" s="177">
        <v>0</v>
      </c>
      <c r="CH20" s="177">
        <v>0</v>
      </c>
      <c r="CI20" s="177">
        <v>0</v>
      </c>
      <c r="CJ20" s="177">
        <v>0</v>
      </c>
      <c r="CK20" s="182">
        <v>0</v>
      </c>
      <c r="CL20" s="181">
        <v>0</v>
      </c>
      <c r="CM20" s="176">
        <v>0</v>
      </c>
      <c r="CN20" s="177">
        <v>0</v>
      </c>
      <c r="CO20" s="182">
        <v>0</v>
      </c>
      <c r="CP20" s="179">
        <v>0</v>
      </c>
      <c r="CQ20" s="177">
        <v>0</v>
      </c>
      <c r="CR20" s="177">
        <v>0</v>
      </c>
      <c r="CS20" s="177">
        <v>0</v>
      </c>
      <c r="CT20" s="177">
        <v>0</v>
      </c>
      <c r="CU20" s="177">
        <v>0</v>
      </c>
      <c r="CV20" s="182">
        <v>0</v>
      </c>
      <c r="CW20" s="181">
        <v>0</v>
      </c>
      <c r="CX20" s="176">
        <v>0</v>
      </c>
      <c r="CY20" s="177">
        <v>0</v>
      </c>
      <c r="CZ20" s="182">
        <v>0</v>
      </c>
      <c r="DA20" s="179">
        <v>0</v>
      </c>
      <c r="DB20" s="177">
        <v>0</v>
      </c>
      <c r="DC20" s="177">
        <v>0</v>
      </c>
      <c r="DD20" s="177">
        <v>0</v>
      </c>
      <c r="DE20" s="177">
        <v>0</v>
      </c>
      <c r="DF20" s="177">
        <v>0</v>
      </c>
      <c r="DG20" s="182">
        <v>0</v>
      </c>
      <c r="DH20" s="181">
        <v>0</v>
      </c>
    </row>
    <row r="21" spans="2:112" ht="21" customHeight="1" x14ac:dyDescent="0.2">
      <c r="B21" s="92" t="s">
        <v>19</v>
      </c>
      <c r="C21" s="176">
        <v>0</v>
      </c>
      <c r="D21" s="177">
        <v>0</v>
      </c>
      <c r="E21" s="178">
        <v>0</v>
      </c>
      <c r="F21" s="179">
        <v>0</v>
      </c>
      <c r="G21" s="177">
        <v>121</v>
      </c>
      <c r="H21" s="177">
        <v>89</v>
      </c>
      <c r="I21" s="177">
        <v>106</v>
      </c>
      <c r="J21" s="177">
        <v>250</v>
      </c>
      <c r="K21" s="177">
        <v>299</v>
      </c>
      <c r="L21" s="180">
        <v>865</v>
      </c>
      <c r="M21" s="181">
        <v>865</v>
      </c>
      <c r="N21" s="176">
        <v>0</v>
      </c>
      <c r="O21" s="177">
        <v>0</v>
      </c>
      <c r="P21" s="182">
        <v>0</v>
      </c>
      <c r="Q21" s="179">
        <v>0</v>
      </c>
      <c r="R21" s="177">
        <v>0</v>
      </c>
      <c r="S21" s="177">
        <v>0</v>
      </c>
      <c r="T21" s="177">
        <v>10</v>
      </c>
      <c r="U21" s="177">
        <v>11</v>
      </c>
      <c r="V21" s="177">
        <v>20</v>
      </c>
      <c r="W21" s="182">
        <v>41</v>
      </c>
      <c r="X21" s="181">
        <v>41</v>
      </c>
      <c r="Y21" s="176">
        <v>16</v>
      </c>
      <c r="Z21" s="177">
        <v>21</v>
      </c>
      <c r="AA21" s="182">
        <v>37</v>
      </c>
      <c r="AB21" s="179">
        <v>0</v>
      </c>
      <c r="AC21" s="177">
        <v>118</v>
      </c>
      <c r="AD21" s="177">
        <v>62</v>
      </c>
      <c r="AE21" s="177">
        <v>51</v>
      </c>
      <c r="AF21" s="177">
        <v>49</v>
      </c>
      <c r="AG21" s="177">
        <v>68</v>
      </c>
      <c r="AH21" s="182">
        <v>348</v>
      </c>
      <c r="AI21" s="181">
        <v>385</v>
      </c>
      <c r="AJ21" s="176">
        <v>0</v>
      </c>
      <c r="AK21" s="177">
        <v>0</v>
      </c>
      <c r="AL21" s="182">
        <v>0</v>
      </c>
      <c r="AM21" s="179">
        <v>0</v>
      </c>
      <c r="AN21" s="177">
        <v>12</v>
      </c>
      <c r="AO21" s="177">
        <v>12</v>
      </c>
      <c r="AP21" s="177">
        <v>0</v>
      </c>
      <c r="AQ21" s="177">
        <v>21</v>
      </c>
      <c r="AR21" s="177">
        <v>12</v>
      </c>
      <c r="AS21" s="182">
        <v>57</v>
      </c>
      <c r="AT21" s="181">
        <v>57</v>
      </c>
      <c r="AU21" s="176">
        <v>0</v>
      </c>
      <c r="AV21" s="177">
        <v>0</v>
      </c>
      <c r="AW21" s="182">
        <v>0</v>
      </c>
      <c r="AX21" s="179">
        <v>0</v>
      </c>
      <c r="AY21" s="177">
        <v>126</v>
      </c>
      <c r="AZ21" s="177">
        <v>100</v>
      </c>
      <c r="BA21" s="177">
        <v>30</v>
      </c>
      <c r="BB21" s="177">
        <v>0</v>
      </c>
      <c r="BC21" s="177">
        <v>46</v>
      </c>
      <c r="BD21" s="180">
        <v>302</v>
      </c>
      <c r="BE21" s="181">
        <v>302</v>
      </c>
      <c r="BF21" s="176">
        <v>0</v>
      </c>
      <c r="BG21" s="177">
        <v>0</v>
      </c>
      <c r="BH21" s="182">
        <v>0</v>
      </c>
      <c r="BI21" s="179">
        <v>0</v>
      </c>
      <c r="BJ21" s="177">
        <v>70</v>
      </c>
      <c r="BK21" s="177">
        <v>70</v>
      </c>
      <c r="BL21" s="177">
        <v>32</v>
      </c>
      <c r="BM21" s="177">
        <v>8</v>
      </c>
      <c r="BN21" s="177">
        <v>9</v>
      </c>
      <c r="BO21" s="182">
        <v>189</v>
      </c>
      <c r="BP21" s="181">
        <v>189</v>
      </c>
      <c r="BQ21" s="176">
        <v>0</v>
      </c>
      <c r="BR21" s="177">
        <v>0</v>
      </c>
      <c r="BS21" s="182">
        <v>0</v>
      </c>
      <c r="BT21" s="179">
        <v>0</v>
      </c>
      <c r="BU21" s="177">
        <v>8</v>
      </c>
      <c r="BV21" s="177">
        <v>18</v>
      </c>
      <c r="BW21" s="177">
        <v>10</v>
      </c>
      <c r="BX21" s="177">
        <v>13</v>
      </c>
      <c r="BY21" s="177">
        <v>0</v>
      </c>
      <c r="BZ21" s="182">
        <v>49</v>
      </c>
      <c r="CA21" s="181">
        <v>49</v>
      </c>
      <c r="CB21" s="176">
        <v>0</v>
      </c>
      <c r="CC21" s="177">
        <v>0</v>
      </c>
      <c r="CD21" s="182">
        <v>0</v>
      </c>
      <c r="CE21" s="179">
        <v>0</v>
      </c>
      <c r="CF21" s="177">
        <v>0</v>
      </c>
      <c r="CG21" s="177">
        <v>3</v>
      </c>
      <c r="CH21" s="177">
        <v>16</v>
      </c>
      <c r="CI21" s="177">
        <v>0</v>
      </c>
      <c r="CJ21" s="177">
        <v>0</v>
      </c>
      <c r="CK21" s="182">
        <v>19</v>
      </c>
      <c r="CL21" s="181">
        <v>19</v>
      </c>
      <c r="CM21" s="176">
        <v>0</v>
      </c>
      <c r="CN21" s="177">
        <v>0</v>
      </c>
      <c r="CO21" s="182">
        <v>0</v>
      </c>
      <c r="CP21" s="179">
        <v>0</v>
      </c>
      <c r="CQ21" s="177">
        <v>0</v>
      </c>
      <c r="CR21" s="177">
        <v>0</v>
      </c>
      <c r="CS21" s="177">
        <v>0</v>
      </c>
      <c r="CT21" s="177">
        <v>0</v>
      </c>
      <c r="CU21" s="177">
        <v>0</v>
      </c>
      <c r="CV21" s="182">
        <v>0</v>
      </c>
      <c r="CW21" s="181">
        <v>0</v>
      </c>
      <c r="CX21" s="176">
        <v>0</v>
      </c>
      <c r="CY21" s="177">
        <v>0</v>
      </c>
      <c r="CZ21" s="182">
        <v>0</v>
      </c>
      <c r="DA21" s="179">
        <v>0</v>
      </c>
      <c r="DB21" s="177">
        <v>0</v>
      </c>
      <c r="DC21" s="177">
        <v>0</v>
      </c>
      <c r="DD21" s="177">
        <v>0</v>
      </c>
      <c r="DE21" s="177">
        <v>0</v>
      </c>
      <c r="DF21" s="177">
        <v>0</v>
      </c>
      <c r="DG21" s="182">
        <v>0</v>
      </c>
      <c r="DH21" s="181">
        <v>0</v>
      </c>
    </row>
    <row r="22" spans="2:112" ht="21" customHeight="1" x14ac:dyDescent="0.2">
      <c r="B22" s="92" t="s">
        <v>20</v>
      </c>
      <c r="C22" s="176">
        <v>0</v>
      </c>
      <c r="D22" s="177">
        <v>0</v>
      </c>
      <c r="E22" s="178">
        <v>0</v>
      </c>
      <c r="F22" s="179">
        <v>0</v>
      </c>
      <c r="G22" s="177">
        <v>171</v>
      </c>
      <c r="H22" s="177">
        <v>276</v>
      </c>
      <c r="I22" s="177">
        <v>227</v>
      </c>
      <c r="J22" s="177">
        <v>221</v>
      </c>
      <c r="K22" s="177">
        <v>148</v>
      </c>
      <c r="L22" s="180">
        <v>1043</v>
      </c>
      <c r="M22" s="181">
        <v>1043</v>
      </c>
      <c r="N22" s="176">
        <v>0</v>
      </c>
      <c r="O22" s="177">
        <v>0</v>
      </c>
      <c r="P22" s="182">
        <v>0</v>
      </c>
      <c r="Q22" s="179">
        <v>0</v>
      </c>
      <c r="R22" s="177">
        <v>0</v>
      </c>
      <c r="S22" s="177">
        <v>0</v>
      </c>
      <c r="T22" s="177">
        <v>0</v>
      </c>
      <c r="U22" s="177">
        <v>11</v>
      </c>
      <c r="V22" s="177">
        <v>12</v>
      </c>
      <c r="W22" s="182">
        <v>23</v>
      </c>
      <c r="X22" s="181">
        <v>23</v>
      </c>
      <c r="Y22" s="176">
        <v>28</v>
      </c>
      <c r="Z22" s="177">
        <v>53</v>
      </c>
      <c r="AA22" s="182">
        <v>81</v>
      </c>
      <c r="AB22" s="179">
        <v>0</v>
      </c>
      <c r="AC22" s="177">
        <v>197</v>
      </c>
      <c r="AD22" s="177">
        <v>203</v>
      </c>
      <c r="AE22" s="177">
        <v>81</v>
      </c>
      <c r="AF22" s="177">
        <v>59</v>
      </c>
      <c r="AG22" s="177">
        <v>86</v>
      </c>
      <c r="AH22" s="182">
        <v>626</v>
      </c>
      <c r="AI22" s="181">
        <v>707</v>
      </c>
      <c r="AJ22" s="176">
        <v>16</v>
      </c>
      <c r="AK22" s="177">
        <v>40</v>
      </c>
      <c r="AL22" s="182">
        <v>56</v>
      </c>
      <c r="AM22" s="179">
        <v>0</v>
      </c>
      <c r="AN22" s="177">
        <v>28</v>
      </c>
      <c r="AO22" s="177">
        <v>95</v>
      </c>
      <c r="AP22" s="177">
        <v>82</v>
      </c>
      <c r="AQ22" s="177">
        <v>39</v>
      </c>
      <c r="AR22" s="177">
        <v>0</v>
      </c>
      <c r="AS22" s="182">
        <v>244</v>
      </c>
      <c r="AT22" s="181">
        <v>300</v>
      </c>
      <c r="AU22" s="176">
        <v>0</v>
      </c>
      <c r="AV22" s="177">
        <v>0</v>
      </c>
      <c r="AW22" s="182">
        <v>0</v>
      </c>
      <c r="AX22" s="179">
        <v>0</v>
      </c>
      <c r="AY22" s="177">
        <v>336</v>
      </c>
      <c r="AZ22" s="177">
        <v>189</v>
      </c>
      <c r="BA22" s="177">
        <v>133</v>
      </c>
      <c r="BB22" s="177">
        <v>52</v>
      </c>
      <c r="BC22" s="177">
        <v>0</v>
      </c>
      <c r="BD22" s="180">
        <v>710</v>
      </c>
      <c r="BE22" s="181">
        <v>710</v>
      </c>
      <c r="BF22" s="176">
        <v>0</v>
      </c>
      <c r="BG22" s="177">
        <v>0</v>
      </c>
      <c r="BH22" s="182">
        <v>0</v>
      </c>
      <c r="BI22" s="179">
        <v>0</v>
      </c>
      <c r="BJ22" s="177">
        <v>113</v>
      </c>
      <c r="BK22" s="177">
        <v>53</v>
      </c>
      <c r="BL22" s="177">
        <v>32</v>
      </c>
      <c r="BM22" s="177">
        <v>8</v>
      </c>
      <c r="BN22" s="177">
        <v>4</v>
      </c>
      <c r="BO22" s="182">
        <v>210</v>
      </c>
      <c r="BP22" s="181">
        <v>210</v>
      </c>
      <c r="BQ22" s="176">
        <v>0</v>
      </c>
      <c r="BR22" s="177">
        <v>0</v>
      </c>
      <c r="BS22" s="182">
        <v>0</v>
      </c>
      <c r="BT22" s="179">
        <v>0</v>
      </c>
      <c r="BU22" s="177">
        <v>54</v>
      </c>
      <c r="BV22" s="177">
        <v>60</v>
      </c>
      <c r="BW22" s="177">
        <v>30</v>
      </c>
      <c r="BX22" s="177">
        <v>6</v>
      </c>
      <c r="BY22" s="177">
        <v>6</v>
      </c>
      <c r="BZ22" s="182">
        <v>156</v>
      </c>
      <c r="CA22" s="181">
        <v>156</v>
      </c>
      <c r="CB22" s="176">
        <v>0</v>
      </c>
      <c r="CC22" s="177">
        <v>0</v>
      </c>
      <c r="CD22" s="182">
        <v>0</v>
      </c>
      <c r="CE22" s="179">
        <v>0</v>
      </c>
      <c r="CF22" s="177">
        <v>4</v>
      </c>
      <c r="CG22" s="177">
        <v>0</v>
      </c>
      <c r="CH22" s="177">
        <v>6</v>
      </c>
      <c r="CI22" s="177">
        <v>8</v>
      </c>
      <c r="CJ22" s="177">
        <v>0</v>
      </c>
      <c r="CK22" s="182">
        <v>18</v>
      </c>
      <c r="CL22" s="181">
        <v>18</v>
      </c>
      <c r="CM22" s="176">
        <v>0</v>
      </c>
      <c r="CN22" s="177">
        <v>0</v>
      </c>
      <c r="CO22" s="182">
        <v>0</v>
      </c>
      <c r="CP22" s="179">
        <v>0</v>
      </c>
      <c r="CQ22" s="177">
        <v>0</v>
      </c>
      <c r="CR22" s="177">
        <v>0</v>
      </c>
      <c r="CS22" s="177">
        <v>0</v>
      </c>
      <c r="CT22" s="177">
        <v>0</v>
      </c>
      <c r="CU22" s="177">
        <v>0</v>
      </c>
      <c r="CV22" s="182">
        <v>0</v>
      </c>
      <c r="CW22" s="181">
        <v>0</v>
      </c>
      <c r="CX22" s="176">
        <v>0</v>
      </c>
      <c r="CY22" s="177">
        <v>0</v>
      </c>
      <c r="CZ22" s="182">
        <v>0</v>
      </c>
      <c r="DA22" s="179">
        <v>0</v>
      </c>
      <c r="DB22" s="177">
        <v>0</v>
      </c>
      <c r="DC22" s="177">
        <v>0</v>
      </c>
      <c r="DD22" s="177">
        <v>0</v>
      </c>
      <c r="DE22" s="177">
        <v>0</v>
      </c>
      <c r="DF22" s="177">
        <v>0</v>
      </c>
      <c r="DG22" s="182">
        <v>0</v>
      </c>
      <c r="DH22" s="181">
        <v>0</v>
      </c>
    </row>
    <row r="23" spans="2:112" ht="21" customHeight="1" x14ac:dyDescent="0.2">
      <c r="B23" s="92" t="s">
        <v>21</v>
      </c>
      <c r="C23" s="176">
        <v>0</v>
      </c>
      <c r="D23" s="177">
        <v>0</v>
      </c>
      <c r="E23" s="178">
        <v>0</v>
      </c>
      <c r="F23" s="179">
        <v>0</v>
      </c>
      <c r="G23" s="177">
        <v>191</v>
      </c>
      <c r="H23" s="177">
        <v>144</v>
      </c>
      <c r="I23" s="177">
        <v>140</v>
      </c>
      <c r="J23" s="177">
        <v>195</v>
      </c>
      <c r="K23" s="177">
        <v>133</v>
      </c>
      <c r="L23" s="180">
        <v>803</v>
      </c>
      <c r="M23" s="181">
        <v>803</v>
      </c>
      <c r="N23" s="176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0</v>
      </c>
      <c r="T23" s="177">
        <v>8</v>
      </c>
      <c r="U23" s="177">
        <v>0</v>
      </c>
      <c r="V23" s="177">
        <v>3</v>
      </c>
      <c r="W23" s="182">
        <v>11</v>
      </c>
      <c r="X23" s="181">
        <v>11</v>
      </c>
      <c r="Y23" s="176">
        <v>12</v>
      </c>
      <c r="Z23" s="177">
        <v>40</v>
      </c>
      <c r="AA23" s="182">
        <v>52</v>
      </c>
      <c r="AB23" s="179">
        <v>0</v>
      </c>
      <c r="AC23" s="177">
        <v>76</v>
      </c>
      <c r="AD23" s="177">
        <v>207</v>
      </c>
      <c r="AE23" s="177">
        <v>142</v>
      </c>
      <c r="AF23" s="177">
        <v>110</v>
      </c>
      <c r="AG23" s="177">
        <v>34</v>
      </c>
      <c r="AH23" s="182">
        <v>569</v>
      </c>
      <c r="AI23" s="181">
        <v>621</v>
      </c>
      <c r="AJ23" s="176">
        <v>0</v>
      </c>
      <c r="AK23" s="177">
        <v>8</v>
      </c>
      <c r="AL23" s="182">
        <v>8</v>
      </c>
      <c r="AM23" s="179">
        <v>0</v>
      </c>
      <c r="AN23" s="177">
        <v>16</v>
      </c>
      <c r="AO23" s="177">
        <v>28</v>
      </c>
      <c r="AP23" s="177">
        <v>24</v>
      </c>
      <c r="AQ23" s="177">
        <v>10</v>
      </c>
      <c r="AR23" s="177">
        <v>0</v>
      </c>
      <c r="AS23" s="182">
        <v>78</v>
      </c>
      <c r="AT23" s="181">
        <v>86</v>
      </c>
      <c r="AU23" s="176">
        <v>0</v>
      </c>
      <c r="AV23" s="177">
        <v>0</v>
      </c>
      <c r="AW23" s="182">
        <v>0</v>
      </c>
      <c r="AX23" s="179">
        <v>0</v>
      </c>
      <c r="AY23" s="177">
        <v>197</v>
      </c>
      <c r="AZ23" s="177">
        <v>193</v>
      </c>
      <c r="BA23" s="177">
        <v>84</v>
      </c>
      <c r="BB23" s="177">
        <v>10</v>
      </c>
      <c r="BC23" s="177">
        <v>0</v>
      </c>
      <c r="BD23" s="180">
        <v>484</v>
      </c>
      <c r="BE23" s="181">
        <v>484</v>
      </c>
      <c r="BF23" s="176">
        <v>0</v>
      </c>
      <c r="BG23" s="177">
        <v>0</v>
      </c>
      <c r="BH23" s="182">
        <v>0</v>
      </c>
      <c r="BI23" s="179">
        <v>0</v>
      </c>
      <c r="BJ23" s="177">
        <v>54</v>
      </c>
      <c r="BK23" s="177">
        <v>19</v>
      </c>
      <c r="BL23" s="177">
        <v>9</v>
      </c>
      <c r="BM23" s="177">
        <v>0</v>
      </c>
      <c r="BN23" s="177">
        <v>4</v>
      </c>
      <c r="BO23" s="182">
        <v>86</v>
      </c>
      <c r="BP23" s="181">
        <v>86</v>
      </c>
      <c r="BQ23" s="176">
        <v>0</v>
      </c>
      <c r="BR23" s="177">
        <v>5</v>
      </c>
      <c r="BS23" s="182">
        <v>5</v>
      </c>
      <c r="BT23" s="179">
        <v>0</v>
      </c>
      <c r="BU23" s="177">
        <v>-9</v>
      </c>
      <c r="BV23" s="177">
        <v>37</v>
      </c>
      <c r="BW23" s="177">
        <v>11</v>
      </c>
      <c r="BX23" s="177">
        <v>51</v>
      </c>
      <c r="BY23" s="177">
        <v>7</v>
      </c>
      <c r="BZ23" s="182">
        <v>97</v>
      </c>
      <c r="CA23" s="181">
        <v>102</v>
      </c>
      <c r="CB23" s="176">
        <v>0</v>
      </c>
      <c r="CC23" s="177">
        <v>0</v>
      </c>
      <c r="CD23" s="182">
        <v>0</v>
      </c>
      <c r="CE23" s="179">
        <v>0</v>
      </c>
      <c r="CF23" s="177">
        <v>0</v>
      </c>
      <c r="CG23" s="177">
        <v>0</v>
      </c>
      <c r="CH23" s="177">
        <v>0</v>
      </c>
      <c r="CI23" s="177">
        <v>0</v>
      </c>
      <c r="CJ23" s="177">
        <v>0</v>
      </c>
      <c r="CK23" s="182">
        <v>0</v>
      </c>
      <c r="CL23" s="181">
        <v>0</v>
      </c>
      <c r="CM23" s="176">
        <v>0</v>
      </c>
      <c r="CN23" s="177">
        <v>0</v>
      </c>
      <c r="CO23" s="182">
        <v>0</v>
      </c>
      <c r="CP23" s="179">
        <v>0</v>
      </c>
      <c r="CQ23" s="177">
        <v>0</v>
      </c>
      <c r="CR23" s="177">
        <v>0</v>
      </c>
      <c r="CS23" s="177">
        <v>0</v>
      </c>
      <c r="CT23" s="177">
        <v>0</v>
      </c>
      <c r="CU23" s="177">
        <v>0</v>
      </c>
      <c r="CV23" s="182">
        <v>0</v>
      </c>
      <c r="CW23" s="181">
        <v>0</v>
      </c>
      <c r="CX23" s="176">
        <v>0</v>
      </c>
      <c r="CY23" s="177">
        <v>0</v>
      </c>
      <c r="CZ23" s="182">
        <v>0</v>
      </c>
      <c r="DA23" s="179">
        <v>0</v>
      </c>
      <c r="DB23" s="177">
        <v>0</v>
      </c>
      <c r="DC23" s="177">
        <v>0</v>
      </c>
      <c r="DD23" s="177">
        <v>0</v>
      </c>
      <c r="DE23" s="177">
        <v>0</v>
      </c>
      <c r="DF23" s="177">
        <v>0</v>
      </c>
      <c r="DG23" s="182">
        <v>0</v>
      </c>
      <c r="DH23" s="181">
        <v>0</v>
      </c>
    </row>
    <row r="24" spans="2:112" ht="21" customHeight="1" x14ac:dyDescent="0.2">
      <c r="B24" s="92" t="s">
        <v>22</v>
      </c>
      <c r="C24" s="176">
        <v>0</v>
      </c>
      <c r="D24" s="177">
        <v>0</v>
      </c>
      <c r="E24" s="178">
        <v>0</v>
      </c>
      <c r="F24" s="179">
        <v>0</v>
      </c>
      <c r="G24" s="177">
        <v>214</v>
      </c>
      <c r="H24" s="177">
        <v>106</v>
      </c>
      <c r="I24" s="177">
        <v>118</v>
      </c>
      <c r="J24" s="177">
        <v>34</v>
      </c>
      <c r="K24" s="177">
        <v>58</v>
      </c>
      <c r="L24" s="180">
        <v>530</v>
      </c>
      <c r="M24" s="181">
        <v>530</v>
      </c>
      <c r="N24" s="176">
        <v>0</v>
      </c>
      <c r="O24" s="177">
        <v>0</v>
      </c>
      <c r="P24" s="182">
        <v>0</v>
      </c>
      <c r="Q24" s="179">
        <v>0</v>
      </c>
      <c r="R24" s="177">
        <v>0</v>
      </c>
      <c r="S24" s="177">
        <v>0</v>
      </c>
      <c r="T24" s="177">
        <v>0</v>
      </c>
      <c r="U24" s="177">
        <v>0</v>
      </c>
      <c r="V24" s="177">
        <v>2</v>
      </c>
      <c r="W24" s="182">
        <v>2</v>
      </c>
      <c r="X24" s="181">
        <v>2</v>
      </c>
      <c r="Y24" s="176">
        <v>0</v>
      </c>
      <c r="Z24" s="177">
        <v>0</v>
      </c>
      <c r="AA24" s="182">
        <v>0</v>
      </c>
      <c r="AB24" s="179">
        <v>0</v>
      </c>
      <c r="AC24" s="177">
        <v>24</v>
      </c>
      <c r="AD24" s="177">
        <v>68</v>
      </c>
      <c r="AE24" s="177">
        <v>30</v>
      </c>
      <c r="AF24" s="177">
        <v>18</v>
      </c>
      <c r="AG24" s="177">
        <v>17</v>
      </c>
      <c r="AH24" s="182">
        <v>157</v>
      </c>
      <c r="AI24" s="181">
        <v>157</v>
      </c>
      <c r="AJ24" s="176">
        <v>9</v>
      </c>
      <c r="AK24" s="177">
        <v>0</v>
      </c>
      <c r="AL24" s="182">
        <v>9</v>
      </c>
      <c r="AM24" s="179">
        <v>0</v>
      </c>
      <c r="AN24" s="177">
        <v>12</v>
      </c>
      <c r="AO24" s="177">
        <v>0</v>
      </c>
      <c r="AP24" s="177">
        <v>0</v>
      </c>
      <c r="AQ24" s="177">
        <v>17</v>
      </c>
      <c r="AR24" s="177">
        <v>0</v>
      </c>
      <c r="AS24" s="182">
        <v>29</v>
      </c>
      <c r="AT24" s="181">
        <v>38</v>
      </c>
      <c r="AU24" s="176">
        <v>0</v>
      </c>
      <c r="AV24" s="177">
        <v>0</v>
      </c>
      <c r="AW24" s="182">
        <v>0</v>
      </c>
      <c r="AX24" s="179">
        <v>0</v>
      </c>
      <c r="AY24" s="177">
        <v>102</v>
      </c>
      <c r="AZ24" s="177">
        <v>100</v>
      </c>
      <c r="BA24" s="177">
        <v>120</v>
      </c>
      <c r="BB24" s="177">
        <v>0</v>
      </c>
      <c r="BC24" s="177">
        <v>0</v>
      </c>
      <c r="BD24" s="180">
        <v>322</v>
      </c>
      <c r="BE24" s="181">
        <v>322</v>
      </c>
      <c r="BF24" s="176">
        <v>0</v>
      </c>
      <c r="BG24" s="177">
        <v>0</v>
      </c>
      <c r="BH24" s="182">
        <v>0</v>
      </c>
      <c r="BI24" s="179">
        <v>0</v>
      </c>
      <c r="BJ24" s="177">
        <v>27</v>
      </c>
      <c r="BK24" s="177">
        <v>5</v>
      </c>
      <c r="BL24" s="177">
        <v>0</v>
      </c>
      <c r="BM24" s="177">
        <v>0</v>
      </c>
      <c r="BN24" s="177">
        <v>8</v>
      </c>
      <c r="BO24" s="182">
        <v>40</v>
      </c>
      <c r="BP24" s="181">
        <v>40</v>
      </c>
      <c r="BQ24" s="176">
        <v>0</v>
      </c>
      <c r="BR24" s="177">
        <v>0</v>
      </c>
      <c r="BS24" s="182">
        <v>0</v>
      </c>
      <c r="BT24" s="179">
        <v>0</v>
      </c>
      <c r="BU24" s="177">
        <v>0</v>
      </c>
      <c r="BV24" s="177">
        <v>8</v>
      </c>
      <c r="BW24" s="177">
        <v>15</v>
      </c>
      <c r="BX24" s="177">
        <v>29</v>
      </c>
      <c r="BY24" s="177">
        <v>0</v>
      </c>
      <c r="BZ24" s="182">
        <v>52</v>
      </c>
      <c r="CA24" s="181">
        <v>52</v>
      </c>
      <c r="CB24" s="176">
        <v>0</v>
      </c>
      <c r="CC24" s="177">
        <v>0</v>
      </c>
      <c r="CD24" s="182">
        <v>0</v>
      </c>
      <c r="CE24" s="179">
        <v>0</v>
      </c>
      <c r="CF24" s="177">
        <v>6</v>
      </c>
      <c r="CG24" s="177">
        <v>8</v>
      </c>
      <c r="CH24" s="177">
        <v>0</v>
      </c>
      <c r="CI24" s="177">
        <v>0</v>
      </c>
      <c r="CJ24" s="177">
        <v>0</v>
      </c>
      <c r="CK24" s="182">
        <v>14</v>
      </c>
      <c r="CL24" s="181">
        <v>14</v>
      </c>
      <c r="CM24" s="176">
        <v>0</v>
      </c>
      <c r="CN24" s="177">
        <v>0</v>
      </c>
      <c r="CO24" s="182">
        <v>0</v>
      </c>
      <c r="CP24" s="179">
        <v>0</v>
      </c>
      <c r="CQ24" s="177">
        <v>0</v>
      </c>
      <c r="CR24" s="177">
        <v>0</v>
      </c>
      <c r="CS24" s="177">
        <v>0</v>
      </c>
      <c r="CT24" s="177">
        <v>0</v>
      </c>
      <c r="CU24" s="177">
        <v>0</v>
      </c>
      <c r="CV24" s="182">
        <v>0</v>
      </c>
      <c r="CW24" s="181">
        <v>0</v>
      </c>
      <c r="CX24" s="176">
        <v>0</v>
      </c>
      <c r="CY24" s="177">
        <v>0</v>
      </c>
      <c r="CZ24" s="182">
        <v>0</v>
      </c>
      <c r="DA24" s="179">
        <v>0</v>
      </c>
      <c r="DB24" s="177">
        <v>0</v>
      </c>
      <c r="DC24" s="177">
        <v>0</v>
      </c>
      <c r="DD24" s="177">
        <v>0</v>
      </c>
      <c r="DE24" s="177">
        <v>0</v>
      </c>
      <c r="DF24" s="177">
        <v>0</v>
      </c>
      <c r="DG24" s="182">
        <v>0</v>
      </c>
      <c r="DH24" s="181">
        <v>0</v>
      </c>
    </row>
    <row r="25" spans="2:112" ht="21" customHeight="1" x14ac:dyDescent="0.2">
      <c r="B25" s="92" t="s">
        <v>23</v>
      </c>
      <c r="C25" s="176">
        <v>0</v>
      </c>
      <c r="D25" s="177">
        <v>0</v>
      </c>
      <c r="E25" s="178">
        <v>0</v>
      </c>
      <c r="F25" s="179">
        <v>0</v>
      </c>
      <c r="G25" s="177">
        <v>124</v>
      </c>
      <c r="H25" s="177">
        <v>71</v>
      </c>
      <c r="I25" s="177">
        <v>0</v>
      </c>
      <c r="J25" s="177">
        <v>74</v>
      </c>
      <c r="K25" s="177">
        <v>94</v>
      </c>
      <c r="L25" s="180">
        <v>363</v>
      </c>
      <c r="M25" s="181">
        <v>363</v>
      </c>
      <c r="N25" s="176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0</v>
      </c>
      <c r="T25" s="177">
        <v>0</v>
      </c>
      <c r="U25" s="177">
        <v>0</v>
      </c>
      <c r="V25" s="177">
        <v>0</v>
      </c>
      <c r="W25" s="182">
        <v>0</v>
      </c>
      <c r="X25" s="181">
        <v>0</v>
      </c>
      <c r="Y25" s="176">
        <v>20</v>
      </c>
      <c r="Z25" s="177">
        <v>18</v>
      </c>
      <c r="AA25" s="182">
        <v>38</v>
      </c>
      <c r="AB25" s="179">
        <v>0</v>
      </c>
      <c r="AC25" s="177">
        <v>117</v>
      </c>
      <c r="AD25" s="177">
        <v>137</v>
      </c>
      <c r="AE25" s="177">
        <v>26</v>
      </c>
      <c r="AF25" s="177">
        <v>14</v>
      </c>
      <c r="AG25" s="177">
        <v>11</v>
      </c>
      <c r="AH25" s="182">
        <v>305</v>
      </c>
      <c r="AI25" s="181">
        <v>343</v>
      </c>
      <c r="AJ25" s="176">
        <v>0</v>
      </c>
      <c r="AK25" s="177">
        <v>8</v>
      </c>
      <c r="AL25" s="182">
        <v>8</v>
      </c>
      <c r="AM25" s="179">
        <v>0</v>
      </c>
      <c r="AN25" s="177">
        <v>12</v>
      </c>
      <c r="AO25" s="177">
        <v>12</v>
      </c>
      <c r="AP25" s="177">
        <v>4</v>
      </c>
      <c r="AQ25" s="177">
        <v>0</v>
      </c>
      <c r="AR25" s="177">
        <v>0</v>
      </c>
      <c r="AS25" s="182">
        <v>28</v>
      </c>
      <c r="AT25" s="181">
        <v>36</v>
      </c>
      <c r="AU25" s="176">
        <v>0</v>
      </c>
      <c r="AV25" s="177">
        <v>0</v>
      </c>
      <c r="AW25" s="182">
        <v>0</v>
      </c>
      <c r="AX25" s="179">
        <v>0</v>
      </c>
      <c r="AY25" s="177">
        <v>122</v>
      </c>
      <c r="AZ25" s="177">
        <v>185</v>
      </c>
      <c r="BA25" s="177">
        <v>31</v>
      </c>
      <c r="BB25" s="177">
        <v>60</v>
      </c>
      <c r="BC25" s="177">
        <v>27</v>
      </c>
      <c r="BD25" s="180">
        <v>425</v>
      </c>
      <c r="BE25" s="181">
        <v>425</v>
      </c>
      <c r="BF25" s="176">
        <v>0</v>
      </c>
      <c r="BG25" s="177">
        <v>0</v>
      </c>
      <c r="BH25" s="182">
        <v>0</v>
      </c>
      <c r="BI25" s="179">
        <v>0</v>
      </c>
      <c r="BJ25" s="177">
        <v>20</v>
      </c>
      <c r="BK25" s="177">
        <v>29</v>
      </c>
      <c r="BL25" s="177">
        <v>0</v>
      </c>
      <c r="BM25" s="177">
        <v>0</v>
      </c>
      <c r="BN25" s="177">
        <v>0</v>
      </c>
      <c r="BO25" s="182">
        <v>49</v>
      </c>
      <c r="BP25" s="181">
        <v>49</v>
      </c>
      <c r="BQ25" s="176">
        <v>0</v>
      </c>
      <c r="BR25" s="177">
        <v>0</v>
      </c>
      <c r="BS25" s="182">
        <v>0</v>
      </c>
      <c r="BT25" s="179">
        <v>0</v>
      </c>
      <c r="BU25" s="177">
        <v>7</v>
      </c>
      <c r="BV25" s="177">
        <v>0</v>
      </c>
      <c r="BW25" s="177">
        <v>29</v>
      </c>
      <c r="BX25" s="177">
        <v>95</v>
      </c>
      <c r="BY25" s="177">
        <v>0</v>
      </c>
      <c r="BZ25" s="182">
        <v>131</v>
      </c>
      <c r="CA25" s="181">
        <v>131</v>
      </c>
      <c r="CB25" s="176">
        <v>0</v>
      </c>
      <c r="CC25" s="177">
        <v>0</v>
      </c>
      <c r="CD25" s="182">
        <v>0</v>
      </c>
      <c r="CE25" s="179">
        <v>0</v>
      </c>
      <c r="CF25" s="177">
        <v>3</v>
      </c>
      <c r="CG25" s="177">
        <v>3</v>
      </c>
      <c r="CH25" s="177">
        <v>0</v>
      </c>
      <c r="CI25" s="177">
        <v>0</v>
      </c>
      <c r="CJ25" s="177">
        <v>0</v>
      </c>
      <c r="CK25" s="182">
        <v>6</v>
      </c>
      <c r="CL25" s="181">
        <v>6</v>
      </c>
      <c r="CM25" s="176">
        <v>0</v>
      </c>
      <c r="CN25" s="177">
        <v>0</v>
      </c>
      <c r="CO25" s="182">
        <v>0</v>
      </c>
      <c r="CP25" s="179">
        <v>0</v>
      </c>
      <c r="CQ25" s="177">
        <v>0</v>
      </c>
      <c r="CR25" s="177">
        <v>0</v>
      </c>
      <c r="CS25" s="177">
        <v>0</v>
      </c>
      <c r="CT25" s="177">
        <v>0</v>
      </c>
      <c r="CU25" s="177">
        <v>0</v>
      </c>
      <c r="CV25" s="182">
        <v>0</v>
      </c>
      <c r="CW25" s="181">
        <v>0</v>
      </c>
      <c r="CX25" s="176">
        <v>0</v>
      </c>
      <c r="CY25" s="177">
        <v>0</v>
      </c>
      <c r="CZ25" s="182">
        <v>0</v>
      </c>
      <c r="DA25" s="179">
        <v>0</v>
      </c>
      <c r="DB25" s="177">
        <v>0</v>
      </c>
      <c r="DC25" s="177">
        <v>0</v>
      </c>
      <c r="DD25" s="177">
        <v>0</v>
      </c>
      <c r="DE25" s="177">
        <v>0</v>
      </c>
      <c r="DF25" s="177">
        <v>0</v>
      </c>
      <c r="DG25" s="182">
        <v>0</v>
      </c>
      <c r="DH25" s="181">
        <v>0</v>
      </c>
    </row>
    <row r="26" spans="2:112" ht="21" customHeight="1" x14ac:dyDescent="0.2">
      <c r="B26" s="92" t="s">
        <v>24</v>
      </c>
      <c r="C26" s="176">
        <v>0</v>
      </c>
      <c r="D26" s="177">
        <v>0</v>
      </c>
      <c r="E26" s="178">
        <v>0</v>
      </c>
      <c r="F26" s="179">
        <v>0</v>
      </c>
      <c r="G26" s="177">
        <v>90</v>
      </c>
      <c r="H26" s="177">
        <v>14</v>
      </c>
      <c r="I26" s="177">
        <v>63</v>
      </c>
      <c r="J26" s="177">
        <v>233</v>
      </c>
      <c r="K26" s="177">
        <v>122</v>
      </c>
      <c r="L26" s="180">
        <v>522</v>
      </c>
      <c r="M26" s="181">
        <v>522</v>
      </c>
      <c r="N26" s="176">
        <v>0</v>
      </c>
      <c r="O26" s="177">
        <v>0</v>
      </c>
      <c r="P26" s="182">
        <v>0</v>
      </c>
      <c r="Q26" s="179">
        <v>0</v>
      </c>
      <c r="R26" s="177">
        <v>0</v>
      </c>
      <c r="S26" s="177">
        <v>0</v>
      </c>
      <c r="T26" s="177">
        <v>0</v>
      </c>
      <c r="U26" s="177">
        <v>8</v>
      </c>
      <c r="V26" s="177">
        <v>0</v>
      </c>
      <c r="W26" s="182">
        <v>8</v>
      </c>
      <c r="X26" s="181">
        <v>8</v>
      </c>
      <c r="Y26" s="176">
        <v>4</v>
      </c>
      <c r="Z26" s="177">
        <v>0</v>
      </c>
      <c r="AA26" s="182">
        <v>4</v>
      </c>
      <c r="AB26" s="179">
        <v>0</v>
      </c>
      <c r="AC26" s="177">
        <v>51</v>
      </c>
      <c r="AD26" s="177">
        <v>62</v>
      </c>
      <c r="AE26" s="177">
        <v>70</v>
      </c>
      <c r="AF26" s="177">
        <v>55</v>
      </c>
      <c r="AG26" s="177">
        <v>8</v>
      </c>
      <c r="AH26" s="182">
        <v>246</v>
      </c>
      <c r="AI26" s="181">
        <v>250</v>
      </c>
      <c r="AJ26" s="176">
        <v>0</v>
      </c>
      <c r="AK26" s="177">
        <v>0</v>
      </c>
      <c r="AL26" s="182">
        <v>0</v>
      </c>
      <c r="AM26" s="179">
        <v>0</v>
      </c>
      <c r="AN26" s="177">
        <v>12</v>
      </c>
      <c r="AO26" s="177">
        <v>32</v>
      </c>
      <c r="AP26" s="177">
        <v>0</v>
      </c>
      <c r="AQ26" s="177">
        <v>0</v>
      </c>
      <c r="AR26" s="177">
        <v>0</v>
      </c>
      <c r="AS26" s="182">
        <v>44</v>
      </c>
      <c r="AT26" s="181">
        <v>44</v>
      </c>
      <c r="AU26" s="176">
        <v>0</v>
      </c>
      <c r="AV26" s="177">
        <v>0</v>
      </c>
      <c r="AW26" s="182">
        <v>0</v>
      </c>
      <c r="AX26" s="179">
        <v>0</v>
      </c>
      <c r="AY26" s="177">
        <v>107</v>
      </c>
      <c r="AZ26" s="177">
        <v>83</v>
      </c>
      <c r="BA26" s="177">
        <v>28</v>
      </c>
      <c r="BB26" s="177">
        <v>19</v>
      </c>
      <c r="BC26" s="177">
        <v>7</v>
      </c>
      <c r="BD26" s="180">
        <v>244</v>
      </c>
      <c r="BE26" s="181">
        <v>244</v>
      </c>
      <c r="BF26" s="176">
        <v>0</v>
      </c>
      <c r="BG26" s="177">
        <v>0</v>
      </c>
      <c r="BH26" s="182">
        <v>0</v>
      </c>
      <c r="BI26" s="179">
        <v>0</v>
      </c>
      <c r="BJ26" s="177">
        <v>4</v>
      </c>
      <c r="BK26" s="177">
        <v>67</v>
      </c>
      <c r="BL26" s="177">
        <v>63</v>
      </c>
      <c r="BM26" s="177">
        <v>31</v>
      </c>
      <c r="BN26" s="177">
        <v>15</v>
      </c>
      <c r="BO26" s="182">
        <v>180</v>
      </c>
      <c r="BP26" s="181">
        <v>180</v>
      </c>
      <c r="BQ26" s="176">
        <v>0</v>
      </c>
      <c r="BR26" s="177">
        <v>0</v>
      </c>
      <c r="BS26" s="182">
        <v>0</v>
      </c>
      <c r="BT26" s="179">
        <v>0</v>
      </c>
      <c r="BU26" s="177">
        <v>13</v>
      </c>
      <c r="BV26" s="177">
        <v>31</v>
      </c>
      <c r="BW26" s="177">
        <v>10</v>
      </c>
      <c r="BX26" s="177">
        <v>34</v>
      </c>
      <c r="BY26" s="177">
        <v>0</v>
      </c>
      <c r="BZ26" s="182">
        <v>88</v>
      </c>
      <c r="CA26" s="181">
        <v>88</v>
      </c>
      <c r="CB26" s="176">
        <v>0</v>
      </c>
      <c r="CC26" s="177">
        <v>0</v>
      </c>
      <c r="CD26" s="182">
        <v>0</v>
      </c>
      <c r="CE26" s="179">
        <v>0</v>
      </c>
      <c r="CF26" s="177">
        <v>0</v>
      </c>
      <c r="CG26" s="177">
        <v>5</v>
      </c>
      <c r="CH26" s="177">
        <v>4</v>
      </c>
      <c r="CI26" s="177">
        <v>0</v>
      </c>
      <c r="CJ26" s="177">
        <v>0</v>
      </c>
      <c r="CK26" s="182">
        <v>9</v>
      </c>
      <c r="CL26" s="181">
        <v>9</v>
      </c>
      <c r="CM26" s="176">
        <v>0</v>
      </c>
      <c r="CN26" s="177">
        <v>0</v>
      </c>
      <c r="CO26" s="182">
        <v>0</v>
      </c>
      <c r="CP26" s="179">
        <v>0</v>
      </c>
      <c r="CQ26" s="177">
        <v>0</v>
      </c>
      <c r="CR26" s="177">
        <v>0</v>
      </c>
      <c r="CS26" s="177">
        <v>0</v>
      </c>
      <c r="CT26" s="177">
        <v>0</v>
      </c>
      <c r="CU26" s="177">
        <v>0</v>
      </c>
      <c r="CV26" s="182">
        <v>0</v>
      </c>
      <c r="CW26" s="181">
        <v>0</v>
      </c>
      <c r="CX26" s="176">
        <v>0</v>
      </c>
      <c r="CY26" s="177">
        <v>0</v>
      </c>
      <c r="CZ26" s="182">
        <v>0</v>
      </c>
      <c r="DA26" s="179">
        <v>0</v>
      </c>
      <c r="DB26" s="177">
        <v>0</v>
      </c>
      <c r="DC26" s="177">
        <v>0</v>
      </c>
      <c r="DD26" s="177">
        <v>0</v>
      </c>
      <c r="DE26" s="177">
        <v>0</v>
      </c>
      <c r="DF26" s="177">
        <v>0</v>
      </c>
      <c r="DG26" s="182">
        <v>0</v>
      </c>
      <c r="DH26" s="181">
        <v>0</v>
      </c>
    </row>
    <row r="27" spans="2:112" ht="21" customHeight="1" x14ac:dyDescent="0.2">
      <c r="B27" s="92" t="s">
        <v>25</v>
      </c>
      <c r="C27" s="176">
        <v>0</v>
      </c>
      <c r="D27" s="177">
        <v>0</v>
      </c>
      <c r="E27" s="178">
        <v>0</v>
      </c>
      <c r="F27" s="179">
        <v>0</v>
      </c>
      <c r="G27" s="177">
        <v>23</v>
      </c>
      <c r="H27" s="177">
        <v>88</v>
      </c>
      <c r="I27" s="177">
        <v>52</v>
      </c>
      <c r="J27" s="177">
        <v>268</v>
      </c>
      <c r="K27" s="177">
        <v>0</v>
      </c>
      <c r="L27" s="180">
        <v>431</v>
      </c>
      <c r="M27" s="181">
        <v>431</v>
      </c>
      <c r="N27" s="176">
        <v>0</v>
      </c>
      <c r="O27" s="177">
        <v>0</v>
      </c>
      <c r="P27" s="182">
        <v>0</v>
      </c>
      <c r="Q27" s="179">
        <v>0</v>
      </c>
      <c r="R27" s="177">
        <v>0</v>
      </c>
      <c r="S27" s="177">
        <v>3</v>
      </c>
      <c r="T27" s="177">
        <v>4</v>
      </c>
      <c r="U27" s="177">
        <v>0</v>
      </c>
      <c r="V27" s="177">
        <v>0</v>
      </c>
      <c r="W27" s="182">
        <v>7</v>
      </c>
      <c r="X27" s="181">
        <v>7</v>
      </c>
      <c r="Y27" s="176">
        <v>2</v>
      </c>
      <c r="Z27" s="177">
        <v>15</v>
      </c>
      <c r="AA27" s="182">
        <v>17</v>
      </c>
      <c r="AB27" s="179">
        <v>0</v>
      </c>
      <c r="AC27" s="177">
        <v>31</v>
      </c>
      <c r="AD27" s="177">
        <v>85</v>
      </c>
      <c r="AE27" s="177">
        <v>23</v>
      </c>
      <c r="AF27" s="177">
        <v>15</v>
      </c>
      <c r="AG27" s="177">
        <v>0</v>
      </c>
      <c r="AH27" s="182">
        <v>154</v>
      </c>
      <c r="AI27" s="181">
        <v>171</v>
      </c>
      <c r="AJ27" s="176">
        <v>0</v>
      </c>
      <c r="AK27" s="177">
        <v>24</v>
      </c>
      <c r="AL27" s="182">
        <v>24</v>
      </c>
      <c r="AM27" s="179">
        <v>0</v>
      </c>
      <c r="AN27" s="177">
        <v>0</v>
      </c>
      <c r="AO27" s="177">
        <v>27</v>
      </c>
      <c r="AP27" s="177">
        <v>0</v>
      </c>
      <c r="AQ27" s="177">
        <v>0</v>
      </c>
      <c r="AR27" s="177">
        <v>0</v>
      </c>
      <c r="AS27" s="182">
        <v>27</v>
      </c>
      <c r="AT27" s="181">
        <v>51</v>
      </c>
      <c r="AU27" s="176">
        <v>0</v>
      </c>
      <c r="AV27" s="177">
        <v>0</v>
      </c>
      <c r="AW27" s="182">
        <v>0</v>
      </c>
      <c r="AX27" s="179">
        <v>0</v>
      </c>
      <c r="AY27" s="177">
        <v>9</v>
      </c>
      <c r="AZ27" s="177">
        <v>27</v>
      </c>
      <c r="BA27" s="177">
        <v>30</v>
      </c>
      <c r="BB27" s="177">
        <v>21</v>
      </c>
      <c r="BC27" s="177">
        <v>0</v>
      </c>
      <c r="BD27" s="180">
        <v>87</v>
      </c>
      <c r="BE27" s="181">
        <v>87</v>
      </c>
      <c r="BF27" s="176">
        <v>0</v>
      </c>
      <c r="BG27" s="177">
        <v>0</v>
      </c>
      <c r="BH27" s="182">
        <v>0</v>
      </c>
      <c r="BI27" s="179">
        <v>0</v>
      </c>
      <c r="BJ27" s="177">
        <v>11</v>
      </c>
      <c r="BK27" s="177">
        <v>19</v>
      </c>
      <c r="BL27" s="177">
        <v>11</v>
      </c>
      <c r="BM27" s="177">
        <v>9</v>
      </c>
      <c r="BN27" s="177">
        <v>0</v>
      </c>
      <c r="BO27" s="182">
        <v>50</v>
      </c>
      <c r="BP27" s="181">
        <v>50</v>
      </c>
      <c r="BQ27" s="176">
        <v>4</v>
      </c>
      <c r="BR27" s="177">
        <v>0</v>
      </c>
      <c r="BS27" s="182">
        <v>4</v>
      </c>
      <c r="BT27" s="179">
        <v>0</v>
      </c>
      <c r="BU27" s="177">
        <v>24</v>
      </c>
      <c r="BV27" s="177">
        <v>15</v>
      </c>
      <c r="BW27" s="177">
        <v>2</v>
      </c>
      <c r="BX27" s="177">
        <v>4</v>
      </c>
      <c r="BY27" s="177">
        <v>0</v>
      </c>
      <c r="BZ27" s="182">
        <v>45</v>
      </c>
      <c r="CA27" s="181">
        <v>49</v>
      </c>
      <c r="CB27" s="176">
        <v>0</v>
      </c>
      <c r="CC27" s="177">
        <v>0</v>
      </c>
      <c r="CD27" s="182">
        <v>0</v>
      </c>
      <c r="CE27" s="179">
        <v>0</v>
      </c>
      <c r="CF27" s="177">
        <v>0</v>
      </c>
      <c r="CG27" s="177">
        <v>0</v>
      </c>
      <c r="CH27" s="177">
        <v>0</v>
      </c>
      <c r="CI27" s="177">
        <v>0</v>
      </c>
      <c r="CJ27" s="177">
        <v>0</v>
      </c>
      <c r="CK27" s="182">
        <v>0</v>
      </c>
      <c r="CL27" s="181">
        <v>0</v>
      </c>
      <c r="CM27" s="176">
        <v>0</v>
      </c>
      <c r="CN27" s="177">
        <v>0</v>
      </c>
      <c r="CO27" s="182">
        <v>0</v>
      </c>
      <c r="CP27" s="179">
        <v>0</v>
      </c>
      <c r="CQ27" s="177">
        <v>0</v>
      </c>
      <c r="CR27" s="177">
        <v>0</v>
      </c>
      <c r="CS27" s="177">
        <v>0</v>
      </c>
      <c r="CT27" s="177">
        <v>0</v>
      </c>
      <c r="CU27" s="177">
        <v>0</v>
      </c>
      <c r="CV27" s="182">
        <v>0</v>
      </c>
      <c r="CW27" s="181">
        <v>0</v>
      </c>
      <c r="CX27" s="176">
        <v>0</v>
      </c>
      <c r="CY27" s="177">
        <v>0</v>
      </c>
      <c r="CZ27" s="182">
        <v>0</v>
      </c>
      <c r="DA27" s="179">
        <v>0</v>
      </c>
      <c r="DB27" s="177">
        <v>0</v>
      </c>
      <c r="DC27" s="177">
        <v>0</v>
      </c>
      <c r="DD27" s="177">
        <v>0</v>
      </c>
      <c r="DE27" s="177">
        <v>0</v>
      </c>
      <c r="DF27" s="177">
        <v>0</v>
      </c>
      <c r="DG27" s="182">
        <v>0</v>
      </c>
      <c r="DH27" s="181">
        <v>0</v>
      </c>
    </row>
    <row r="28" spans="2:112" ht="21" customHeight="1" x14ac:dyDescent="0.2">
      <c r="B28" s="92" t="s">
        <v>26</v>
      </c>
      <c r="C28" s="176">
        <v>0</v>
      </c>
      <c r="D28" s="177">
        <v>0</v>
      </c>
      <c r="E28" s="178">
        <v>0</v>
      </c>
      <c r="F28" s="179">
        <v>0</v>
      </c>
      <c r="G28" s="177">
        <v>113</v>
      </c>
      <c r="H28" s="177">
        <v>81</v>
      </c>
      <c r="I28" s="177">
        <v>104</v>
      </c>
      <c r="J28" s="177">
        <v>154</v>
      </c>
      <c r="K28" s="177">
        <v>114</v>
      </c>
      <c r="L28" s="180">
        <v>566</v>
      </c>
      <c r="M28" s="181">
        <v>566</v>
      </c>
      <c r="N28" s="176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0</v>
      </c>
      <c r="U28" s="177">
        <v>8</v>
      </c>
      <c r="V28" s="177">
        <v>4</v>
      </c>
      <c r="W28" s="182">
        <v>12</v>
      </c>
      <c r="X28" s="181">
        <v>12</v>
      </c>
      <c r="Y28" s="176">
        <v>7</v>
      </c>
      <c r="Z28" s="177">
        <v>4</v>
      </c>
      <c r="AA28" s="182">
        <v>11</v>
      </c>
      <c r="AB28" s="179">
        <v>0</v>
      </c>
      <c r="AC28" s="177">
        <v>65</v>
      </c>
      <c r="AD28" s="177">
        <v>66</v>
      </c>
      <c r="AE28" s="177">
        <v>10</v>
      </c>
      <c r="AF28" s="177">
        <v>35</v>
      </c>
      <c r="AG28" s="177">
        <v>24</v>
      </c>
      <c r="AH28" s="182">
        <v>200</v>
      </c>
      <c r="AI28" s="181">
        <v>211</v>
      </c>
      <c r="AJ28" s="176">
        <v>0</v>
      </c>
      <c r="AK28" s="177">
        <v>0</v>
      </c>
      <c r="AL28" s="182">
        <v>0</v>
      </c>
      <c r="AM28" s="179">
        <v>0</v>
      </c>
      <c r="AN28" s="177">
        <v>0</v>
      </c>
      <c r="AO28" s="177">
        <v>0</v>
      </c>
      <c r="AP28" s="177">
        <v>0</v>
      </c>
      <c r="AQ28" s="177">
        <v>0</v>
      </c>
      <c r="AR28" s="177">
        <v>0</v>
      </c>
      <c r="AS28" s="182">
        <v>0</v>
      </c>
      <c r="AT28" s="181">
        <v>0</v>
      </c>
      <c r="AU28" s="176">
        <v>0</v>
      </c>
      <c r="AV28" s="177">
        <v>0</v>
      </c>
      <c r="AW28" s="182">
        <v>0</v>
      </c>
      <c r="AX28" s="179">
        <v>0</v>
      </c>
      <c r="AY28" s="177">
        <v>50</v>
      </c>
      <c r="AZ28" s="177">
        <v>52</v>
      </c>
      <c r="BA28" s="177">
        <v>44</v>
      </c>
      <c r="BB28" s="177">
        <v>17</v>
      </c>
      <c r="BC28" s="177">
        <v>0</v>
      </c>
      <c r="BD28" s="180">
        <v>163</v>
      </c>
      <c r="BE28" s="181">
        <v>163</v>
      </c>
      <c r="BF28" s="176">
        <v>0</v>
      </c>
      <c r="BG28" s="177">
        <v>0</v>
      </c>
      <c r="BH28" s="182">
        <v>0</v>
      </c>
      <c r="BI28" s="179">
        <v>0</v>
      </c>
      <c r="BJ28" s="177">
        <v>22</v>
      </c>
      <c r="BK28" s="177">
        <v>23</v>
      </c>
      <c r="BL28" s="177">
        <v>0</v>
      </c>
      <c r="BM28" s="177">
        <v>7</v>
      </c>
      <c r="BN28" s="177">
        <v>0</v>
      </c>
      <c r="BO28" s="182">
        <v>52</v>
      </c>
      <c r="BP28" s="181">
        <v>52</v>
      </c>
      <c r="BQ28" s="176">
        <v>0</v>
      </c>
      <c r="BR28" s="177">
        <v>0</v>
      </c>
      <c r="BS28" s="182">
        <v>0</v>
      </c>
      <c r="BT28" s="179">
        <v>0</v>
      </c>
      <c r="BU28" s="177">
        <v>15</v>
      </c>
      <c r="BV28" s="177">
        <v>3</v>
      </c>
      <c r="BW28" s="177">
        <v>2</v>
      </c>
      <c r="BX28" s="177">
        <v>5</v>
      </c>
      <c r="BY28" s="177">
        <v>0</v>
      </c>
      <c r="BZ28" s="182">
        <v>25</v>
      </c>
      <c r="CA28" s="181">
        <v>25</v>
      </c>
      <c r="CB28" s="176">
        <v>0</v>
      </c>
      <c r="CC28" s="177">
        <v>0</v>
      </c>
      <c r="CD28" s="182">
        <v>0</v>
      </c>
      <c r="CE28" s="179">
        <v>0</v>
      </c>
      <c r="CF28" s="177">
        <v>0</v>
      </c>
      <c r="CG28" s="177">
        <v>0</v>
      </c>
      <c r="CH28" s="177">
        <v>0</v>
      </c>
      <c r="CI28" s="177">
        <v>6</v>
      </c>
      <c r="CJ28" s="177">
        <v>0</v>
      </c>
      <c r="CK28" s="182">
        <v>6</v>
      </c>
      <c r="CL28" s="181">
        <v>6</v>
      </c>
      <c r="CM28" s="176">
        <v>0</v>
      </c>
      <c r="CN28" s="177">
        <v>0</v>
      </c>
      <c r="CO28" s="182">
        <v>0</v>
      </c>
      <c r="CP28" s="179">
        <v>0</v>
      </c>
      <c r="CQ28" s="177">
        <v>0</v>
      </c>
      <c r="CR28" s="177">
        <v>0</v>
      </c>
      <c r="CS28" s="177">
        <v>0</v>
      </c>
      <c r="CT28" s="177">
        <v>0</v>
      </c>
      <c r="CU28" s="177">
        <v>0</v>
      </c>
      <c r="CV28" s="182">
        <v>0</v>
      </c>
      <c r="CW28" s="181">
        <v>0</v>
      </c>
      <c r="CX28" s="176">
        <v>0</v>
      </c>
      <c r="CY28" s="177">
        <v>0</v>
      </c>
      <c r="CZ28" s="182">
        <v>0</v>
      </c>
      <c r="DA28" s="179">
        <v>0</v>
      </c>
      <c r="DB28" s="177">
        <v>0</v>
      </c>
      <c r="DC28" s="177">
        <v>0</v>
      </c>
      <c r="DD28" s="177">
        <v>0</v>
      </c>
      <c r="DE28" s="177">
        <v>0</v>
      </c>
      <c r="DF28" s="177">
        <v>0</v>
      </c>
      <c r="DG28" s="182">
        <v>0</v>
      </c>
      <c r="DH28" s="181">
        <v>0</v>
      </c>
    </row>
    <row r="29" spans="2:112" ht="21" customHeight="1" x14ac:dyDescent="0.2">
      <c r="B29" s="92" t="s">
        <v>27</v>
      </c>
      <c r="C29" s="176">
        <v>0</v>
      </c>
      <c r="D29" s="177">
        <v>0</v>
      </c>
      <c r="E29" s="178">
        <v>0</v>
      </c>
      <c r="F29" s="179">
        <v>0</v>
      </c>
      <c r="G29" s="177">
        <v>21</v>
      </c>
      <c r="H29" s="177">
        <v>50</v>
      </c>
      <c r="I29" s="177">
        <v>143</v>
      </c>
      <c r="J29" s="177">
        <v>218</v>
      </c>
      <c r="K29" s="177">
        <v>227</v>
      </c>
      <c r="L29" s="180">
        <v>659</v>
      </c>
      <c r="M29" s="181">
        <v>659</v>
      </c>
      <c r="N29" s="176">
        <v>0</v>
      </c>
      <c r="O29" s="177">
        <v>0</v>
      </c>
      <c r="P29" s="182">
        <v>0</v>
      </c>
      <c r="Q29" s="179">
        <v>0</v>
      </c>
      <c r="R29" s="177">
        <v>0</v>
      </c>
      <c r="S29" s="177">
        <v>0</v>
      </c>
      <c r="T29" s="177">
        <v>0</v>
      </c>
      <c r="U29" s="177">
        <v>7</v>
      </c>
      <c r="V29" s="177">
        <v>0</v>
      </c>
      <c r="W29" s="182">
        <v>7</v>
      </c>
      <c r="X29" s="181">
        <v>7</v>
      </c>
      <c r="Y29" s="176">
        <v>16</v>
      </c>
      <c r="Z29" s="177">
        <v>109</v>
      </c>
      <c r="AA29" s="182">
        <v>125</v>
      </c>
      <c r="AB29" s="179">
        <v>0</v>
      </c>
      <c r="AC29" s="177">
        <v>24</v>
      </c>
      <c r="AD29" s="177">
        <v>14</v>
      </c>
      <c r="AE29" s="177">
        <v>16</v>
      </c>
      <c r="AF29" s="177">
        <v>34</v>
      </c>
      <c r="AG29" s="177">
        <v>23</v>
      </c>
      <c r="AH29" s="182">
        <v>111</v>
      </c>
      <c r="AI29" s="181">
        <v>236</v>
      </c>
      <c r="AJ29" s="176">
        <v>0</v>
      </c>
      <c r="AK29" s="177">
        <v>0</v>
      </c>
      <c r="AL29" s="182">
        <v>0</v>
      </c>
      <c r="AM29" s="179">
        <v>0</v>
      </c>
      <c r="AN29" s="177">
        <v>0</v>
      </c>
      <c r="AO29" s="177">
        <v>0</v>
      </c>
      <c r="AP29" s="177">
        <v>0</v>
      </c>
      <c r="AQ29" s="177">
        <v>0</v>
      </c>
      <c r="AR29" s="177">
        <v>0</v>
      </c>
      <c r="AS29" s="182">
        <v>0</v>
      </c>
      <c r="AT29" s="181">
        <v>0</v>
      </c>
      <c r="AU29" s="176">
        <v>0</v>
      </c>
      <c r="AV29" s="177">
        <v>0</v>
      </c>
      <c r="AW29" s="182">
        <v>0</v>
      </c>
      <c r="AX29" s="179">
        <v>0</v>
      </c>
      <c r="AY29" s="177">
        <v>57</v>
      </c>
      <c r="AZ29" s="177">
        <v>61</v>
      </c>
      <c r="BA29" s="177">
        <v>32</v>
      </c>
      <c r="BB29" s="177">
        <v>33</v>
      </c>
      <c r="BC29" s="177">
        <v>0</v>
      </c>
      <c r="BD29" s="180">
        <v>183</v>
      </c>
      <c r="BE29" s="181">
        <v>183</v>
      </c>
      <c r="BF29" s="176">
        <v>0</v>
      </c>
      <c r="BG29" s="177">
        <v>0</v>
      </c>
      <c r="BH29" s="182">
        <v>0</v>
      </c>
      <c r="BI29" s="179">
        <v>0</v>
      </c>
      <c r="BJ29" s="177">
        <v>9</v>
      </c>
      <c r="BK29" s="177">
        <v>16</v>
      </c>
      <c r="BL29" s="177">
        <v>0</v>
      </c>
      <c r="BM29" s="177">
        <v>0</v>
      </c>
      <c r="BN29" s="177">
        <v>0</v>
      </c>
      <c r="BO29" s="182">
        <v>25</v>
      </c>
      <c r="BP29" s="181">
        <v>25</v>
      </c>
      <c r="BQ29" s="176">
        <v>0</v>
      </c>
      <c r="BR29" s="177">
        <v>0</v>
      </c>
      <c r="BS29" s="182">
        <v>0</v>
      </c>
      <c r="BT29" s="179">
        <v>0</v>
      </c>
      <c r="BU29" s="177">
        <v>10</v>
      </c>
      <c r="BV29" s="177">
        <v>0</v>
      </c>
      <c r="BW29" s="177">
        <v>0</v>
      </c>
      <c r="BX29" s="177">
        <v>0</v>
      </c>
      <c r="BY29" s="177">
        <v>0</v>
      </c>
      <c r="BZ29" s="182">
        <v>10</v>
      </c>
      <c r="CA29" s="181">
        <v>10</v>
      </c>
      <c r="CB29" s="176">
        <v>0</v>
      </c>
      <c r="CC29" s="177">
        <v>0</v>
      </c>
      <c r="CD29" s="182">
        <v>0</v>
      </c>
      <c r="CE29" s="179">
        <v>0</v>
      </c>
      <c r="CF29" s="177">
        <v>0</v>
      </c>
      <c r="CG29" s="177">
        <v>0</v>
      </c>
      <c r="CH29" s="177">
        <v>17</v>
      </c>
      <c r="CI29" s="177">
        <v>0</v>
      </c>
      <c r="CJ29" s="177">
        <v>0</v>
      </c>
      <c r="CK29" s="182">
        <v>17</v>
      </c>
      <c r="CL29" s="181">
        <v>17</v>
      </c>
      <c r="CM29" s="176">
        <v>0</v>
      </c>
      <c r="CN29" s="177">
        <v>0</v>
      </c>
      <c r="CO29" s="182">
        <v>0</v>
      </c>
      <c r="CP29" s="179">
        <v>0</v>
      </c>
      <c r="CQ29" s="177">
        <v>0</v>
      </c>
      <c r="CR29" s="177">
        <v>0</v>
      </c>
      <c r="CS29" s="177">
        <v>0</v>
      </c>
      <c r="CT29" s="177">
        <v>0</v>
      </c>
      <c r="CU29" s="177">
        <v>0</v>
      </c>
      <c r="CV29" s="182">
        <v>0</v>
      </c>
      <c r="CW29" s="181">
        <v>0</v>
      </c>
      <c r="CX29" s="176">
        <v>0</v>
      </c>
      <c r="CY29" s="177">
        <v>0</v>
      </c>
      <c r="CZ29" s="182">
        <v>0</v>
      </c>
      <c r="DA29" s="179">
        <v>0</v>
      </c>
      <c r="DB29" s="177">
        <v>0</v>
      </c>
      <c r="DC29" s="177">
        <v>0</v>
      </c>
      <c r="DD29" s="177">
        <v>0</v>
      </c>
      <c r="DE29" s="177">
        <v>0</v>
      </c>
      <c r="DF29" s="177">
        <v>0</v>
      </c>
      <c r="DG29" s="182">
        <v>0</v>
      </c>
      <c r="DH29" s="181">
        <v>0</v>
      </c>
    </row>
    <row r="30" spans="2:112" ht="21" customHeight="1" x14ac:dyDescent="0.2">
      <c r="B30" s="92" t="s">
        <v>28</v>
      </c>
      <c r="C30" s="176">
        <v>0</v>
      </c>
      <c r="D30" s="177">
        <v>0</v>
      </c>
      <c r="E30" s="178">
        <v>0</v>
      </c>
      <c r="F30" s="179">
        <v>0</v>
      </c>
      <c r="G30" s="177">
        <v>0</v>
      </c>
      <c r="H30" s="177">
        <v>0</v>
      </c>
      <c r="I30" s="177">
        <v>21</v>
      </c>
      <c r="J30" s="177">
        <v>0</v>
      </c>
      <c r="K30" s="177">
        <v>0</v>
      </c>
      <c r="L30" s="180">
        <v>21</v>
      </c>
      <c r="M30" s="181">
        <v>21</v>
      </c>
      <c r="N30" s="176">
        <v>0</v>
      </c>
      <c r="O30" s="177">
        <v>0</v>
      </c>
      <c r="P30" s="182">
        <v>0</v>
      </c>
      <c r="Q30" s="179">
        <v>0</v>
      </c>
      <c r="R30" s="177">
        <v>0</v>
      </c>
      <c r="S30" s="177">
        <v>0</v>
      </c>
      <c r="T30" s="177">
        <v>0</v>
      </c>
      <c r="U30" s="177">
        <v>0</v>
      </c>
      <c r="V30" s="177">
        <v>0</v>
      </c>
      <c r="W30" s="182">
        <v>0</v>
      </c>
      <c r="X30" s="181">
        <v>0</v>
      </c>
      <c r="Y30" s="176">
        <v>0</v>
      </c>
      <c r="Z30" s="177">
        <v>0</v>
      </c>
      <c r="AA30" s="182">
        <v>0</v>
      </c>
      <c r="AB30" s="179">
        <v>0</v>
      </c>
      <c r="AC30" s="177">
        <v>15</v>
      </c>
      <c r="AD30" s="177">
        <v>0</v>
      </c>
      <c r="AE30" s="177">
        <v>9</v>
      </c>
      <c r="AF30" s="177">
        <v>8</v>
      </c>
      <c r="AG30" s="177">
        <v>0</v>
      </c>
      <c r="AH30" s="182">
        <v>32</v>
      </c>
      <c r="AI30" s="181">
        <v>32</v>
      </c>
      <c r="AJ30" s="176">
        <v>0</v>
      </c>
      <c r="AK30" s="177">
        <v>0</v>
      </c>
      <c r="AL30" s="182">
        <v>0</v>
      </c>
      <c r="AM30" s="179">
        <v>0</v>
      </c>
      <c r="AN30" s="177">
        <v>0</v>
      </c>
      <c r="AO30" s="177">
        <v>0</v>
      </c>
      <c r="AP30" s="177">
        <v>0</v>
      </c>
      <c r="AQ30" s="177">
        <v>0</v>
      </c>
      <c r="AR30" s="177">
        <v>0</v>
      </c>
      <c r="AS30" s="182">
        <v>0</v>
      </c>
      <c r="AT30" s="181">
        <v>0</v>
      </c>
      <c r="AU30" s="176">
        <v>0</v>
      </c>
      <c r="AV30" s="177">
        <v>0</v>
      </c>
      <c r="AW30" s="182">
        <v>0</v>
      </c>
      <c r="AX30" s="179">
        <v>0</v>
      </c>
      <c r="AY30" s="177">
        <v>11</v>
      </c>
      <c r="AZ30" s="177">
        <v>34</v>
      </c>
      <c r="BA30" s="177">
        <v>11</v>
      </c>
      <c r="BB30" s="177">
        <v>0</v>
      </c>
      <c r="BC30" s="177">
        <v>0</v>
      </c>
      <c r="BD30" s="180">
        <v>56</v>
      </c>
      <c r="BE30" s="181">
        <v>56</v>
      </c>
      <c r="BF30" s="176">
        <v>0</v>
      </c>
      <c r="BG30" s="177">
        <v>0</v>
      </c>
      <c r="BH30" s="182">
        <v>0</v>
      </c>
      <c r="BI30" s="179">
        <v>0</v>
      </c>
      <c r="BJ30" s="177">
        <v>8</v>
      </c>
      <c r="BK30" s="177">
        <v>0</v>
      </c>
      <c r="BL30" s="177">
        <v>0</v>
      </c>
      <c r="BM30" s="177">
        <v>0</v>
      </c>
      <c r="BN30" s="177">
        <v>0</v>
      </c>
      <c r="BO30" s="182">
        <v>8</v>
      </c>
      <c r="BP30" s="181">
        <v>8</v>
      </c>
      <c r="BQ30" s="176">
        <v>0</v>
      </c>
      <c r="BR30" s="177">
        <v>0</v>
      </c>
      <c r="BS30" s="182">
        <v>0</v>
      </c>
      <c r="BT30" s="179">
        <v>0</v>
      </c>
      <c r="BU30" s="177">
        <v>0</v>
      </c>
      <c r="BV30" s="177">
        <v>3</v>
      </c>
      <c r="BW30" s="177">
        <v>0</v>
      </c>
      <c r="BX30" s="177">
        <v>0</v>
      </c>
      <c r="BY30" s="177">
        <v>0</v>
      </c>
      <c r="BZ30" s="182">
        <v>3</v>
      </c>
      <c r="CA30" s="181">
        <v>3</v>
      </c>
      <c r="CB30" s="176">
        <v>0</v>
      </c>
      <c r="CC30" s="177">
        <v>0</v>
      </c>
      <c r="CD30" s="182">
        <v>0</v>
      </c>
      <c r="CE30" s="179">
        <v>0</v>
      </c>
      <c r="CF30" s="177">
        <v>0</v>
      </c>
      <c r="CG30" s="177">
        <v>0</v>
      </c>
      <c r="CH30" s="177">
        <v>5</v>
      </c>
      <c r="CI30" s="177">
        <v>0</v>
      </c>
      <c r="CJ30" s="177">
        <v>0</v>
      </c>
      <c r="CK30" s="182">
        <v>5</v>
      </c>
      <c r="CL30" s="181">
        <v>5</v>
      </c>
      <c r="CM30" s="176">
        <v>0</v>
      </c>
      <c r="CN30" s="177">
        <v>0</v>
      </c>
      <c r="CO30" s="182">
        <v>0</v>
      </c>
      <c r="CP30" s="179">
        <v>0</v>
      </c>
      <c r="CQ30" s="177">
        <v>0</v>
      </c>
      <c r="CR30" s="177">
        <v>0</v>
      </c>
      <c r="CS30" s="177">
        <v>0</v>
      </c>
      <c r="CT30" s="177">
        <v>0</v>
      </c>
      <c r="CU30" s="177">
        <v>0</v>
      </c>
      <c r="CV30" s="182">
        <v>0</v>
      </c>
      <c r="CW30" s="181">
        <v>0</v>
      </c>
      <c r="CX30" s="176">
        <v>0</v>
      </c>
      <c r="CY30" s="177">
        <v>0</v>
      </c>
      <c r="CZ30" s="182">
        <v>0</v>
      </c>
      <c r="DA30" s="179">
        <v>0</v>
      </c>
      <c r="DB30" s="177">
        <v>0</v>
      </c>
      <c r="DC30" s="177">
        <v>0</v>
      </c>
      <c r="DD30" s="177">
        <v>0</v>
      </c>
      <c r="DE30" s="177">
        <v>0</v>
      </c>
      <c r="DF30" s="177">
        <v>0</v>
      </c>
      <c r="DG30" s="182">
        <v>0</v>
      </c>
      <c r="DH30" s="181">
        <v>0</v>
      </c>
    </row>
    <row r="31" spans="2:112" ht="21" customHeight="1" x14ac:dyDescent="0.2">
      <c r="B31" s="92" t="s">
        <v>29</v>
      </c>
      <c r="C31" s="176">
        <v>0</v>
      </c>
      <c r="D31" s="177">
        <v>0</v>
      </c>
      <c r="E31" s="178">
        <v>0</v>
      </c>
      <c r="F31" s="179">
        <v>0</v>
      </c>
      <c r="G31" s="177">
        <v>0</v>
      </c>
      <c r="H31" s="177">
        <v>34</v>
      </c>
      <c r="I31" s="177">
        <v>17</v>
      </c>
      <c r="J31" s="177">
        <v>77</v>
      </c>
      <c r="K31" s="177">
        <v>0</v>
      </c>
      <c r="L31" s="180">
        <v>128</v>
      </c>
      <c r="M31" s="181">
        <v>128</v>
      </c>
      <c r="N31" s="176">
        <v>0</v>
      </c>
      <c r="O31" s="177">
        <v>0</v>
      </c>
      <c r="P31" s="182">
        <v>0</v>
      </c>
      <c r="Q31" s="179">
        <v>0</v>
      </c>
      <c r="R31" s="177">
        <v>0</v>
      </c>
      <c r="S31" s="177">
        <v>0</v>
      </c>
      <c r="T31" s="177">
        <v>0</v>
      </c>
      <c r="U31" s="177">
        <v>0</v>
      </c>
      <c r="V31" s="177">
        <v>0</v>
      </c>
      <c r="W31" s="182">
        <v>0</v>
      </c>
      <c r="X31" s="181">
        <v>0</v>
      </c>
      <c r="Y31" s="176">
        <v>11</v>
      </c>
      <c r="Z31" s="177">
        <v>0</v>
      </c>
      <c r="AA31" s="182">
        <v>11</v>
      </c>
      <c r="AB31" s="179">
        <v>0</v>
      </c>
      <c r="AC31" s="177">
        <v>0</v>
      </c>
      <c r="AD31" s="177">
        <v>4</v>
      </c>
      <c r="AE31" s="177">
        <v>23</v>
      </c>
      <c r="AF31" s="177">
        <v>0</v>
      </c>
      <c r="AG31" s="177">
        <v>0</v>
      </c>
      <c r="AH31" s="182">
        <v>27</v>
      </c>
      <c r="AI31" s="181">
        <v>38</v>
      </c>
      <c r="AJ31" s="176">
        <v>0</v>
      </c>
      <c r="AK31" s="177">
        <v>0</v>
      </c>
      <c r="AL31" s="182">
        <v>0</v>
      </c>
      <c r="AM31" s="179">
        <v>0</v>
      </c>
      <c r="AN31" s="177">
        <v>0</v>
      </c>
      <c r="AO31" s="177">
        <v>12</v>
      </c>
      <c r="AP31" s="177">
        <v>0</v>
      </c>
      <c r="AQ31" s="177">
        <v>0</v>
      </c>
      <c r="AR31" s="177">
        <v>0</v>
      </c>
      <c r="AS31" s="182">
        <v>12</v>
      </c>
      <c r="AT31" s="181">
        <v>12</v>
      </c>
      <c r="AU31" s="176">
        <v>0</v>
      </c>
      <c r="AV31" s="177">
        <v>0</v>
      </c>
      <c r="AW31" s="182">
        <v>0</v>
      </c>
      <c r="AX31" s="179">
        <v>0</v>
      </c>
      <c r="AY31" s="177">
        <v>0</v>
      </c>
      <c r="AZ31" s="177">
        <v>20</v>
      </c>
      <c r="BA31" s="177">
        <v>26</v>
      </c>
      <c r="BB31" s="177">
        <v>0</v>
      </c>
      <c r="BC31" s="177">
        <v>0</v>
      </c>
      <c r="BD31" s="180">
        <v>46</v>
      </c>
      <c r="BE31" s="181">
        <v>46</v>
      </c>
      <c r="BF31" s="176">
        <v>0</v>
      </c>
      <c r="BG31" s="177">
        <v>0</v>
      </c>
      <c r="BH31" s="182">
        <v>0</v>
      </c>
      <c r="BI31" s="179">
        <v>0</v>
      </c>
      <c r="BJ31" s="177">
        <v>3</v>
      </c>
      <c r="BK31" s="177">
        <v>0</v>
      </c>
      <c r="BL31" s="177">
        <v>8</v>
      </c>
      <c r="BM31" s="177">
        <v>8</v>
      </c>
      <c r="BN31" s="177">
        <v>0</v>
      </c>
      <c r="BO31" s="182">
        <v>19</v>
      </c>
      <c r="BP31" s="181">
        <v>19</v>
      </c>
      <c r="BQ31" s="176">
        <v>0</v>
      </c>
      <c r="BR31" s="177">
        <v>0</v>
      </c>
      <c r="BS31" s="182">
        <v>0</v>
      </c>
      <c r="BT31" s="179">
        <v>0</v>
      </c>
      <c r="BU31" s="177">
        <v>0</v>
      </c>
      <c r="BV31" s="177">
        <v>2</v>
      </c>
      <c r="BW31" s="177">
        <v>0</v>
      </c>
      <c r="BX31" s="177">
        <v>0</v>
      </c>
      <c r="BY31" s="177">
        <v>0</v>
      </c>
      <c r="BZ31" s="182">
        <v>2</v>
      </c>
      <c r="CA31" s="181">
        <v>2</v>
      </c>
      <c r="CB31" s="176">
        <v>0</v>
      </c>
      <c r="CC31" s="177">
        <v>0</v>
      </c>
      <c r="CD31" s="182">
        <v>0</v>
      </c>
      <c r="CE31" s="179">
        <v>0</v>
      </c>
      <c r="CF31" s="177">
        <v>0</v>
      </c>
      <c r="CG31" s="177">
        <v>0</v>
      </c>
      <c r="CH31" s="177">
        <v>0</v>
      </c>
      <c r="CI31" s="177">
        <v>0</v>
      </c>
      <c r="CJ31" s="177">
        <v>0</v>
      </c>
      <c r="CK31" s="182">
        <v>0</v>
      </c>
      <c r="CL31" s="181">
        <v>0</v>
      </c>
      <c r="CM31" s="176">
        <v>0</v>
      </c>
      <c r="CN31" s="177">
        <v>0</v>
      </c>
      <c r="CO31" s="182">
        <v>0</v>
      </c>
      <c r="CP31" s="179">
        <v>0</v>
      </c>
      <c r="CQ31" s="177">
        <v>0</v>
      </c>
      <c r="CR31" s="177">
        <v>0</v>
      </c>
      <c r="CS31" s="177">
        <v>0</v>
      </c>
      <c r="CT31" s="177">
        <v>0</v>
      </c>
      <c r="CU31" s="177">
        <v>0</v>
      </c>
      <c r="CV31" s="182">
        <v>0</v>
      </c>
      <c r="CW31" s="181">
        <v>0</v>
      </c>
      <c r="CX31" s="176">
        <v>0</v>
      </c>
      <c r="CY31" s="177">
        <v>0</v>
      </c>
      <c r="CZ31" s="182">
        <v>0</v>
      </c>
      <c r="DA31" s="179">
        <v>0</v>
      </c>
      <c r="DB31" s="177">
        <v>0</v>
      </c>
      <c r="DC31" s="177">
        <v>0</v>
      </c>
      <c r="DD31" s="177">
        <v>0</v>
      </c>
      <c r="DE31" s="177">
        <v>0</v>
      </c>
      <c r="DF31" s="177">
        <v>0</v>
      </c>
      <c r="DG31" s="182">
        <v>0</v>
      </c>
      <c r="DH31" s="181">
        <v>0</v>
      </c>
    </row>
    <row r="32" spans="2:112" ht="21" customHeight="1" x14ac:dyDescent="0.2">
      <c r="B32" s="92" t="s">
        <v>30</v>
      </c>
      <c r="C32" s="176">
        <v>0</v>
      </c>
      <c r="D32" s="177">
        <v>0</v>
      </c>
      <c r="E32" s="178">
        <v>0</v>
      </c>
      <c r="F32" s="179">
        <v>0</v>
      </c>
      <c r="G32" s="177">
        <v>9</v>
      </c>
      <c r="H32" s="177">
        <v>0</v>
      </c>
      <c r="I32" s="177">
        <v>0</v>
      </c>
      <c r="J32" s="177">
        <v>30</v>
      </c>
      <c r="K32" s="177">
        <v>60</v>
      </c>
      <c r="L32" s="180">
        <v>99</v>
      </c>
      <c r="M32" s="181">
        <v>99</v>
      </c>
      <c r="N32" s="176">
        <v>0</v>
      </c>
      <c r="O32" s="177">
        <v>0</v>
      </c>
      <c r="P32" s="182">
        <v>0</v>
      </c>
      <c r="Q32" s="179">
        <v>0</v>
      </c>
      <c r="R32" s="177">
        <v>0</v>
      </c>
      <c r="S32" s="177">
        <v>0</v>
      </c>
      <c r="T32" s="177">
        <v>0</v>
      </c>
      <c r="U32" s="177">
        <v>8</v>
      </c>
      <c r="V32" s="177">
        <v>0</v>
      </c>
      <c r="W32" s="182">
        <v>8</v>
      </c>
      <c r="X32" s="181">
        <v>8</v>
      </c>
      <c r="Y32" s="176">
        <v>8</v>
      </c>
      <c r="Z32" s="177">
        <v>8</v>
      </c>
      <c r="AA32" s="182">
        <v>16</v>
      </c>
      <c r="AB32" s="179">
        <v>0</v>
      </c>
      <c r="AC32" s="177">
        <v>0</v>
      </c>
      <c r="AD32" s="177">
        <v>0</v>
      </c>
      <c r="AE32" s="177">
        <v>7</v>
      </c>
      <c r="AF32" s="177">
        <v>18</v>
      </c>
      <c r="AG32" s="177">
        <v>9</v>
      </c>
      <c r="AH32" s="182">
        <v>34</v>
      </c>
      <c r="AI32" s="181">
        <v>50</v>
      </c>
      <c r="AJ32" s="176">
        <v>0</v>
      </c>
      <c r="AK32" s="177">
        <v>0</v>
      </c>
      <c r="AL32" s="182">
        <v>0</v>
      </c>
      <c r="AM32" s="179">
        <v>0</v>
      </c>
      <c r="AN32" s="177">
        <v>0</v>
      </c>
      <c r="AO32" s="177">
        <v>0</v>
      </c>
      <c r="AP32" s="177">
        <v>0</v>
      </c>
      <c r="AQ32" s="177">
        <v>0</v>
      </c>
      <c r="AR32" s="177">
        <v>0</v>
      </c>
      <c r="AS32" s="182">
        <v>0</v>
      </c>
      <c r="AT32" s="181">
        <v>0</v>
      </c>
      <c r="AU32" s="176">
        <v>0</v>
      </c>
      <c r="AV32" s="177">
        <v>0</v>
      </c>
      <c r="AW32" s="182">
        <v>0</v>
      </c>
      <c r="AX32" s="179">
        <v>0</v>
      </c>
      <c r="AY32" s="177">
        <v>23</v>
      </c>
      <c r="AZ32" s="177">
        <v>3</v>
      </c>
      <c r="BA32" s="177">
        <v>0</v>
      </c>
      <c r="BB32" s="177">
        <v>13</v>
      </c>
      <c r="BC32" s="177">
        <v>3</v>
      </c>
      <c r="BD32" s="180">
        <v>42</v>
      </c>
      <c r="BE32" s="181">
        <v>42</v>
      </c>
      <c r="BF32" s="176">
        <v>0</v>
      </c>
      <c r="BG32" s="177">
        <v>0</v>
      </c>
      <c r="BH32" s="182">
        <v>0</v>
      </c>
      <c r="BI32" s="179">
        <v>0</v>
      </c>
      <c r="BJ32" s="177">
        <v>8</v>
      </c>
      <c r="BK32" s="177">
        <v>0</v>
      </c>
      <c r="BL32" s="177">
        <v>0</v>
      </c>
      <c r="BM32" s="177">
        <v>0</v>
      </c>
      <c r="BN32" s="177">
        <v>0</v>
      </c>
      <c r="BO32" s="182">
        <v>8</v>
      </c>
      <c r="BP32" s="181">
        <v>8</v>
      </c>
      <c r="BQ32" s="176">
        <v>0</v>
      </c>
      <c r="BR32" s="177">
        <v>0</v>
      </c>
      <c r="BS32" s="182">
        <v>0</v>
      </c>
      <c r="BT32" s="179">
        <v>0</v>
      </c>
      <c r="BU32" s="177">
        <v>0</v>
      </c>
      <c r="BV32" s="177">
        <v>0</v>
      </c>
      <c r="BW32" s="177">
        <v>6</v>
      </c>
      <c r="BX32" s="177">
        <v>0</v>
      </c>
      <c r="BY32" s="177">
        <v>0</v>
      </c>
      <c r="BZ32" s="182">
        <v>6</v>
      </c>
      <c r="CA32" s="181">
        <v>6</v>
      </c>
      <c r="CB32" s="176">
        <v>0</v>
      </c>
      <c r="CC32" s="177">
        <v>0</v>
      </c>
      <c r="CD32" s="182">
        <v>0</v>
      </c>
      <c r="CE32" s="179">
        <v>0</v>
      </c>
      <c r="CF32" s="177">
        <v>0</v>
      </c>
      <c r="CG32" s="177">
        <v>0</v>
      </c>
      <c r="CH32" s="177">
        <v>0</v>
      </c>
      <c r="CI32" s="177">
        <v>0</v>
      </c>
      <c r="CJ32" s="177">
        <v>0</v>
      </c>
      <c r="CK32" s="182">
        <v>0</v>
      </c>
      <c r="CL32" s="181">
        <v>0</v>
      </c>
      <c r="CM32" s="176">
        <v>0</v>
      </c>
      <c r="CN32" s="177">
        <v>0</v>
      </c>
      <c r="CO32" s="182">
        <v>0</v>
      </c>
      <c r="CP32" s="179">
        <v>0</v>
      </c>
      <c r="CQ32" s="177">
        <v>0</v>
      </c>
      <c r="CR32" s="177">
        <v>0</v>
      </c>
      <c r="CS32" s="177">
        <v>0</v>
      </c>
      <c r="CT32" s="177">
        <v>0</v>
      </c>
      <c r="CU32" s="177">
        <v>0</v>
      </c>
      <c r="CV32" s="182">
        <v>0</v>
      </c>
      <c r="CW32" s="181">
        <v>0</v>
      </c>
      <c r="CX32" s="176">
        <v>0</v>
      </c>
      <c r="CY32" s="177">
        <v>0</v>
      </c>
      <c r="CZ32" s="182">
        <v>0</v>
      </c>
      <c r="DA32" s="179">
        <v>0</v>
      </c>
      <c r="DB32" s="177">
        <v>0</v>
      </c>
      <c r="DC32" s="177">
        <v>0</v>
      </c>
      <c r="DD32" s="177">
        <v>0</v>
      </c>
      <c r="DE32" s="177">
        <v>0</v>
      </c>
      <c r="DF32" s="177">
        <v>0</v>
      </c>
      <c r="DG32" s="182">
        <v>0</v>
      </c>
      <c r="DH32" s="181">
        <v>0</v>
      </c>
    </row>
    <row r="33" spans="2:112" ht="21" customHeight="1" x14ac:dyDescent="0.2">
      <c r="B33" s="92" t="s">
        <v>31</v>
      </c>
      <c r="C33" s="176">
        <v>0</v>
      </c>
      <c r="D33" s="177">
        <v>0</v>
      </c>
      <c r="E33" s="178">
        <v>0</v>
      </c>
      <c r="F33" s="179">
        <v>0</v>
      </c>
      <c r="G33" s="177">
        <v>0</v>
      </c>
      <c r="H33" s="177">
        <v>14</v>
      </c>
      <c r="I33" s="177">
        <v>64</v>
      </c>
      <c r="J33" s="177">
        <v>0</v>
      </c>
      <c r="K33" s="177">
        <v>0</v>
      </c>
      <c r="L33" s="180">
        <v>78</v>
      </c>
      <c r="M33" s="181">
        <v>78</v>
      </c>
      <c r="N33" s="176">
        <v>0</v>
      </c>
      <c r="O33" s="177">
        <v>0</v>
      </c>
      <c r="P33" s="182">
        <v>0</v>
      </c>
      <c r="Q33" s="179">
        <v>0</v>
      </c>
      <c r="R33" s="177">
        <v>0</v>
      </c>
      <c r="S33" s="177">
        <v>9</v>
      </c>
      <c r="T33" s="177">
        <v>0</v>
      </c>
      <c r="U33" s="177">
        <v>0</v>
      </c>
      <c r="V33" s="177">
        <v>0</v>
      </c>
      <c r="W33" s="182">
        <v>9</v>
      </c>
      <c r="X33" s="181">
        <v>9</v>
      </c>
      <c r="Y33" s="176">
        <v>0</v>
      </c>
      <c r="Z33" s="177">
        <v>0</v>
      </c>
      <c r="AA33" s="182">
        <v>0</v>
      </c>
      <c r="AB33" s="179">
        <v>0</v>
      </c>
      <c r="AC33" s="177">
        <v>0</v>
      </c>
      <c r="AD33" s="177">
        <v>13</v>
      </c>
      <c r="AE33" s="177">
        <v>9</v>
      </c>
      <c r="AF33" s="177">
        <v>0</v>
      </c>
      <c r="AG33" s="177">
        <v>0</v>
      </c>
      <c r="AH33" s="182">
        <v>22</v>
      </c>
      <c r="AI33" s="181">
        <v>22</v>
      </c>
      <c r="AJ33" s="176">
        <v>0</v>
      </c>
      <c r="AK33" s="177">
        <v>0</v>
      </c>
      <c r="AL33" s="182">
        <v>0</v>
      </c>
      <c r="AM33" s="179">
        <v>0</v>
      </c>
      <c r="AN33" s="177">
        <v>0</v>
      </c>
      <c r="AO33" s="177">
        <v>0</v>
      </c>
      <c r="AP33" s="177">
        <v>0</v>
      </c>
      <c r="AQ33" s="177">
        <v>0</v>
      </c>
      <c r="AR33" s="177">
        <v>0</v>
      </c>
      <c r="AS33" s="182">
        <v>0</v>
      </c>
      <c r="AT33" s="181">
        <v>0</v>
      </c>
      <c r="AU33" s="176">
        <v>0</v>
      </c>
      <c r="AV33" s="177">
        <v>0</v>
      </c>
      <c r="AW33" s="182">
        <v>0</v>
      </c>
      <c r="AX33" s="179">
        <v>0</v>
      </c>
      <c r="AY33" s="177">
        <v>27</v>
      </c>
      <c r="AZ33" s="177">
        <v>21</v>
      </c>
      <c r="BA33" s="177">
        <v>0</v>
      </c>
      <c r="BB33" s="177">
        <v>7</v>
      </c>
      <c r="BC33" s="177">
        <v>0</v>
      </c>
      <c r="BD33" s="180">
        <v>55</v>
      </c>
      <c r="BE33" s="181">
        <v>55</v>
      </c>
      <c r="BF33" s="176">
        <v>0</v>
      </c>
      <c r="BG33" s="177">
        <v>0</v>
      </c>
      <c r="BH33" s="182">
        <v>0</v>
      </c>
      <c r="BI33" s="179">
        <v>0</v>
      </c>
      <c r="BJ33" s="177">
        <v>7</v>
      </c>
      <c r="BK33" s="177">
        <v>12</v>
      </c>
      <c r="BL33" s="177">
        <v>6</v>
      </c>
      <c r="BM33" s="177">
        <v>0</v>
      </c>
      <c r="BN33" s="177">
        <v>0</v>
      </c>
      <c r="BO33" s="182">
        <v>25</v>
      </c>
      <c r="BP33" s="181">
        <v>25</v>
      </c>
      <c r="BQ33" s="176">
        <v>0</v>
      </c>
      <c r="BR33" s="177">
        <v>2</v>
      </c>
      <c r="BS33" s="182">
        <v>2</v>
      </c>
      <c r="BT33" s="179">
        <v>0</v>
      </c>
      <c r="BU33" s="177">
        <v>0</v>
      </c>
      <c r="BV33" s="177">
        <v>0</v>
      </c>
      <c r="BW33" s="177">
        <v>0</v>
      </c>
      <c r="BX33" s="177">
        <v>3</v>
      </c>
      <c r="BY33" s="177">
        <v>0</v>
      </c>
      <c r="BZ33" s="182">
        <v>3</v>
      </c>
      <c r="CA33" s="181">
        <v>5</v>
      </c>
      <c r="CB33" s="176">
        <v>0</v>
      </c>
      <c r="CC33" s="177">
        <v>0</v>
      </c>
      <c r="CD33" s="182">
        <v>0</v>
      </c>
      <c r="CE33" s="179">
        <v>0</v>
      </c>
      <c r="CF33" s="177">
        <v>0</v>
      </c>
      <c r="CG33" s="177">
        <v>0</v>
      </c>
      <c r="CH33" s="177">
        <v>0</v>
      </c>
      <c r="CI33" s="177">
        <v>0</v>
      </c>
      <c r="CJ33" s="177">
        <v>0</v>
      </c>
      <c r="CK33" s="182">
        <v>0</v>
      </c>
      <c r="CL33" s="181">
        <v>0</v>
      </c>
      <c r="CM33" s="176">
        <v>0</v>
      </c>
      <c r="CN33" s="177">
        <v>0</v>
      </c>
      <c r="CO33" s="182">
        <v>0</v>
      </c>
      <c r="CP33" s="179">
        <v>0</v>
      </c>
      <c r="CQ33" s="177">
        <v>0</v>
      </c>
      <c r="CR33" s="177">
        <v>0</v>
      </c>
      <c r="CS33" s="177">
        <v>0</v>
      </c>
      <c r="CT33" s="177">
        <v>0</v>
      </c>
      <c r="CU33" s="177">
        <v>0</v>
      </c>
      <c r="CV33" s="182">
        <v>0</v>
      </c>
      <c r="CW33" s="181">
        <v>0</v>
      </c>
      <c r="CX33" s="176">
        <v>0</v>
      </c>
      <c r="CY33" s="177">
        <v>0</v>
      </c>
      <c r="CZ33" s="182">
        <v>0</v>
      </c>
      <c r="DA33" s="179">
        <v>0</v>
      </c>
      <c r="DB33" s="177">
        <v>0</v>
      </c>
      <c r="DC33" s="177">
        <v>0</v>
      </c>
      <c r="DD33" s="177">
        <v>0</v>
      </c>
      <c r="DE33" s="177">
        <v>0</v>
      </c>
      <c r="DF33" s="177">
        <v>0</v>
      </c>
      <c r="DG33" s="182">
        <v>0</v>
      </c>
      <c r="DH33" s="181">
        <v>0</v>
      </c>
    </row>
    <row r="34" spans="2:112" ht="21" customHeight="1" x14ac:dyDescent="0.2">
      <c r="B34" s="92" t="s">
        <v>32</v>
      </c>
      <c r="C34" s="176">
        <v>0</v>
      </c>
      <c r="D34" s="177">
        <v>0</v>
      </c>
      <c r="E34" s="178">
        <v>0</v>
      </c>
      <c r="F34" s="179">
        <v>0</v>
      </c>
      <c r="G34" s="177">
        <v>23</v>
      </c>
      <c r="H34" s="177">
        <v>186</v>
      </c>
      <c r="I34" s="177">
        <v>35</v>
      </c>
      <c r="J34" s="177">
        <v>0</v>
      </c>
      <c r="K34" s="177">
        <v>85</v>
      </c>
      <c r="L34" s="180">
        <v>329</v>
      </c>
      <c r="M34" s="181">
        <v>329</v>
      </c>
      <c r="N34" s="176">
        <v>0</v>
      </c>
      <c r="O34" s="177">
        <v>0</v>
      </c>
      <c r="P34" s="182">
        <v>0</v>
      </c>
      <c r="Q34" s="179">
        <v>0</v>
      </c>
      <c r="R34" s="177">
        <v>0</v>
      </c>
      <c r="S34" s="177">
        <v>0</v>
      </c>
      <c r="T34" s="177">
        <v>0</v>
      </c>
      <c r="U34" s="177">
        <v>0</v>
      </c>
      <c r="V34" s="177">
        <v>4</v>
      </c>
      <c r="W34" s="182">
        <v>4</v>
      </c>
      <c r="X34" s="181">
        <v>4</v>
      </c>
      <c r="Y34" s="176">
        <v>4</v>
      </c>
      <c r="Z34" s="177">
        <v>0</v>
      </c>
      <c r="AA34" s="182">
        <v>4</v>
      </c>
      <c r="AB34" s="179">
        <v>0</v>
      </c>
      <c r="AC34" s="177">
        <v>31</v>
      </c>
      <c r="AD34" s="177">
        <v>27</v>
      </c>
      <c r="AE34" s="177">
        <v>0</v>
      </c>
      <c r="AF34" s="177">
        <v>0</v>
      </c>
      <c r="AG34" s="177">
        <v>5</v>
      </c>
      <c r="AH34" s="182">
        <v>63</v>
      </c>
      <c r="AI34" s="181">
        <v>67</v>
      </c>
      <c r="AJ34" s="176">
        <v>0</v>
      </c>
      <c r="AK34" s="177">
        <v>0</v>
      </c>
      <c r="AL34" s="182">
        <v>0</v>
      </c>
      <c r="AM34" s="179">
        <v>0</v>
      </c>
      <c r="AN34" s="177">
        <v>24</v>
      </c>
      <c r="AO34" s="177">
        <v>0</v>
      </c>
      <c r="AP34" s="177">
        <v>0</v>
      </c>
      <c r="AQ34" s="177">
        <v>0</v>
      </c>
      <c r="AR34" s="177">
        <v>0</v>
      </c>
      <c r="AS34" s="182">
        <v>24</v>
      </c>
      <c r="AT34" s="181">
        <v>24</v>
      </c>
      <c r="AU34" s="176">
        <v>0</v>
      </c>
      <c r="AV34" s="177">
        <v>0</v>
      </c>
      <c r="AW34" s="182">
        <v>0</v>
      </c>
      <c r="AX34" s="179">
        <v>0</v>
      </c>
      <c r="AY34" s="177">
        <v>13</v>
      </c>
      <c r="AZ34" s="177">
        <v>43</v>
      </c>
      <c r="BA34" s="177">
        <v>35</v>
      </c>
      <c r="BB34" s="177">
        <v>0</v>
      </c>
      <c r="BC34" s="177">
        <v>0</v>
      </c>
      <c r="BD34" s="180">
        <v>91</v>
      </c>
      <c r="BE34" s="181">
        <v>91</v>
      </c>
      <c r="BF34" s="176">
        <v>0</v>
      </c>
      <c r="BG34" s="177">
        <v>0</v>
      </c>
      <c r="BH34" s="182">
        <v>0</v>
      </c>
      <c r="BI34" s="179">
        <v>0</v>
      </c>
      <c r="BJ34" s="177">
        <v>0</v>
      </c>
      <c r="BK34" s="177">
        <v>11</v>
      </c>
      <c r="BL34" s="177">
        <v>0</v>
      </c>
      <c r="BM34" s="177">
        <v>0</v>
      </c>
      <c r="BN34" s="177">
        <v>0</v>
      </c>
      <c r="BO34" s="182">
        <v>11</v>
      </c>
      <c r="BP34" s="181">
        <v>11</v>
      </c>
      <c r="BQ34" s="176">
        <v>0</v>
      </c>
      <c r="BR34" s="177">
        <v>0</v>
      </c>
      <c r="BS34" s="182">
        <v>0</v>
      </c>
      <c r="BT34" s="179">
        <v>0</v>
      </c>
      <c r="BU34" s="177">
        <v>0</v>
      </c>
      <c r="BV34" s="177">
        <v>2</v>
      </c>
      <c r="BW34" s="177">
        <v>0</v>
      </c>
      <c r="BX34" s="177">
        <v>0</v>
      </c>
      <c r="BY34" s="177">
        <v>0</v>
      </c>
      <c r="BZ34" s="182">
        <v>2</v>
      </c>
      <c r="CA34" s="181">
        <v>2</v>
      </c>
      <c r="CB34" s="176">
        <v>0</v>
      </c>
      <c r="CC34" s="177">
        <v>0</v>
      </c>
      <c r="CD34" s="182">
        <v>0</v>
      </c>
      <c r="CE34" s="179">
        <v>0</v>
      </c>
      <c r="CF34" s="177">
        <v>0</v>
      </c>
      <c r="CG34" s="177">
        <v>0</v>
      </c>
      <c r="CH34" s="177">
        <v>0</v>
      </c>
      <c r="CI34" s="177">
        <v>0</v>
      </c>
      <c r="CJ34" s="177">
        <v>0</v>
      </c>
      <c r="CK34" s="182">
        <v>0</v>
      </c>
      <c r="CL34" s="181">
        <v>0</v>
      </c>
      <c r="CM34" s="176">
        <v>0</v>
      </c>
      <c r="CN34" s="177">
        <v>0</v>
      </c>
      <c r="CO34" s="182">
        <v>0</v>
      </c>
      <c r="CP34" s="179">
        <v>0</v>
      </c>
      <c r="CQ34" s="177">
        <v>0</v>
      </c>
      <c r="CR34" s="177">
        <v>0</v>
      </c>
      <c r="CS34" s="177">
        <v>0</v>
      </c>
      <c r="CT34" s="177">
        <v>0</v>
      </c>
      <c r="CU34" s="177">
        <v>0</v>
      </c>
      <c r="CV34" s="182">
        <v>0</v>
      </c>
      <c r="CW34" s="181">
        <v>0</v>
      </c>
      <c r="CX34" s="176">
        <v>0</v>
      </c>
      <c r="CY34" s="177">
        <v>0</v>
      </c>
      <c r="CZ34" s="182">
        <v>0</v>
      </c>
      <c r="DA34" s="179">
        <v>0</v>
      </c>
      <c r="DB34" s="177">
        <v>0</v>
      </c>
      <c r="DC34" s="177">
        <v>0</v>
      </c>
      <c r="DD34" s="177">
        <v>0</v>
      </c>
      <c r="DE34" s="177">
        <v>0</v>
      </c>
      <c r="DF34" s="177">
        <v>0</v>
      </c>
      <c r="DG34" s="182">
        <v>0</v>
      </c>
      <c r="DH34" s="181">
        <v>0</v>
      </c>
    </row>
    <row r="35" spans="2:112" ht="21" customHeight="1" x14ac:dyDescent="0.2">
      <c r="B35" s="92" t="s">
        <v>33</v>
      </c>
      <c r="C35" s="176">
        <v>0</v>
      </c>
      <c r="D35" s="177">
        <v>0</v>
      </c>
      <c r="E35" s="178">
        <v>0</v>
      </c>
      <c r="F35" s="179">
        <v>0</v>
      </c>
      <c r="G35" s="177">
        <v>17</v>
      </c>
      <c r="H35" s="177">
        <v>0</v>
      </c>
      <c r="I35" s="177">
        <v>24</v>
      </c>
      <c r="J35" s="177">
        <v>0</v>
      </c>
      <c r="K35" s="177">
        <v>0</v>
      </c>
      <c r="L35" s="180">
        <v>41</v>
      </c>
      <c r="M35" s="181">
        <v>41</v>
      </c>
      <c r="N35" s="176">
        <v>0</v>
      </c>
      <c r="O35" s="177">
        <v>0</v>
      </c>
      <c r="P35" s="182">
        <v>0</v>
      </c>
      <c r="Q35" s="179">
        <v>0</v>
      </c>
      <c r="R35" s="177">
        <v>0</v>
      </c>
      <c r="S35" s="177">
        <v>0</v>
      </c>
      <c r="T35" s="177">
        <v>0</v>
      </c>
      <c r="U35" s="177">
        <v>0</v>
      </c>
      <c r="V35" s="177">
        <v>0</v>
      </c>
      <c r="W35" s="182">
        <v>0</v>
      </c>
      <c r="X35" s="181">
        <v>0</v>
      </c>
      <c r="Y35" s="176">
        <v>0</v>
      </c>
      <c r="Z35" s="177">
        <v>0</v>
      </c>
      <c r="AA35" s="182">
        <v>0</v>
      </c>
      <c r="AB35" s="179">
        <v>0</v>
      </c>
      <c r="AC35" s="177">
        <v>4</v>
      </c>
      <c r="AD35" s="177">
        <v>0</v>
      </c>
      <c r="AE35" s="177">
        <v>9</v>
      </c>
      <c r="AF35" s="177">
        <v>0</v>
      </c>
      <c r="AG35" s="177">
        <v>0</v>
      </c>
      <c r="AH35" s="182">
        <v>13</v>
      </c>
      <c r="AI35" s="181">
        <v>13</v>
      </c>
      <c r="AJ35" s="176">
        <v>27</v>
      </c>
      <c r="AK35" s="177">
        <v>20</v>
      </c>
      <c r="AL35" s="182">
        <v>47</v>
      </c>
      <c r="AM35" s="179">
        <v>0</v>
      </c>
      <c r="AN35" s="177">
        <v>60</v>
      </c>
      <c r="AO35" s="177">
        <v>0</v>
      </c>
      <c r="AP35" s="177">
        <v>72</v>
      </c>
      <c r="AQ35" s="177">
        <v>0</v>
      </c>
      <c r="AR35" s="177">
        <v>0</v>
      </c>
      <c r="AS35" s="182">
        <v>132</v>
      </c>
      <c r="AT35" s="181">
        <v>179</v>
      </c>
      <c r="AU35" s="176">
        <v>0</v>
      </c>
      <c r="AV35" s="177">
        <v>0</v>
      </c>
      <c r="AW35" s="182">
        <v>0</v>
      </c>
      <c r="AX35" s="179">
        <v>0</v>
      </c>
      <c r="AY35" s="177">
        <v>0</v>
      </c>
      <c r="AZ35" s="177">
        <v>0</v>
      </c>
      <c r="BA35" s="177">
        <v>0</v>
      </c>
      <c r="BB35" s="177">
        <v>0</v>
      </c>
      <c r="BC35" s="177">
        <v>0</v>
      </c>
      <c r="BD35" s="180">
        <v>0</v>
      </c>
      <c r="BE35" s="181">
        <v>0</v>
      </c>
      <c r="BF35" s="176">
        <v>0</v>
      </c>
      <c r="BG35" s="177">
        <v>0</v>
      </c>
      <c r="BH35" s="182">
        <v>0</v>
      </c>
      <c r="BI35" s="179">
        <v>0</v>
      </c>
      <c r="BJ35" s="177">
        <v>0</v>
      </c>
      <c r="BK35" s="177">
        <v>0</v>
      </c>
      <c r="BL35" s="177">
        <v>0</v>
      </c>
      <c r="BM35" s="177">
        <v>0</v>
      </c>
      <c r="BN35" s="177">
        <v>0</v>
      </c>
      <c r="BO35" s="182">
        <v>0</v>
      </c>
      <c r="BP35" s="181">
        <v>0</v>
      </c>
      <c r="BQ35" s="176">
        <v>0</v>
      </c>
      <c r="BR35" s="177">
        <v>0</v>
      </c>
      <c r="BS35" s="182">
        <v>0</v>
      </c>
      <c r="BT35" s="179">
        <v>0</v>
      </c>
      <c r="BU35" s="177">
        <v>0</v>
      </c>
      <c r="BV35" s="177">
        <v>0</v>
      </c>
      <c r="BW35" s="177">
        <v>0</v>
      </c>
      <c r="BX35" s="177">
        <v>0</v>
      </c>
      <c r="BY35" s="177">
        <v>30</v>
      </c>
      <c r="BZ35" s="182">
        <v>30</v>
      </c>
      <c r="CA35" s="181">
        <v>30</v>
      </c>
      <c r="CB35" s="176">
        <v>0</v>
      </c>
      <c r="CC35" s="177">
        <v>0</v>
      </c>
      <c r="CD35" s="182">
        <v>0</v>
      </c>
      <c r="CE35" s="179">
        <v>0</v>
      </c>
      <c r="CF35" s="177">
        <v>0</v>
      </c>
      <c r="CG35" s="177">
        <v>0</v>
      </c>
      <c r="CH35" s="177">
        <v>0</v>
      </c>
      <c r="CI35" s="177">
        <v>0</v>
      </c>
      <c r="CJ35" s="177">
        <v>0</v>
      </c>
      <c r="CK35" s="182">
        <v>0</v>
      </c>
      <c r="CL35" s="181">
        <v>0</v>
      </c>
      <c r="CM35" s="176">
        <v>0</v>
      </c>
      <c r="CN35" s="177">
        <v>0</v>
      </c>
      <c r="CO35" s="182">
        <v>0</v>
      </c>
      <c r="CP35" s="179">
        <v>0</v>
      </c>
      <c r="CQ35" s="177">
        <v>0</v>
      </c>
      <c r="CR35" s="177">
        <v>0</v>
      </c>
      <c r="CS35" s="177">
        <v>0</v>
      </c>
      <c r="CT35" s="177">
        <v>0</v>
      </c>
      <c r="CU35" s="177">
        <v>0</v>
      </c>
      <c r="CV35" s="182">
        <v>0</v>
      </c>
      <c r="CW35" s="181">
        <v>0</v>
      </c>
      <c r="CX35" s="176">
        <v>0</v>
      </c>
      <c r="CY35" s="177">
        <v>0</v>
      </c>
      <c r="CZ35" s="182">
        <v>0</v>
      </c>
      <c r="DA35" s="179">
        <v>0</v>
      </c>
      <c r="DB35" s="177">
        <v>0</v>
      </c>
      <c r="DC35" s="177">
        <v>0</v>
      </c>
      <c r="DD35" s="177">
        <v>0</v>
      </c>
      <c r="DE35" s="177">
        <v>0</v>
      </c>
      <c r="DF35" s="177">
        <v>0</v>
      </c>
      <c r="DG35" s="182">
        <v>0</v>
      </c>
      <c r="DH35" s="181">
        <v>0</v>
      </c>
    </row>
    <row r="36" spans="2:112" ht="21" customHeight="1" x14ac:dyDescent="0.2">
      <c r="B36" s="92" t="s">
        <v>34</v>
      </c>
      <c r="C36" s="176">
        <v>0</v>
      </c>
      <c r="D36" s="177">
        <v>0</v>
      </c>
      <c r="E36" s="178">
        <v>0</v>
      </c>
      <c r="F36" s="179">
        <v>0</v>
      </c>
      <c r="G36" s="177">
        <v>0</v>
      </c>
      <c r="H36" s="177">
        <v>0</v>
      </c>
      <c r="I36" s="177">
        <v>0</v>
      </c>
      <c r="J36" s="177">
        <v>0</v>
      </c>
      <c r="K36" s="177">
        <v>0</v>
      </c>
      <c r="L36" s="180">
        <v>0</v>
      </c>
      <c r="M36" s="181">
        <v>0</v>
      </c>
      <c r="N36" s="176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0</v>
      </c>
      <c r="T36" s="177">
        <v>0</v>
      </c>
      <c r="U36" s="177">
        <v>0</v>
      </c>
      <c r="V36" s="177">
        <v>0</v>
      </c>
      <c r="W36" s="182">
        <v>0</v>
      </c>
      <c r="X36" s="181">
        <v>0</v>
      </c>
      <c r="Y36" s="176">
        <v>0</v>
      </c>
      <c r="Z36" s="177">
        <v>0</v>
      </c>
      <c r="AA36" s="182">
        <v>0</v>
      </c>
      <c r="AB36" s="179">
        <v>0</v>
      </c>
      <c r="AC36" s="177">
        <v>5</v>
      </c>
      <c r="AD36" s="177">
        <v>35</v>
      </c>
      <c r="AE36" s="177">
        <v>0</v>
      </c>
      <c r="AF36" s="177">
        <v>0</v>
      </c>
      <c r="AG36" s="177">
        <v>14</v>
      </c>
      <c r="AH36" s="182">
        <v>54</v>
      </c>
      <c r="AI36" s="181">
        <v>54</v>
      </c>
      <c r="AJ36" s="176">
        <v>0</v>
      </c>
      <c r="AK36" s="177">
        <v>0</v>
      </c>
      <c r="AL36" s="182">
        <v>0</v>
      </c>
      <c r="AM36" s="179">
        <v>0</v>
      </c>
      <c r="AN36" s="177">
        <v>0</v>
      </c>
      <c r="AO36" s="177">
        <v>0</v>
      </c>
      <c r="AP36" s="177">
        <v>0</v>
      </c>
      <c r="AQ36" s="177">
        <v>0</v>
      </c>
      <c r="AR36" s="177">
        <v>16</v>
      </c>
      <c r="AS36" s="182">
        <v>16</v>
      </c>
      <c r="AT36" s="181">
        <v>16</v>
      </c>
      <c r="AU36" s="176">
        <v>0</v>
      </c>
      <c r="AV36" s="177">
        <v>0</v>
      </c>
      <c r="AW36" s="182">
        <v>0</v>
      </c>
      <c r="AX36" s="179">
        <v>0</v>
      </c>
      <c r="AY36" s="177">
        <v>7</v>
      </c>
      <c r="AZ36" s="177">
        <v>12</v>
      </c>
      <c r="BA36" s="177">
        <v>8</v>
      </c>
      <c r="BB36" s="177">
        <v>0</v>
      </c>
      <c r="BC36" s="177">
        <v>0</v>
      </c>
      <c r="BD36" s="180">
        <v>27</v>
      </c>
      <c r="BE36" s="181">
        <v>27</v>
      </c>
      <c r="BF36" s="176">
        <v>0</v>
      </c>
      <c r="BG36" s="177">
        <v>0</v>
      </c>
      <c r="BH36" s="182">
        <v>0</v>
      </c>
      <c r="BI36" s="179">
        <v>0</v>
      </c>
      <c r="BJ36" s="177">
        <v>0</v>
      </c>
      <c r="BK36" s="177">
        <v>0</v>
      </c>
      <c r="BL36" s="177">
        <v>0</v>
      </c>
      <c r="BM36" s="177">
        <v>0</v>
      </c>
      <c r="BN36" s="177">
        <v>0</v>
      </c>
      <c r="BO36" s="182">
        <v>0</v>
      </c>
      <c r="BP36" s="181">
        <v>0</v>
      </c>
      <c r="BQ36" s="176">
        <v>0</v>
      </c>
      <c r="BR36" s="177">
        <v>0</v>
      </c>
      <c r="BS36" s="182">
        <v>0</v>
      </c>
      <c r="BT36" s="179">
        <v>0</v>
      </c>
      <c r="BU36" s="177">
        <v>0</v>
      </c>
      <c r="BV36" s="177">
        <v>0</v>
      </c>
      <c r="BW36" s="177">
        <v>0</v>
      </c>
      <c r="BX36" s="177">
        <v>0</v>
      </c>
      <c r="BY36" s="177">
        <v>0</v>
      </c>
      <c r="BZ36" s="182">
        <v>0</v>
      </c>
      <c r="CA36" s="181">
        <v>0</v>
      </c>
      <c r="CB36" s="176">
        <v>0</v>
      </c>
      <c r="CC36" s="177">
        <v>0</v>
      </c>
      <c r="CD36" s="182">
        <v>0</v>
      </c>
      <c r="CE36" s="179">
        <v>0</v>
      </c>
      <c r="CF36" s="177">
        <v>0</v>
      </c>
      <c r="CG36" s="177">
        <v>0</v>
      </c>
      <c r="CH36" s="177">
        <v>0</v>
      </c>
      <c r="CI36" s="177">
        <v>0</v>
      </c>
      <c r="CJ36" s="177">
        <v>0</v>
      </c>
      <c r="CK36" s="182">
        <v>0</v>
      </c>
      <c r="CL36" s="181">
        <v>0</v>
      </c>
      <c r="CM36" s="176">
        <v>0</v>
      </c>
      <c r="CN36" s="177">
        <v>0</v>
      </c>
      <c r="CO36" s="182">
        <v>0</v>
      </c>
      <c r="CP36" s="179">
        <v>0</v>
      </c>
      <c r="CQ36" s="177">
        <v>0</v>
      </c>
      <c r="CR36" s="177">
        <v>0</v>
      </c>
      <c r="CS36" s="177">
        <v>0</v>
      </c>
      <c r="CT36" s="177">
        <v>0</v>
      </c>
      <c r="CU36" s="177">
        <v>0</v>
      </c>
      <c r="CV36" s="182">
        <v>0</v>
      </c>
      <c r="CW36" s="181">
        <v>0</v>
      </c>
      <c r="CX36" s="176">
        <v>0</v>
      </c>
      <c r="CY36" s="177">
        <v>0</v>
      </c>
      <c r="CZ36" s="182">
        <v>0</v>
      </c>
      <c r="DA36" s="179">
        <v>0</v>
      </c>
      <c r="DB36" s="177">
        <v>0</v>
      </c>
      <c r="DC36" s="177">
        <v>0</v>
      </c>
      <c r="DD36" s="177">
        <v>0</v>
      </c>
      <c r="DE36" s="177">
        <v>0</v>
      </c>
      <c r="DF36" s="177">
        <v>0</v>
      </c>
      <c r="DG36" s="182">
        <v>0</v>
      </c>
      <c r="DH36" s="181">
        <v>0</v>
      </c>
    </row>
    <row r="37" spans="2:112" ht="21" customHeight="1" x14ac:dyDescent="0.2">
      <c r="B37" s="92" t="s">
        <v>35</v>
      </c>
      <c r="C37" s="176">
        <v>0</v>
      </c>
      <c r="D37" s="177">
        <v>0</v>
      </c>
      <c r="E37" s="178">
        <v>0</v>
      </c>
      <c r="F37" s="179">
        <v>0</v>
      </c>
      <c r="G37" s="177">
        <v>7</v>
      </c>
      <c r="H37" s="177">
        <v>124</v>
      </c>
      <c r="I37" s="177">
        <v>0</v>
      </c>
      <c r="J37" s="177">
        <v>0</v>
      </c>
      <c r="K37" s="177">
        <v>0</v>
      </c>
      <c r="L37" s="180">
        <v>131</v>
      </c>
      <c r="M37" s="181">
        <v>131</v>
      </c>
      <c r="N37" s="176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0</v>
      </c>
      <c r="T37" s="177">
        <v>9</v>
      </c>
      <c r="U37" s="177">
        <v>0</v>
      </c>
      <c r="V37" s="177">
        <v>9</v>
      </c>
      <c r="W37" s="182">
        <v>18</v>
      </c>
      <c r="X37" s="181">
        <v>18</v>
      </c>
      <c r="Y37" s="176">
        <v>0</v>
      </c>
      <c r="Z37" s="177">
        <v>4</v>
      </c>
      <c r="AA37" s="182">
        <v>4</v>
      </c>
      <c r="AB37" s="179">
        <v>0</v>
      </c>
      <c r="AC37" s="177">
        <v>15</v>
      </c>
      <c r="AD37" s="177">
        <v>26</v>
      </c>
      <c r="AE37" s="177">
        <v>18</v>
      </c>
      <c r="AF37" s="177">
        <v>0</v>
      </c>
      <c r="AG37" s="177">
        <v>72</v>
      </c>
      <c r="AH37" s="182">
        <v>131</v>
      </c>
      <c r="AI37" s="181">
        <v>135</v>
      </c>
      <c r="AJ37" s="176">
        <v>0</v>
      </c>
      <c r="AK37" s="177">
        <v>9</v>
      </c>
      <c r="AL37" s="182">
        <v>9</v>
      </c>
      <c r="AM37" s="179">
        <v>0</v>
      </c>
      <c r="AN37" s="177">
        <v>27</v>
      </c>
      <c r="AO37" s="177">
        <v>0</v>
      </c>
      <c r="AP37" s="177">
        <v>0</v>
      </c>
      <c r="AQ37" s="177">
        <v>0</v>
      </c>
      <c r="AR37" s="177">
        <v>3</v>
      </c>
      <c r="AS37" s="182">
        <v>30</v>
      </c>
      <c r="AT37" s="181">
        <v>39</v>
      </c>
      <c r="AU37" s="176">
        <v>0</v>
      </c>
      <c r="AV37" s="177">
        <v>0</v>
      </c>
      <c r="AW37" s="182">
        <v>0</v>
      </c>
      <c r="AX37" s="179">
        <v>0</v>
      </c>
      <c r="AY37" s="177">
        <v>53</v>
      </c>
      <c r="AZ37" s="177">
        <v>25</v>
      </c>
      <c r="BA37" s="177">
        <v>13</v>
      </c>
      <c r="BB37" s="177">
        <v>0</v>
      </c>
      <c r="BC37" s="177">
        <v>0</v>
      </c>
      <c r="BD37" s="180">
        <v>91</v>
      </c>
      <c r="BE37" s="181">
        <v>91</v>
      </c>
      <c r="BF37" s="176">
        <v>0</v>
      </c>
      <c r="BG37" s="177">
        <v>0</v>
      </c>
      <c r="BH37" s="182">
        <v>0</v>
      </c>
      <c r="BI37" s="179">
        <v>0</v>
      </c>
      <c r="BJ37" s="177">
        <v>36</v>
      </c>
      <c r="BK37" s="177">
        <v>16</v>
      </c>
      <c r="BL37" s="177">
        <v>0</v>
      </c>
      <c r="BM37" s="177">
        <v>22</v>
      </c>
      <c r="BN37" s="177">
        <v>0</v>
      </c>
      <c r="BO37" s="182">
        <v>74</v>
      </c>
      <c r="BP37" s="181">
        <v>74</v>
      </c>
      <c r="BQ37" s="176">
        <v>0</v>
      </c>
      <c r="BR37" s="177">
        <v>0</v>
      </c>
      <c r="BS37" s="182">
        <v>0</v>
      </c>
      <c r="BT37" s="179">
        <v>0</v>
      </c>
      <c r="BU37" s="177">
        <v>0</v>
      </c>
      <c r="BV37" s="177">
        <v>0</v>
      </c>
      <c r="BW37" s="177">
        <v>0</v>
      </c>
      <c r="BX37" s="177">
        <v>0</v>
      </c>
      <c r="BY37" s="177">
        <v>3</v>
      </c>
      <c r="BZ37" s="182">
        <v>3</v>
      </c>
      <c r="CA37" s="181">
        <v>3</v>
      </c>
      <c r="CB37" s="176">
        <v>0</v>
      </c>
      <c r="CC37" s="177">
        <v>0</v>
      </c>
      <c r="CD37" s="182">
        <v>0</v>
      </c>
      <c r="CE37" s="179">
        <v>0</v>
      </c>
      <c r="CF37" s="177">
        <v>0</v>
      </c>
      <c r="CG37" s="177">
        <v>0</v>
      </c>
      <c r="CH37" s="177">
        <v>0</v>
      </c>
      <c r="CI37" s="177">
        <v>0</v>
      </c>
      <c r="CJ37" s="177">
        <v>0</v>
      </c>
      <c r="CK37" s="182">
        <v>0</v>
      </c>
      <c r="CL37" s="181">
        <v>0</v>
      </c>
      <c r="CM37" s="176">
        <v>0</v>
      </c>
      <c r="CN37" s="177">
        <v>0</v>
      </c>
      <c r="CO37" s="182">
        <v>0</v>
      </c>
      <c r="CP37" s="179">
        <v>0</v>
      </c>
      <c r="CQ37" s="177">
        <v>0</v>
      </c>
      <c r="CR37" s="177">
        <v>0</v>
      </c>
      <c r="CS37" s="177">
        <v>0</v>
      </c>
      <c r="CT37" s="177">
        <v>0</v>
      </c>
      <c r="CU37" s="177">
        <v>0</v>
      </c>
      <c r="CV37" s="182">
        <v>0</v>
      </c>
      <c r="CW37" s="181">
        <v>0</v>
      </c>
      <c r="CX37" s="176">
        <v>0</v>
      </c>
      <c r="CY37" s="177">
        <v>0</v>
      </c>
      <c r="CZ37" s="182">
        <v>0</v>
      </c>
      <c r="DA37" s="179">
        <v>0</v>
      </c>
      <c r="DB37" s="177">
        <v>0</v>
      </c>
      <c r="DC37" s="177">
        <v>0</v>
      </c>
      <c r="DD37" s="177">
        <v>0</v>
      </c>
      <c r="DE37" s="177">
        <v>0</v>
      </c>
      <c r="DF37" s="177">
        <v>0</v>
      </c>
      <c r="DG37" s="182">
        <v>0</v>
      </c>
      <c r="DH37" s="181">
        <v>0</v>
      </c>
    </row>
    <row r="38" spans="2:112" ht="21" customHeight="1" x14ac:dyDescent="0.2">
      <c r="B38" s="92" t="s">
        <v>36</v>
      </c>
      <c r="C38" s="176">
        <v>0</v>
      </c>
      <c r="D38" s="177">
        <v>0</v>
      </c>
      <c r="E38" s="178">
        <v>0</v>
      </c>
      <c r="F38" s="179">
        <v>0</v>
      </c>
      <c r="G38" s="177">
        <v>8</v>
      </c>
      <c r="H38" s="177">
        <v>0</v>
      </c>
      <c r="I38" s="177">
        <v>0</v>
      </c>
      <c r="J38" s="177">
        <v>72</v>
      </c>
      <c r="K38" s="177">
        <v>120</v>
      </c>
      <c r="L38" s="180">
        <v>200</v>
      </c>
      <c r="M38" s="181">
        <v>200</v>
      </c>
      <c r="N38" s="176">
        <v>0</v>
      </c>
      <c r="O38" s="177">
        <v>0</v>
      </c>
      <c r="P38" s="182">
        <v>0</v>
      </c>
      <c r="Q38" s="179">
        <v>0</v>
      </c>
      <c r="R38" s="177">
        <v>0</v>
      </c>
      <c r="S38" s="177">
        <v>0</v>
      </c>
      <c r="T38" s="177">
        <v>3</v>
      </c>
      <c r="U38" s="177">
        <v>0</v>
      </c>
      <c r="V38" s="177">
        <v>9</v>
      </c>
      <c r="W38" s="182">
        <v>12</v>
      </c>
      <c r="X38" s="181">
        <v>12</v>
      </c>
      <c r="Y38" s="176">
        <v>0</v>
      </c>
      <c r="Z38" s="177">
        <v>4</v>
      </c>
      <c r="AA38" s="182">
        <v>4</v>
      </c>
      <c r="AB38" s="179">
        <v>0</v>
      </c>
      <c r="AC38" s="177">
        <v>44</v>
      </c>
      <c r="AD38" s="177">
        <v>0</v>
      </c>
      <c r="AE38" s="177">
        <v>8</v>
      </c>
      <c r="AF38" s="177">
        <v>0</v>
      </c>
      <c r="AG38" s="177">
        <v>10</v>
      </c>
      <c r="AH38" s="182">
        <v>62</v>
      </c>
      <c r="AI38" s="181">
        <v>66</v>
      </c>
      <c r="AJ38" s="176">
        <v>0</v>
      </c>
      <c r="AK38" s="177">
        <v>0</v>
      </c>
      <c r="AL38" s="182">
        <v>0</v>
      </c>
      <c r="AM38" s="179">
        <v>0</v>
      </c>
      <c r="AN38" s="177">
        <v>0</v>
      </c>
      <c r="AO38" s="177">
        <v>8</v>
      </c>
      <c r="AP38" s="177">
        <v>0</v>
      </c>
      <c r="AQ38" s="177">
        <v>0</v>
      </c>
      <c r="AR38" s="177">
        <v>0</v>
      </c>
      <c r="AS38" s="182">
        <v>8</v>
      </c>
      <c r="AT38" s="181">
        <v>8</v>
      </c>
      <c r="AU38" s="176">
        <v>0</v>
      </c>
      <c r="AV38" s="177">
        <v>0</v>
      </c>
      <c r="AW38" s="182">
        <v>0</v>
      </c>
      <c r="AX38" s="179">
        <v>0</v>
      </c>
      <c r="AY38" s="177">
        <v>1</v>
      </c>
      <c r="AZ38" s="177">
        <v>12</v>
      </c>
      <c r="BA38" s="177">
        <v>0</v>
      </c>
      <c r="BB38" s="177">
        <v>0</v>
      </c>
      <c r="BC38" s="177">
        <v>0</v>
      </c>
      <c r="BD38" s="180">
        <v>13</v>
      </c>
      <c r="BE38" s="181">
        <v>13</v>
      </c>
      <c r="BF38" s="176">
        <v>0</v>
      </c>
      <c r="BG38" s="177">
        <v>0</v>
      </c>
      <c r="BH38" s="182">
        <v>0</v>
      </c>
      <c r="BI38" s="179">
        <v>0</v>
      </c>
      <c r="BJ38" s="177">
        <v>12</v>
      </c>
      <c r="BK38" s="177">
        <v>8</v>
      </c>
      <c r="BL38" s="177">
        <v>0</v>
      </c>
      <c r="BM38" s="177">
        <v>0</v>
      </c>
      <c r="BN38" s="177">
        <v>0</v>
      </c>
      <c r="BO38" s="182">
        <v>20</v>
      </c>
      <c r="BP38" s="181">
        <v>20</v>
      </c>
      <c r="BQ38" s="176">
        <v>4</v>
      </c>
      <c r="BR38" s="177">
        <v>0</v>
      </c>
      <c r="BS38" s="182">
        <v>4</v>
      </c>
      <c r="BT38" s="179">
        <v>0</v>
      </c>
      <c r="BU38" s="177">
        <v>0</v>
      </c>
      <c r="BV38" s="177">
        <v>3</v>
      </c>
      <c r="BW38" s="177">
        <v>0</v>
      </c>
      <c r="BX38" s="177">
        <v>0</v>
      </c>
      <c r="BY38" s="177">
        <v>0</v>
      </c>
      <c r="BZ38" s="182">
        <v>3</v>
      </c>
      <c r="CA38" s="181">
        <v>7</v>
      </c>
      <c r="CB38" s="176">
        <v>0</v>
      </c>
      <c r="CC38" s="177">
        <v>0</v>
      </c>
      <c r="CD38" s="182">
        <v>0</v>
      </c>
      <c r="CE38" s="179">
        <v>0</v>
      </c>
      <c r="CF38" s="177">
        <v>0</v>
      </c>
      <c r="CG38" s="177">
        <v>0</v>
      </c>
      <c r="CH38" s="177">
        <v>0</v>
      </c>
      <c r="CI38" s="177">
        <v>0</v>
      </c>
      <c r="CJ38" s="177">
        <v>0</v>
      </c>
      <c r="CK38" s="182">
        <v>0</v>
      </c>
      <c r="CL38" s="181">
        <v>0</v>
      </c>
      <c r="CM38" s="176">
        <v>0</v>
      </c>
      <c r="CN38" s="177">
        <v>0</v>
      </c>
      <c r="CO38" s="182">
        <v>0</v>
      </c>
      <c r="CP38" s="179">
        <v>0</v>
      </c>
      <c r="CQ38" s="177">
        <v>0</v>
      </c>
      <c r="CR38" s="177">
        <v>0</v>
      </c>
      <c r="CS38" s="177">
        <v>0</v>
      </c>
      <c r="CT38" s="177">
        <v>0</v>
      </c>
      <c r="CU38" s="177">
        <v>0</v>
      </c>
      <c r="CV38" s="182">
        <v>0</v>
      </c>
      <c r="CW38" s="181">
        <v>0</v>
      </c>
      <c r="CX38" s="176">
        <v>0</v>
      </c>
      <c r="CY38" s="177">
        <v>0</v>
      </c>
      <c r="CZ38" s="182">
        <v>0</v>
      </c>
      <c r="DA38" s="179">
        <v>0</v>
      </c>
      <c r="DB38" s="177">
        <v>0</v>
      </c>
      <c r="DC38" s="177">
        <v>0</v>
      </c>
      <c r="DD38" s="177">
        <v>0</v>
      </c>
      <c r="DE38" s="177">
        <v>0</v>
      </c>
      <c r="DF38" s="177">
        <v>0</v>
      </c>
      <c r="DG38" s="182">
        <v>0</v>
      </c>
      <c r="DH38" s="181">
        <v>0</v>
      </c>
    </row>
    <row r="39" spans="2:112" ht="21" customHeight="1" thickBot="1" x14ac:dyDescent="0.25">
      <c r="B39" s="94" t="s">
        <v>37</v>
      </c>
      <c r="C39" s="183">
        <v>0</v>
      </c>
      <c r="D39" s="184">
        <v>0</v>
      </c>
      <c r="E39" s="185">
        <v>0</v>
      </c>
      <c r="F39" s="186">
        <v>0</v>
      </c>
      <c r="G39" s="184">
        <v>0</v>
      </c>
      <c r="H39" s="184">
        <v>0</v>
      </c>
      <c r="I39" s="184">
        <v>0</v>
      </c>
      <c r="J39" s="184">
        <v>0</v>
      </c>
      <c r="K39" s="184">
        <v>0</v>
      </c>
      <c r="L39" s="187">
        <v>0</v>
      </c>
      <c r="M39" s="188">
        <v>0</v>
      </c>
      <c r="N39" s="183">
        <v>0</v>
      </c>
      <c r="O39" s="184">
        <v>0</v>
      </c>
      <c r="P39" s="189">
        <v>0</v>
      </c>
      <c r="Q39" s="186">
        <v>0</v>
      </c>
      <c r="R39" s="184">
        <v>0</v>
      </c>
      <c r="S39" s="184">
        <v>0</v>
      </c>
      <c r="T39" s="184">
        <v>0</v>
      </c>
      <c r="U39" s="184">
        <v>0</v>
      </c>
      <c r="V39" s="184">
        <v>0</v>
      </c>
      <c r="W39" s="189">
        <v>0</v>
      </c>
      <c r="X39" s="188">
        <v>0</v>
      </c>
      <c r="Y39" s="183">
        <v>0</v>
      </c>
      <c r="Z39" s="184">
        <v>0</v>
      </c>
      <c r="AA39" s="189">
        <v>0</v>
      </c>
      <c r="AB39" s="186">
        <v>0</v>
      </c>
      <c r="AC39" s="184">
        <v>0</v>
      </c>
      <c r="AD39" s="184">
        <v>0</v>
      </c>
      <c r="AE39" s="184">
        <v>0</v>
      </c>
      <c r="AF39" s="184">
        <v>0</v>
      </c>
      <c r="AG39" s="184">
        <v>0</v>
      </c>
      <c r="AH39" s="189">
        <v>0</v>
      </c>
      <c r="AI39" s="188">
        <v>0</v>
      </c>
      <c r="AJ39" s="183">
        <v>0</v>
      </c>
      <c r="AK39" s="184">
        <v>0</v>
      </c>
      <c r="AL39" s="189">
        <v>0</v>
      </c>
      <c r="AM39" s="186">
        <v>0</v>
      </c>
      <c r="AN39" s="184">
        <v>0</v>
      </c>
      <c r="AO39" s="184">
        <v>0</v>
      </c>
      <c r="AP39" s="184">
        <v>0</v>
      </c>
      <c r="AQ39" s="184">
        <v>0</v>
      </c>
      <c r="AR39" s="184">
        <v>0</v>
      </c>
      <c r="AS39" s="189">
        <v>0</v>
      </c>
      <c r="AT39" s="188">
        <v>0</v>
      </c>
      <c r="AU39" s="183">
        <v>0</v>
      </c>
      <c r="AV39" s="184">
        <v>0</v>
      </c>
      <c r="AW39" s="189">
        <v>0</v>
      </c>
      <c r="AX39" s="186">
        <v>0</v>
      </c>
      <c r="AY39" s="184">
        <v>0</v>
      </c>
      <c r="AZ39" s="184">
        <v>0</v>
      </c>
      <c r="BA39" s="184">
        <v>0</v>
      </c>
      <c r="BB39" s="184">
        <v>0</v>
      </c>
      <c r="BC39" s="184">
        <v>0</v>
      </c>
      <c r="BD39" s="187">
        <v>0</v>
      </c>
      <c r="BE39" s="188">
        <v>0</v>
      </c>
      <c r="BF39" s="183">
        <v>0</v>
      </c>
      <c r="BG39" s="184">
        <v>0</v>
      </c>
      <c r="BH39" s="189">
        <v>0</v>
      </c>
      <c r="BI39" s="186">
        <v>0</v>
      </c>
      <c r="BJ39" s="184">
        <v>4</v>
      </c>
      <c r="BK39" s="184">
        <v>8</v>
      </c>
      <c r="BL39" s="184">
        <v>0</v>
      </c>
      <c r="BM39" s="184">
        <v>0</v>
      </c>
      <c r="BN39" s="184">
        <v>0</v>
      </c>
      <c r="BO39" s="189">
        <v>12</v>
      </c>
      <c r="BP39" s="188">
        <v>12</v>
      </c>
      <c r="BQ39" s="183">
        <v>0</v>
      </c>
      <c r="BR39" s="184">
        <v>0</v>
      </c>
      <c r="BS39" s="189">
        <v>0</v>
      </c>
      <c r="BT39" s="186">
        <v>0</v>
      </c>
      <c r="BU39" s="184">
        <v>0</v>
      </c>
      <c r="BV39" s="184">
        <v>0</v>
      </c>
      <c r="BW39" s="184">
        <v>0</v>
      </c>
      <c r="BX39" s="184">
        <v>0</v>
      </c>
      <c r="BY39" s="184">
        <v>0</v>
      </c>
      <c r="BZ39" s="189">
        <v>0</v>
      </c>
      <c r="CA39" s="188">
        <v>0</v>
      </c>
      <c r="CB39" s="183">
        <v>0</v>
      </c>
      <c r="CC39" s="184">
        <v>0</v>
      </c>
      <c r="CD39" s="189">
        <v>0</v>
      </c>
      <c r="CE39" s="186">
        <v>0</v>
      </c>
      <c r="CF39" s="184">
        <v>0</v>
      </c>
      <c r="CG39" s="184">
        <v>0</v>
      </c>
      <c r="CH39" s="184">
        <v>0</v>
      </c>
      <c r="CI39" s="184">
        <v>0</v>
      </c>
      <c r="CJ39" s="184">
        <v>0</v>
      </c>
      <c r="CK39" s="189">
        <v>0</v>
      </c>
      <c r="CL39" s="188">
        <v>0</v>
      </c>
      <c r="CM39" s="183">
        <v>0</v>
      </c>
      <c r="CN39" s="184">
        <v>0</v>
      </c>
      <c r="CO39" s="189">
        <v>0</v>
      </c>
      <c r="CP39" s="186">
        <v>0</v>
      </c>
      <c r="CQ39" s="184">
        <v>0</v>
      </c>
      <c r="CR39" s="184">
        <v>0</v>
      </c>
      <c r="CS39" s="184">
        <v>0</v>
      </c>
      <c r="CT39" s="184">
        <v>0</v>
      </c>
      <c r="CU39" s="184">
        <v>0</v>
      </c>
      <c r="CV39" s="189">
        <v>0</v>
      </c>
      <c r="CW39" s="188">
        <v>0</v>
      </c>
      <c r="CX39" s="183">
        <v>0</v>
      </c>
      <c r="CY39" s="184">
        <v>0</v>
      </c>
      <c r="CZ39" s="189">
        <v>0</v>
      </c>
      <c r="DA39" s="186">
        <v>0</v>
      </c>
      <c r="DB39" s="184">
        <v>0</v>
      </c>
      <c r="DC39" s="184">
        <v>0</v>
      </c>
      <c r="DD39" s="184">
        <v>0</v>
      </c>
      <c r="DE39" s="184">
        <v>0</v>
      </c>
      <c r="DF39" s="184">
        <v>0</v>
      </c>
      <c r="DG39" s="189">
        <v>0</v>
      </c>
      <c r="DH39" s="188">
        <v>0</v>
      </c>
    </row>
    <row r="40" spans="2:112" ht="27" customHeight="1" x14ac:dyDescent="0.2"/>
  </sheetData>
  <mergeCells count="43">
    <mergeCell ref="AJ4:AL4"/>
    <mergeCell ref="AJ3:AT3"/>
    <mergeCell ref="AU3:BE3"/>
    <mergeCell ref="BF3:BP3"/>
    <mergeCell ref="BQ3:CA3"/>
    <mergeCell ref="AM4:AS4"/>
    <mergeCell ref="AT4:AT5"/>
    <mergeCell ref="AU4:AW4"/>
    <mergeCell ref="AX4:BD4"/>
    <mergeCell ref="BE4:BE5"/>
    <mergeCell ref="BF4:BH4"/>
    <mergeCell ref="BI4:BO4"/>
    <mergeCell ref="BP4:BP5"/>
    <mergeCell ref="BQ4:BS4"/>
    <mergeCell ref="BT4:BZ4"/>
    <mergeCell ref="CA4:CA5"/>
    <mergeCell ref="Y3:AI3"/>
    <mergeCell ref="C4:E4"/>
    <mergeCell ref="F4:L4"/>
    <mergeCell ref="M4:M5"/>
    <mergeCell ref="N4:P4"/>
    <mergeCell ref="Q4:W4"/>
    <mergeCell ref="X4:X5"/>
    <mergeCell ref="Y4:AA4"/>
    <mergeCell ref="AB4:AH4"/>
    <mergeCell ref="AI4:AI5"/>
    <mergeCell ref="J1:K1"/>
    <mergeCell ref="M1:N1"/>
    <mergeCell ref="B3:B5"/>
    <mergeCell ref="C3:M3"/>
    <mergeCell ref="N3:X3"/>
    <mergeCell ref="CX3:DH3"/>
    <mergeCell ref="CX4:CZ4"/>
    <mergeCell ref="DA4:DG4"/>
    <mergeCell ref="DH4:DH5"/>
    <mergeCell ref="CB3:CL3"/>
    <mergeCell ref="CM3:CW3"/>
    <mergeCell ref="CB4:CD4"/>
    <mergeCell ref="CE4:CK4"/>
    <mergeCell ref="CL4:CL5"/>
    <mergeCell ref="CM4:CO4"/>
    <mergeCell ref="CP4:CV4"/>
    <mergeCell ref="CW4:CW5"/>
  </mergeCells>
  <phoneticPr fontId="4"/>
  <pageMargins left="0.70866141732283472" right="0.70866141732283472" top="0.47244094488188981" bottom="0.59055118110236227" header="0.27559055118110237" footer="0.31496062992125984"/>
  <pageSetup paperSize="9" scale="60" orientation="landscape" r:id="rId1"/>
  <headerFooter>
    <oddFooter>&amp;L&amp;20&amp;A&amp;C&amp;P/&amp;N</oddFooter>
  </headerFooter>
  <colBreaks count="4" manualBreakCount="4">
    <brk id="24" max="39" man="1"/>
    <brk id="46" max="39" man="1"/>
    <brk id="68" max="1048575" man="1"/>
    <brk id="90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DH40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5" width="9" style="161"/>
    <col min="6" max="6" width="7.77734375" style="161" customWidth="1"/>
    <col min="7" max="7" width="9" style="161"/>
    <col min="8" max="8" width="10.6640625" style="161" customWidth="1"/>
    <col min="9" max="16" width="9" style="161"/>
    <col min="17" max="17" width="7.88671875" style="161" customWidth="1"/>
    <col min="18" max="27" width="9" style="161"/>
    <col min="28" max="28" width="7.77734375" style="161" customWidth="1"/>
    <col min="29" max="38" width="9" style="161"/>
    <col min="39" max="39" width="7.5546875" style="161" customWidth="1"/>
    <col min="40" max="49" width="9" style="161"/>
    <col min="50" max="50" width="7.77734375" style="161" customWidth="1"/>
    <col min="51" max="60" width="9" style="161"/>
    <col min="61" max="61" width="7.44140625" style="161" customWidth="1"/>
    <col min="62" max="71" width="9" style="161"/>
    <col min="72" max="72" width="7.33203125" style="161" customWidth="1"/>
    <col min="73" max="82" width="9" style="161"/>
    <col min="83" max="83" width="7.44140625" style="161" customWidth="1"/>
    <col min="84" max="93" width="9" style="161"/>
    <col min="94" max="94" width="7.6640625" style="161" customWidth="1"/>
    <col min="95" max="16384" width="9" style="161"/>
  </cols>
  <sheetData>
    <row r="1" spans="2:112" ht="24" customHeight="1" x14ac:dyDescent="0.2">
      <c r="B1" s="128" t="s">
        <v>121</v>
      </c>
      <c r="J1" s="441">
        <f>第１表!F2</f>
        <v>7</v>
      </c>
      <c r="K1" s="441"/>
      <c r="L1" s="15">
        <f>第１表!G2</f>
        <v>1</v>
      </c>
      <c r="M1" s="445">
        <f>IF(L1&lt;3,L1+12-2,L1-2)</f>
        <v>11</v>
      </c>
      <c r="N1" s="445"/>
    </row>
    <row r="2" spans="2:112" ht="24" customHeight="1" thickBot="1" x14ac:dyDescent="0.25">
      <c r="B2" s="128" t="s">
        <v>148</v>
      </c>
    </row>
    <row r="3" spans="2:112" ht="21" customHeight="1" thickBot="1" x14ac:dyDescent="0.25">
      <c r="B3" s="482"/>
      <c r="C3" s="485" t="s">
        <v>111</v>
      </c>
      <c r="D3" s="485"/>
      <c r="E3" s="485"/>
      <c r="F3" s="485"/>
      <c r="G3" s="485"/>
      <c r="H3" s="485"/>
      <c r="I3" s="485"/>
      <c r="J3" s="485"/>
      <c r="K3" s="485"/>
      <c r="L3" s="485"/>
      <c r="M3" s="486"/>
      <c r="N3" s="480" t="s">
        <v>110</v>
      </c>
      <c r="O3" s="480"/>
      <c r="P3" s="480"/>
      <c r="Q3" s="480"/>
      <c r="R3" s="480"/>
      <c r="S3" s="480"/>
      <c r="T3" s="480"/>
      <c r="U3" s="480"/>
      <c r="V3" s="480"/>
      <c r="W3" s="480"/>
      <c r="X3" s="481"/>
      <c r="Y3" s="479" t="s">
        <v>109</v>
      </c>
      <c r="Z3" s="480"/>
      <c r="AA3" s="480"/>
      <c r="AB3" s="480"/>
      <c r="AC3" s="480"/>
      <c r="AD3" s="480"/>
      <c r="AE3" s="480"/>
      <c r="AF3" s="480"/>
      <c r="AG3" s="480"/>
      <c r="AH3" s="480"/>
      <c r="AI3" s="481"/>
      <c r="AJ3" s="479" t="s">
        <v>108</v>
      </c>
      <c r="AK3" s="480"/>
      <c r="AL3" s="480"/>
      <c r="AM3" s="480"/>
      <c r="AN3" s="480"/>
      <c r="AO3" s="480"/>
      <c r="AP3" s="480"/>
      <c r="AQ3" s="480"/>
      <c r="AR3" s="480"/>
      <c r="AS3" s="480"/>
      <c r="AT3" s="481"/>
      <c r="AU3" s="479" t="s">
        <v>107</v>
      </c>
      <c r="AV3" s="480"/>
      <c r="AW3" s="480"/>
      <c r="AX3" s="480"/>
      <c r="AY3" s="480"/>
      <c r="AZ3" s="480"/>
      <c r="BA3" s="480"/>
      <c r="BB3" s="480"/>
      <c r="BC3" s="480"/>
      <c r="BD3" s="480"/>
      <c r="BE3" s="481"/>
      <c r="BF3" s="479" t="s">
        <v>106</v>
      </c>
      <c r="BG3" s="480"/>
      <c r="BH3" s="480"/>
      <c r="BI3" s="480"/>
      <c r="BJ3" s="480"/>
      <c r="BK3" s="480"/>
      <c r="BL3" s="480"/>
      <c r="BM3" s="480"/>
      <c r="BN3" s="480"/>
      <c r="BO3" s="480"/>
      <c r="BP3" s="481"/>
      <c r="BQ3" s="479" t="s">
        <v>105</v>
      </c>
      <c r="BR3" s="480"/>
      <c r="BS3" s="480"/>
      <c r="BT3" s="480"/>
      <c r="BU3" s="480"/>
      <c r="BV3" s="480"/>
      <c r="BW3" s="480"/>
      <c r="BX3" s="480"/>
      <c r="BY3" s="480"/>
      <c r="BZ3" s="480"/>
      <c r="CA3" s="481"/>
      <c r="CB3" s="479" t="s">
        <v>124</v>
      </c>
      <c r="CC3" s="480"/>
      <c r="CD3" s="480"/>
      <c r="CE3" s="480"/>
      <c r="CF3" s="480"/>
      <c r="CG3" s="480"/>
      <c r="CH3" s="480"/>
      <c r="CI3" s="480"/>
      <c r="CJ3" s="480"/>
      <c r="CK3" s="480"/>
      <c r="CL3" s="481"/>
      <c r="CM3" s="479" t="s">
        <v>155</v>
      </c>
      <c r="CN3" s="480"/>
      <c r="CO3" s="480"/>
      <c r="CP3" s="480"/>
      <c r="CQ3" s="480"/>
      <c r="CR3" s="480"/>
      <c r="CS3" s="480"/>
      <c r="CT3" s="480"/>
      <c r="CU3" s="480"/>
      <c r="CV3" s="480"/>
      <c r="CW3" s="481"/>
      <c r="CX3" s="479" t="s">
        <v>151</v>
      </c>
      <c r="CY3" s="480"/>
      <c r="CZ3" s="480"/>
      <c r="DA3" s="480"/>
      <c r="DB3" s="480"/>
      <c r="DC3" s="480"/>
      <c r="DD3" s="480"/>
      <c r="DE3" s="480"/>
      <c r="DF3" s="480"/>
      <c r="DG3" s="480"/>
      <c r="DH3" s="481"/>
    </row>
    <row r="4" spans="2:112" ht="21" customHeight="1" x14ac:dyDescent="0.2">
      <c r="B4" s="483"/>
      <c r="C4" s="487" t="s">
        <v>61</v>
      </c>
      <c r="D4" s="472"/>
      <c r="E4" s="473"/>
      <c r="F4" s="474" t="s">
        <v>62</v>
      </c>
      <c r="G4" s="472"/>
      <c r="H4" s="472"/>
      <c r="I4" s="472"/>
      <c r="J4" s="472"/>
      <c r="K4" s="472"/>
      <c r="L4" s="475"/>
      <c r="M4" s="469" t="s">
        <v>52</v>
      </c>
      <c r="N4" s="487" t="s">
        <v>61</v>
      </c>
      <c r="O4" s="472"/>
      <c r="P4" s="473"/>
      <c r="Q4" s="474" t="s">
        <v>62</v>
      </c>
      <c r="R4" s="472"/>
      <c r="S4" s="472"/>
      <c r="T4" s="472"/>
      <c r="U4" s="472"/>
      <c r="V4" s="472"/>
      <c r="W4" s="473"/>
      <c r="X4" s="469" t="s">
        <v>52</v>
      </c>
      <c r="Y4" s="471" t="s">
        <v>61</v>
      </c>
      <c r="Z4" s="472"/>
      <c r="AA4" s="475"/>
      <c r="AB4" s="474" t="s">
        <v>62</v>
      </c>
      <c r="AC4" s="472"/>
      <c r="AD4" s="472"/>
      <c r="AE4" s="472"/>
      <c r="AF4" s="472"/>
      <c r="AG4" s="472"/>
      <c r="AH4" s="473"/>
      <c r="AI4" s="469" t="s">
        <v>52</v>
      </c>
      <c r="AJ4" s="471" t="s">
        <v>61</v>
      </c>
      <c r="AK4" s="472"/>
      <c r="AL4" s="473"/>
      <c r="AM4" s="474" t="s">
        <v>62</v>
      </c>
      <c r="AN4" s="472"/>
      <c r="AO4" s="472"/>
      <c r="AP4" s="472"/>
      <c r="AQ4" s="472"/>
      <c r="AR4" s="472"/>
      <c r="AS4" s="473"/>
      <c r="AT4" s="469" t="s">
        <v>52</v>
      </c>
      <c r="AU4" s="471" t="s">
        <v>61</v>
      </c>
      <c r="AV4" s="472"/>
      <c r="AW4" s="475"/>
      <c r="AX4" s="474" t="s">
        <v>62</v>
      </c>
      <c r="AY4" s="472"/>
      <c r="AZ4" s="472"/>
      <c r="BA4" s="472"/>
      <c r="BB4" s="472"/>
      <c r="BC4" s="472"/>
      <c r="BD4" s="475"/>
      <c r="BE4" s="469" t="s">
        <v>52</v>
      </c>
      <c r="BF4" s="471" t="s">
        <v>61</v>
      </c>
      <c r="BG4" s="472"/>
      <c r="BH4" s="473"/>
      <c r="BI4" s="474" t="s">
        <v>62</v>
      </c>
      <c r="BJ4" s="472"/>
      <c r="BK4" s="472"/>
      <c r="BL4" s="472"/>
      <c r="BM4" s="472"/>
      <c r="BN4" s="472"/>
      <c r="BO4" s="473"/>
      <c r="BP4" s="469" t="s">
        <v>52</v>
      </c>
      <c r="BQ4" s="471" t="s">
        <v>61</v>
      </c>
      <c r="BR4" s="472"/>
      <c r="BS4" s="473"/>
      <c r="BT4" s="474" t="s">
        <v>62</v>
      </c>
      <c r="BU4" s="472"/>
      <c r="BV4" s="472"/>
      <c r="BW4" s="472"/>
      <c r="BX4" s="472"/>
      <c r="BY4" s="472"/>
      <c r="BZ4" s="473"/>
      <c r="CA4" s="469" t="s">
        <v>52</v>
      </c>
      <c r="CB4" s="471" t="s">
        <v>61</v>
      </c>
      <c r="CC4" s="472"/>
      <c r="CD4" s="473"/>
      <c r="CE4" s="474" t="s">
        <v>62</v>
      </c>
      <c r="CF4" s="472"/>
      <c r="CG4" s="472"/>
      <c r="CH4" s="472"/>
      <c r="CI4" s="472"/>
      <c r="CJ4" s="472"/>
      <c r="CK4" s="473"/>
      <c r="CL4" s="469" t="s">
        <v>52</v>
      </c>
      <c r="CM4" s="471" t="s">
        <v>61</v>
      </c>
      <c r="CN4" s="472"/>
      <c r="CO4" s="473"/>
      <c r="CP4" s="474" t="s">
        <v>62</v>
      </c>
      <c r="CQ4" s="472"/>
      <c r="CR4" s="472"/>
      <c r="CS4" s="472"/>
      <c r="CT4" s="472"/>
      <c r="CU4" s="472"/>
      <c r="CV4" s="473"/>
      <c r="CW4" s="469" t="s">
        <v>52</v>
      </c>
      <c r="CX4" s="471" t="s">
        <v>61</v>
      </c>
      <c r="CY4" s="472"/>
      <c r="CZ4" s="473"/>
      <c r="DA4" s="474" t="s">
        <v>62</v>
      </c>
      <c r="DB4" s="472"/>
      <c r="DC4" s="472"/>
      <c r="DD4" s="472"/>
      <c r="DE4" s="472"/>
      <c r="DF4" s="472"/>
      <c r="DG4" s="473"/>
      <c r="DH4" s="469" t="s">
        <v>52</v>
      </c>
    </row>
    <row r="5" spans="2:112" ht="30" customHeight="1" thickBot="1" x14ac:dyDescent="0.25">
      <c r="B5" s="484"/>
      <c r="C5" s="190" t="s">
        <v>43</v>
      </c>
      <c r="D5" s="168" t="s">
        <v>44</v>
      </c>
      <c r="E5" s="191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7" t="s">
        <v>45</v>
      </c>
      <c r="M5" s="470"/>
      <c r="N5" s="190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  <c r="Y5" s="163" t="s">
        <v>43</v>
      </c>
      <c r="Z5" s="164" t="s">
        <v>44</v>
      </c>
      <c r="AA5" s="167" t="s">
        <v>45</v>
      </c>
      <c r="AB5" s="166" t="s">
        <v>83</v>
      </c>
      <c r="AC5" s="164" t="s">
        <v>47</v>
      </c>
      <c r="AD5" s="164" t="s">
        <v>48</v>
      </c>
      <c r="AE5" s="164" t="s">
        <v>49</v>
      </c>
      <c r="AF5" s="164" t="s">
        <v>50</v>
      </c>
      <c r="AG5" s="164" t="s">
        <v>51</v>
      </c>
      <c r="AH5" s="168" t="s">
        <v>45</v>
      </c>
      <c r="AI5" s="470"/>
      <c r="AJ5" s="163" t="s">
        <v>43</v>
      </c>
      <c r="AK5" s="164" t="s">
        <v>44</v>
      </c>
      <c r="AL5" s="168" t="s">
        <v>45</v>
      </c>
      <c r="AM5" s="166" t="s">
        <v>83</v>
      </c>
      <c r="AN5" s="164" t="s">
        <v>47</v>
      </c>
      <c r="AO5" s="164" t="s">
        <v>48</v>
      </c>
      <c r="AP5" s="164" t="s">
        <v>49</v>
      </c>
      <c r="AQ5" s="164" t="s">
        <v>50</v>
      </c>
      <c r="AR5" s="164" t="s">
        <v>51</v>
      </c>
      <c r="AS5" s="168" t="s">
        <v>45</v>
      </c>
      <c r="AT5" s="470"/>
      <c r="AU5" s="163" t="s">
        <v>43</v>
      </c>
      <c r="AV5" s="164" t="s">
        <v>44</v>
      </c>
      <c r="AW5" s="167" t="s">
        <v>45</v>
      </c>
      <c r="AX5" s="166" t="s">
        <v>83</v>
      </c>
      <c r="AY5" s="164" t="s">
        <v>47</v>
      </c>
      <c r="AZ5" s="164" t="s">
        <v>48</v>
      </c>
      <c r="BA5" s="164" t="s">
        <v>49</v>
      </c>
      <c r="BB5" s="164" t="s">
        <v>50</v>
      </c>
      <c r="BC5" s="164" t="s">
        <v>51</v>
      </c>
      <c r="BD5" s="167" t="s">
        <v>45</v>
      </c>
      <c r="BE5" s="470"/>
      <c r="BF5" s="163" t="s">
        <v>43</v>
      </c>
      <c r="BG5" s="164" t="s">
        <v>44</v>
      </c>
      <c r="BH5" s="168" t="s">
        <v>45</v>
      </c>
      <c r="BI5" s="166" t="s">
        <v>83</v>
      </c>
      <c r="BJ5" s="164" t="s">
        <v>47</v>
      </c>
      <c r="BK5" s="164" t="s">
        <v>48</v>
      </c>
      <c r="BL5" s="164" t="s">
        <v>49</v>
      </c>
      <c r="BM5" s="164" t="s">
        <v>50</v>
      </c>
      <c r="BN5" s="164" t="s">
        <v>51</v>
      </c>
      <c r="BO5" s="168" t="s">
        <v>45</v>
      </c>
      <c r="BP5" s="470"/>
      <c r="BQ5" s="163" t="s">
        <v>43</v>
      </c>
      <c r="BR5" s="164" t="s">
        <v>44</v>
      </c>
      <c r="BS5" s="168" t="s">
        <v>45</v>
      </c>
      <c r="BT5" s="166" t="s">
        <v>83</v>
      </c>
      <c r="BU5" s="164" t="s">
        <v>47</v>
      </c>
      <c r="BV5" s="164" t="s">
        <v>48</v>
      </c>
      <c r="BW5" s="164" t="s">
        <v>49</v>
      </c>
      <c r="BX5" s="164" t="s">
        <v>50</v>
      </c>
      <c r="BY5" s="164" t="s">
        <v>51</v>
      </c>
      <c r="BZ5" s="168" t="s">
        <v>45</v>
      </c>
      <c r="CA5" s="470"/>
      <c r="CB5" s="163" t="s">
        <v>43</v>
      </c>
      <c r="CC5" s="164" t="s">
        <v>44</v>
      </c>
      <c r="CD5" s="168" t="s">
        <v>45</v>
      </c>
      <c r="CE5" s="166" t="s">
        <v>83</v>
      </c>
      <c r="CF5" s="164" t="s">
        <v>47</v>
      </c>
      <c r="CG5" s="164" t="s">
        <v>48</v>
      </c>
      <c r="CH5" s="164" t="s">
        <v>49</v>
      </c>
      <c r="CI5" s="164" t="s">
        <v>50</v>
      </c>
      <c r="CJ5" s="164" t="s">
        <v>51</v>
      </c>
      <c r="CK5" s="168" t="s">
        <v>45</v>
      </c>
      <c r="CL5" s="470"/>
      <c r="CM5" s="163" t="s">
        <v>43</v>
      </c>
      <c r="CN5" s="164" t="s">
        <v>44</v>
      </c>
      <c r="CO5" s="168" t="s">
        <v>45</v>
      </c>
      <c r="CP5" s="166" t="s">
        <v>83</v>
      </c>
      <c r="CQ5" s="164" t="s">
        <v>47</v>
      </c>
      <c r="CR5" s="164" t="s">
        <v>48</v>
      </c>
      <c r="CS5" s="164" t="s">
        <v>49</v>
      </c>
      <c r="CT5" s="164" t="s">
        <v>50</v>
      </c>
      <c r="CU5" s="164" t="s">
        <v>51</v>
      </c>
      <c r="CV5" s="168" t="s">
        <v>45</v>
      </c>
      <c r="CW5" s="470"/>
      <c r="CX5" s="163" t="s">
        <v>43</v>
      </c>
      <c r="CY5" s="164" t="s">
        <v>44</v>
      </c>
      <c r="CZ5" s="168" t="s">
        <v>45</v>
      </c>
      <c r="DA5" s="166" t="s">
        <v>83</v>
      </c>
      <c r="DB5" s="164" t="s">
        <v>47</v>
      </c>
      <c r="DC5" s="164" t="s">
        <v>48</v>
      </c>
      <c r="DD5" s="164" t="s">
        <v>49</v>
      </c>
      <c r="DE5" s="164" t="s">
        <v>50</v>
      </c>
      <c r="DF5" s="164" t="s">
        <v>51</v>
      </c>
      <c r="DG5" s="168" t="s">
        <v>45</v>
      </c>
      <c r="DH5" s="470"/>
    </row>
    <row r="6" spans="2:112" ht="21" customHeight="1" x14ac:dyDescent="0.2">
      <c r="B6" s="70" t="s">
        <v>4</v>
      </c>
      <c r="C6" s="169">
        <v>0</v>
      </c>
      <c r="D6" s="175">
        <v>0</v>
      </c>
      <c r="E6" s="192">
        <v>0</v>
      </c>
      <c r="F6" s="172">
        <v>0</v>
      </c>
      <c r="G6" s="170">
        <v>12816</v>
      </c>
      <c r="H6" s="170">
        <v>20759</v>
      </c>
      <c r="I6" s="170">
        <v>21962</v>
      </c>
      <c r="J6" s="170">
        <v>26440</v>
      </c>
      <c r="K6" s="170">
        <v>25728</v>
      </c>
      <c r="L6" s="173">
        <v>107705</v>
      </c>
      <c r="M6" s="174">
        <v>107705</v>
      </c>
      <c r="N6" s="169">
        <v>0</v>
      </c>
      <c r="O6" s="170">
        <v>13</v>
      </c>
      <c r="P6" s="175">
        <v>13</v>
      </c>
      <c r="Q6" s="172">
        <v>0</v>
      </c>
      <c r="R6" s="170">
        <v>44</v>
      </c>
      <c r="S6" s="170">
        <v>105</v>
      </c>
      <c r="T6" s="170">
        <v>235</v>
      </c>
      <c r="U6" s="170">
        <v>649</v>
      </c>
      <c r="V6" s="170">
        <v>1245</v>
      </c>
      <c r="W6" s="175">
        <v>2278</v>
      </c>
      <c r="X6" s="174">
        <v>2291</v>
      </c>
      <c r="Y6" s="169">
        <v>1717</v>
      </c>
      <c r="Z6" s="170">
        <v>4790</v>
      </c>
      <c r="AA6" s="175">
        <v>6507</v>
      </c>
      <c r="AB6" s="172">
        <v>0</v>
      </c>
      <c r="AC6" s="170">
        <v>10554</v>
      </c>
      <c r="AD6" s="170">
        <v>16466</v>
      </c>
      <c r="AE6" s="170">
        <v>9516</v>
      </c>
      <c r="AF6" s="170">
        <v>8132</v>
      </c>
      <c r="AG6" s="170">
        <v>6016</v>
      </c>
      <c r="AH6" s="175">
        <v>50684</v>
      </c>
      <c r="AI6" s="174">
        <v>57191</v>
      </c>
      <c r="AJ6" s="169">
        <v>222</v>
      </c>
      <c r="AK6" s="170">
        <v>934</v>
      </c>
      <c r="AL6" s="175">
        <v>1156</v>
      </c>
      <c r="AM6" s="172">
        <v>0</v>
      </c>
      <c r="AN6" s="170">
        <v>1257</v>
      </c>
      <c r="AO6" s="170">
        <v>1975</v>
      </c>
      <c r="AP6" s="170">
        <v>1140</v>
      </c>
      <c r="AQ6" s="170">
        <v>1110</v>
      </c>
      <c r="AR6" s="170">
        <v>842</v>
      </c>
      <c r="AS6" s="175">
        <v>6324</v>
      </c>
      <c r="AT6" s="174">
        <v>7480</v>
      </c>
      <c r="AU6" s="169">
        <v>0</v>
      </c>
      <c r="AV6" s="170">
        <v>3</v>
      </c>
      <c r="AW6" s="175">
        <v>3</v>
      </c>
      <c r="AX6" s="172">
        <v>0</v>
      </c>
      <c r="AY6" s="170">
        <v>11036</v>
      </c>
      <c r="AZ6" s="170">
        <v>10826</v>
      </c>
      <c r="BA6" s="170">
        <v>5811</v>
      </c>
      <c r="BB6" s="170">
        <v>3228</v>
      </c>
      <c r="BC6" s="170">
        <v>1448</v>
      </c>
      <c r="BD6" s="173">
        <v>32349</v>
      </c>
      <c r="BE6" s="174">
        <v>32352</v>
      </c>
      <c r="BF6" s="169">
        <v>0</v>
      </c>
      <c r="BG6" s="170">
        <v>0</v>
      </c>
      <c r="BH6" s="175">
        <v>0</v>
      </c>
      <c r="BI6" s="172">
        <v>0</v>
      </c>
      <c r="BJ6" s="170">
        <v>2397</v>
      </c>
      <c r="BK6" s="170">
        <v>3201</v>
      </c>
      <c r="BL6" s="170">
        <v>2339</v>
      </c>
      <c r="BM6" s="170">
        <v>1322</v>
      </c>
      <c r="BN6" s="170">
        <v>388</v>
      </c>
      <c r="BO6" s="175">
        <v>9647</v>
      </c>
      <c r="BP6" s="174">
        <v>9647</v>
      </c>
      <c r="BQ6" s="169">
        <v>66</v>
      </c>
      <c r="BR6" s="170">
        <v>85</v>
      </c>
      <c r="BS6" s="175">
        <v>151</v>
      </c>
      <c r="BT6" s="172">
        <v>0</v>
      </c>
      <c r="BU6" s="170">
        <v>1228</v>
      </c>
      <c r="BV6" s="170">
        <v>2094</v>
      </c>
      <c r="BW6" s="170">
        <v>3177</v>
      </c>
      <c r="BX6" s="170">
        <v>2022</v>
      </c>
      <c r="BY6" s="170">
        <v>1083</v>
      </c>
      <c r="BZ6" s="175">
        <v>9604</v>
      </c>
      <c r="CA6" s="174">
        <v>9755</v>
      </c>
      <c r="CB6" s="169">
        <v>15</v>
      </c>
      <c r="CC6" s="170">
        <v>8</v>
      </c>
      <c r="CD6" s="175">
        <v>23</v>
      </c>
      <c r="CE6" s="172">
        <v>0</v>
      </c>
      <c r="CF6" s="170">
        <v>129</v>
      </c>
      <c r="CG6" s="170">
        <v>287</v>
      </c>
      <c r="CH6" s="170">
        <v>471</v>
      </c>
      <c r="CI6" s="170">
        <v>502</v>
      </c>
      <c r="CJ6" s="170">
        <v>222</v>
      </c>
      <c r="CK6" s="175">
        <v>1611</v>
      </c>
      <c r="CL6" s="174">
        <v>1634</v>
      </c>
      <c r="CM6" s="169">
        <v>0</v>
      </c>
      <c r="CN6" s="170">
        <v>0</v>
      </c>
      <c r="CO6" s="175">
        <v>0</v>
      </c>
      <c r="CP6" s="172">
        <v>0</v>
      </c>
      <c r="CQ6" s="170">
        <v>0</v>
      </c>
      <c r="CR6" s="170">
        <v>0</v>
      </c>
      <c r="CS6" s="170">
        <v>0</v>
      </c>
      <c r="CT6" s="170">
        <v>0</v>
      </c>
      <c r="CU6" s="170">
        <v>0</v>
      </c>
      <c r="CV6" s="175">
        <v>0</v>
      </c>
      <c r="CW6" s="174">
        <v>0</v>
      </c>
      <c r="CX6" s="169">
        <v>0</v>
      </c>
      <c r="CY6" s="170">
        <v>0</v>
      </c>
      <c r="CZ6" s="175">
        <v>0</v>
      </c>
      <c r="DA6" s="172">
        <v>0</v>
      </c>
      <c r="DB6" s="170">
        <v>9</v>
      </c>
      <c r="DC6" s="170">
        <v>0</v>
      </c>
      <c r="DD6" s="170">
        <v>0</v>
      </c>
      <c r="DE6" s="170">
        <v>0</v>
      </c>
      <c r="DF6" s="170">
        <v>0</v>
      </c>
      <c r="DG6" s="175">
        <v>9</v>
      </c>
      <c r="DH6" s="174">
        <v>9</v>
      </c>
    </row>
    <row r="7" spans="2:112" ht="21" customHeight="1" x14ac:dyDescent="0.2">
      <c r="B7" s="81" t="s">
        <v>5</v>
      </c>
      <c r="C7" s="176">
        <v>0</v>
      </c>
      <c r="D7" s="182">
        <v>0</v>
      </c>
      <c r="E7" s="193">
        <v>0</v>
      </c>
      <c r="F7" s="179">
        <v>0</v>
      </c>
      <c r="G7" s="177">
        <v>4546</v>
      </c>
      <c r="H7" s="177">
        <v>8833</v>
      </c>
      <c r="I7" s="177">
        <v>8044</v>
      </c>
      <c r="J7" s="177">
        <v>10753</v>
      </c>
      <c r="K7" s="177">
        <v>11209</v>
      </c>
      <c r="L7" s="180">
        <v>43385</v>
      </c>
      <c r="M7" s="181">
        <v>43385</v>
      </c>
      <c r="N7" s="176">
        <v>0</v>
      </c>
      <c r="O7" s="177">
        <v>13</v>
      </c>
      <c r="P7" s="182">
        <v>13</v>
      </c>
      <c r="Q7" s="179">
        <v>0</v>
      </c>
      <c r="R7" s="177">
        <v>21</v>
      </c>
      <c r="S7" s="177">
        <v>42</v>
      </c>
      <c r="T7" s="177">
        <v>83</v>
      </c>
      <c r="U7" s="177">
        <v>200</v>
      </c>
      <c r="V7" s="177">
        <v>697</v>
      </c>
      <c r="W7" s="182">
        <v>1043</v>
      </c>
      <c r="X7" s="181">
        <v>1056</v>
      </c>
      <c r="Y7" s="176">
        <v>799</v>
      </c>
      <c r="Z7" s="177">
        <v>2648</v>
      </c>
      <c r="AA7" s="182">
        <v>3447</v>
      </c>
      <c r="AB7" s="179">
        <v>0</v>
      </c>
      <c r="AC7" s="177">
        <v>3918</v>
      </c>
      <c r="AD7" s="177">
        <v>9145</v>
      </c>
      <c r="AE7" s="177">
        <v>4869</v>
      </c>
      <c r="AF7" s="177">
        <v>3929</v>
      </c>
      <c r="AG7" s="177">
        <v>2981</v>
      </c>
      <c r="AH7" s="182">
        <v>24842</v>
      </c>
      <c r="AI7" s="181">
        <v>28289</v>
      </c>
      <c r="AJ7" s="176">
        <v>117</v>
      </c>
      <c r="AK7" s="177">
        <v>607</v>
      </c>
      <c r="AL7" s="182">
        <v>724</v>
      </c>
      <c r="AM7" s="179">
        <v>0</v>
      </c>
      <c r="AN7" s="177">
        <v>393</v>
      </c>
      <c r="AO7" s="177">
        <v>946</v>
      </c>
      <c r="AP7" s="177">
        <v>439</v>
      </c>
      <c r="AQ7" s="177">
        <v>515</v>
      </c>
      <c r="AR7" s="177">
        <v>371</v>
      </c>
      <c r="AS7" s="182">
        <v>2664</v>
      </c>
      <c r="AT7" s="181">
        <v>3388</v>
      </c>
      <c r="AU7" s="176">
        <v>0</v>
      </c>
      <c r="AV7" s="177">
        <v>3</v>
      </c>
      <c r="AW7" s="182">
        <v>3</v>
      </c>
      <c r="AX7" s="179">
        <v>0</v>
      </c>
      <c r="AY7" s="177">
        <v>3967</v>
      </c>
      <c r="AZ7" s="177">
        <v>4621</v>
      </c>
      <c r="BA7" s="177">
        <v>2131</v>
      </c>
      <c r="BB7" s="177">
        <v>1160</v>
      </c>
      <c r="BC7" s="177">
        <v>478</v>
      </c>
      <c r="BD7" s="180">
        <v>12357</v>
      </c>
      <c r="BE7" s="181">
        <v>12360</v>
      </c>
      <c r="BF7" s="176">
        <v>0</v>
      </c>
      <c r="BG7" s="177">
        <v>0</v>
      </c>
      <c r="BH7" s="182">
        <v>0</v>
      </c>
      <c r="BI7" s="179">
        <v>0</v>
      </c>
      <c r="BJ7" s="177">
        <v>744</v>
      </c>
      <c r="BK7" s="177">
        <v>1548</v>
      </c>
      <c r="BL7" s="177">
        <v>1116</v>
      </c>
      <c r="BM7" s="177">
        <v>586</v>
      </c>
      <c r="BN7" s="177">
        <v>206</v>
      </c>
      <c r="BO7" s="182">
        <v>4200</v>
      </c>
      <c r="BP7" s="181">
        <v>4200</v>
      </c>
      <c r="BQ7" s="176">
        <v>12</v>
      </c>
      <c r="BR7" s="177">
        <v>48</v>
      </c>
      <c r="BS7" s="182">
        <v>60</v>
      </c>
      <c r="BT7" s="179">
        <v>0</v>
      </c>
      <c r="BU7" s="177">
        <v>432</v>
      </c>
      <c r="BV7" s="177">
        <v>785</v>
      </c>
      <c r="BW7" s="177">
        <v>1504</v>
      </c>
      <c r="BX7" s="177">
        <v>701</v>
      </c>
      <c r="BY7" s="177">
        <v>465</v>
      </c>
      <c r="BZ7" s="182">
        <v>3887</v>
      </c>
      <c r="CA7" s="181">
        <v>3947</v>
      </c>
      <c r="CB7" s="176">
        <v>15</v>
      </c>
      <c r="CC7" s="177">
        <v>8</v>
      </c>
      <c r="CD7" s="182">
        <v>23</v>
      </c>
      <c r="CE7" s="179">
        <v>0</v>
      </c>
      <c r="CF7" s="177">
        <v>60</v>
      </c>
      <c r="CG7" s="177">
        <v>129</v>
      </c>
      <c r="CH7" s="177">
        <v>274</v>
      </c>
      <c r="CI7" s="177">
        <v>328</v>
      </c>
      <c r="CJ7" s="177">
        <v>113</v>
      </c>
      <c r="CK7" s="182">
        <v>904</v>
      </c>
      <c r="CL7" s="181">
        <v>927</v>
      </c>
      <c r="CM7" s="176">
        <v>0</v>
      </c>
      <c r="CN7" s="177">
        <v>0</v>
      </c>
      <c r="CO7" s="182">
        <v>0</v>
      </c>
      <c r="CP7" s="179">
        <v>0</v>
      </c>
      <c r="CQ7" s="177">
        <v>0</v>
      </c>
      <c r="CR7" s="177">
        <v>0</v>
      </c>
      <c r="CS7" s="177">
        <v>0</v>
      </c>
      <c r="CT7" s="177">
        <v>0</v>
      </c>
      <c r="CU7" s="177">
        <v>0</v>
      </c>
      <c r="CV7" s="182">
        <v>0</v>
      </c>
      <c r="CW7" s="181">
        <v>0</v>
      </c>
      <c r="CX7" s="176">
        <v>0</v>
      </c>
      <c r="CY7" s="177">
        <v>0</v>
      </c>
      <c r="CZ7" s="182">
        <v>0</v>
      </c>
      <c r="DA7" s="179">
        <v>0</v>
      </c>
      <c r="DB7" s="177">
        <v>0</v>
      </c>
      <c r="DC7" s="177">
        <v>0</v>
      </c>
      <c r="DD7" s="177">
        <v>0</v>
      </c>
      <c r="DE7" s="177">
        <v>0</v>
      </c>
      <c r="DF7" s="177">
        <v>0</v>
      </c>
      <c r="DG7" s="182">
        <v>0</v>
      </c>
      <c r="DH7" s="181">
        <v>0</v>
      </c>
    </row>
    <row r="8" spans="2:112" ht="21" customHeight="1" x14ac:dyDescent="0.2">
      <c r="B8" s="92" t="s">
        <v>6</v>
      </c>
      <c r="C8" s="176">
        <v>0</v>
      </c>
      <c r="D8" s="182">
        <v>0</v>
      </c>
      <c r="E8" s="193">
        <v>0</v>
      </c>
      <c r="F8" s="179">
        <v>0</v>
      </c>
      <c r="G8" s="177">
        <v>2184</v>
      </c>
      <c r="H8" s="177">
        <v>3662</v>
      </c>
      <c r="I8" s="177">
        <v>3023</v>
      </c>
      <c r="J8" s="177">
        <v>4347</v>
      </c>
      <c r="K8" s="177">
        <v>3910</v>
      </c>
      <c r="L8" s="180">
        <v>17126</v>
      </c>
      <c r="M8" s="181">
        <v>17126</v>
      </c>
      <c r="N8" s="176">
        <v>0</v>
      </c>
      <c r="O8" s="177">
        <v>0</v>
      </c>
      <c r="P8" s="182">
        <v>0</v>
      </c>
      <c r="Q8" s="179">
        <v>0</v>
      </c>
      <c r="R8" s="177">
        <v>13</v>
      </c>
      <c r="S8" s="177">
        <v>5</v>
      </c>
      <c r="T8" s="177">
        <v>60</v>
      </c>
      <c r="U8" s="177">
        <v>122</v>
      </c>
      <c r="V8" s="177">
        <v>132</v>
      </c>
      <c r="W8" s="182">
        <v>332</v>
      </c>
      <c r="X8" s="181">
        <v>332</v>
      </c>
      <c r="Y8" s="176">
        <v>333</v>
      </c>
      <c r="Z8" s="177">
        <v>802</v>
      </c>
      <c r="AA8" s="182">
        <v>1135</v>
      </c>
      <c r="AB8" s="179">
        <v>0</v>
      </c>
      <c r="AC8" s="177">
        <v>2762</v>
      </c>
      <c r="AD8" s="177">
        <v>2618</v>
      </c>
      <c r="AE8" s="177">
        <v>1667</v>
      </c>
      <c r="AF8" s="177">
        <v>1460</v>
      </c>
      <c r="AG8" s="177">
        <v>1053</v>
      </c>
      <c r="AH8" s="182">
        <v>9560</v>
      </c>
      <c r="AI8" s="181">
        <v>10695</v>
      </c>
      <c r="AJ8" s="176">
        <v>12</v>
      </c>
      <c r="AK8" s="177">
        <v>96</v>
      </c>
      <c r="AL8" s="182">
        <v>108</v>
      </c>
      <c r="AM8" s="179">
        <v>0</v>
      </c>
      <c r="AN8" s="177">
        <v>254</v>
      </c>
      <c r="AO8" s="177">
        <v>232</v>
      </c>
      <c r="AP8" s="177">
        <v>145</v>
      </c>
      <c r="AQ8" s="177">
        <v>241</v>
      </c>
      <c r="AR8" s="177">
        <v>131</v>
      </c>
      <c r="AS8" s="182">
        <v>1003</v>
      </c>
      <c r="AT8" s="181">
        <v>1111</v>
      </c>
      <c r="AU8" s="176">
        <v>0</v>
      </c>
      <c r="AV8" s="177">
        <v>0</v>
      </c>
      <c r="AW8" s="182">
        <v>0</v>
      </c>
      <c r="AX8" s="179">
        <v>0</v>
      </c>
      <c r="AY8" s="177">
        <v>1998</v>
      </c>
      <c r="AZ8" s="177">
        <v>1738</v>
      </c>
      <c r="BA8" s="177">
        <v>765</v>
      </c>
      <c r="BB8" s="177">
        <v>602</v>
      </c>
      <c r="BC8" s="177">
        <v>204</v>
      </c>
      <c r="BD8" s="180">
        <v>5307</v>
      </c>
      <c r="BE8" s="181">
        <v>5307</v>
      </c>
      <c r="BF8" s="176">
        <v>0</v>
      </c>
      <c r="BG8" s="177">
        <v>0</v>
      </c>
      <c r="BH8" s="182">
        <v>0</v>
      </c>
      <c r="BI8" s="179">
        <v>0</v>
      </c>
      <c r="BJ8" s="177">
        <v>397</v>
      </c>
      <c r="BK8" s="177">
        <v>405</v>
      </c>
      <c r="BL8" s="177">
        <v>261</v>
      </c>
      <c r="BM8" s="177">
        <v>182</v>
      </c>
      <c r="BN8" s="177">
        <v>34</v>
      </c>
      <c r="BO8" s="182">
        <v>1279</v>
      </c>
      <c r="BP8" s="181">
        <v>1279</v>
      </c>
      <c r="BQ8" s="176">
        <v>0</v>
      </c>
      <c r="BR8" s="177">
        <v>0</v>
      </c>
      <c r="BS8" s="182">
        <v>0</v>
      </c>
      <c r="BT8" s="179">
        <v>0</v>
      </c>
      <c r="BU8" s="177">
        <v>135</v>
      </c>
      <c r="BV8" s="177">
        <v>318</v>
      </c>
      <c r="BW8" s="177">
        <v>235</v>
      </c>
      <c r="BX8" s="177">
        <v>319</v>
      </c>
      <c r="BY8" s="177">
        <v>77</v>
      </c>
      <c r="BZ8" s="182">
        <v>1084</v>
      </c>
      <c r="CA8" s="181">
        <v>1084</v>
      </c>
      <c r="CB8" s="176">
        <v>0</v>
      </c>
      <c r="CC8" s="177">
        <v>0</v>
      </c>
      <c r="CD8" s="182">
        <v>0</v>
      </c>
      <c r="CE8" s="179">
        <v>0</v>
      </c>
      <c r="CF8" s="177">
        <v>13</v>
      </c>
      <c r="CG8" s="177">
        <v>52</v>
      </c>
      <c r="CH8" s="177">
        <v>80</v>
      </c>
      <c r="CI8" s="177">
        <v>41</v>
      </c>
      <c r="CJ8" s="177">
        <v>45</v>
      </c>
      <c r="CK8" s="182">
        <v>231</v>
      </c>
      <c r="CL8" s="181">
        <v>231</v>
      </c>
      <c r="CM8" s="176">
        <v>0</v>
      </c>
      <c r="CN8" s="177">
        <v>0</v>
      </c>
      <c r="CO8" s="182">
        <v>0</v>
      </c>
      <c r="CP8" s="179">
        <v>0</v>
      </c>
      <c r="CQ8" s="177">
        <v>0</v>
      </c>
      <c r="CR8" s="177">
        <v>0</v>
      </c>
      <c r="CS8" s="177">
        <v>0</v>
      </c>
      <c r="CT8" s="177">
        <v>0</v>
      </c>
      <c r="CU8" s="177">
        <v>0</v>
      </c>
      <c r="CV8" s="182">
        <v>0</v>
      </c>
      <c r="CW8" s="181">
        <v>0</v>
      </c>
      <c r="CX8" s="176">
        <v>0</v>
      </c>
      <c r="CY8" s="177">
        <v>0</v>
      </c>
      <c r="CZ8" s="182">
        <v>0</v>
      </c>
      <c r="DA8" s="179">
        <v>0</v>
      </c>
      <c r="DB8" s="177">
        <v>0</v>
      </c>
      <c r="DC8" s="177">
        <v>0</v>
      </c>
      <c r="DD8" s="177">
        <v>0</v>
      </c>
      <c r="DE8" s="177">
        <v>0</v>
      </c>
      <c r="DF8" s="177">
        <v>0</v>
      </c>
      <c r="DG8" s="182">
        <v>0</v>
      </c>
      <c r="DH8" s="181">
        <v>0</v>
      </c>
    </row>
    <row r="9" spans="2:112" ht="21" customHeight="1" x14ac:dyDescent="0.2">
      <c r="B9" s="92" t="s">
        <v>14</v>
      </c>
      <c r="C9" s="176">
        <v>0</v>
      </c>
      <c r="D9" s="182">
        <v>0</v>
      </c>
      <c r="E9" s="193">
        <v>0</v>
      </c>
      <c r="F9" s="179">
        <v>0</v>
      </c>
      <c r="G9" s="177">
        <v>513</v>
      </c>
      <c r="H9" s="177">
        <v>1549</v>
      </c>
      <c r="I9" s="177">
        <v>1593</v>
      </c>
      <c r="J9" s="177">
        <v>1213</v>
      </c>
      <c r="K9" s="177">
        <v>2068</v>
      </c>
      <c r="L9" s="180">
        <v>6936</v>
      </c>
      <c r="M9" s="181">
        <v>6936</v>
      </c>
      <c r="N9" s="176">
        <v>0</v>
      </c>
      <c r="O9" s="177">
        <v>0</v>
      </c>
      <c r="P9" s="182">
        <v>0</v>
      </c>
      <c r="Q9" s="179">
        <v>0</v>
      </c>
      <c r="R9" s="177">
        <v>0</v>
      </c>
      <c r="S9" s="177">
        <v>5</v>
      </c>
      <c r="T9" s="177">
        <v>22</v>
      </c>
      <c r="U9" s="177">
        <v>32</v>
      </c>
      <c r="V9" s="177">
        <v>63</v>
      </c>
      <c r="W9" s="182">
        <v>122</v>
      </c>
      <c r="X9" s="181">
        <v>122</v>
      </c>
      <c r="Y9" s="176">
        <v>29</v>
      </c>
      <c r="Z9" s="177">
        <v>159</v>
      </c>
      <c r="AA9" s="182">
        <v>188</v>
      </c>
      <c r="AB9" s="179">
        <v>0</v>
      </c>
      <c r="AC9" s="177">
        <v>391</v>
      </c>
      <c r="AD9" s="177">
        <v>711</v>
      </c>
      <c r="AE9" s="177">
        <v>577</v>
      </c>
      <c r="AF9" s="177">
        <v>445</v>
      </c>
      <c r="AG9" s="177">
        <v>381</v>
      </c>
      <c r="AH9" s="182">
        <v>2505</v>
      </c>
      <c r="AI9" s="181">
        <v>2693</v>
      </c>
      <c r="AJ9" s="176">
        <v>0</v>
      </c>
      <c r="AK9" s="177">
        <v>26</v>
      </c>
      <c r="AL9" s="182">
        <v>26</v>
      </c>
      <c r="AM9" s="179">
        <v>0</v>
      </c>
      <c r="AN9" s="177">
        <v>0</v>
      </c>
      <c r="AO9" s="177">
        <v>103</v>
      </c>
      <c r="AP9" s="177">
        <v>8</v>
      </c>
      <c r="AQ9" s="177">
        <v>27</v>
      </c>
      <c r="AR9" s="177">
        <v>47</v>
      </c>
      <c r="AS9" s="182">
        <v>185</v>
      </c>
      <c r="AT9" s="181">
        <v>211</v>
      </c>
      <c r="AU9" s="176">
        <v>0</v>
      </c>
      <c r="AV9" s="177">
        <v>0</v>
      </c>
      <c r="AW9" s="182">
        <v>0</v>
      </c>
      <c r="AX9" s="179">
        <v>0</v>
      </c>
      <c r="AY9" s="177">
        <v>715</v>
      </c>
      <c r="AZ9" s="177">
        <v>866</v>
      </c>
      <c r="BA9" s="177">
        <v>668</v>
      </c>
      <c r="BB9" s="177">
        <v>230</v>
      </c>
      <c r="BC9" s="177">
        <v>157</v>
      </c>
      <c r="BD9" s="180">
        <v>2636</v>
      </c>
      <c r="BE9" s="181">
        <v>2636</v>
      </c>
      <c r="BF9" s="176">
        <v>0</v>
      </c>
      <c r="BG9" s="177">
        <v>0</v>
      </c>
      <c r="BH9" s="182">
        <v>0</v>
      </c>
      <c r="BI9" s="179">
        <v>0</v>
      </c>
      <c r="BJ9" s="177">
        <v>50</v>
      </c>
      <c r="BK9" s="177">
        <v>131</v>
      </c>
      <c r="BL9" s="177">
        <v>127</v>
      </c>
      <c r="BM9" s="177">
        <v>92</v>
      </c>
      <c r="BN9" s="177">
        <v>27</v>
      </c>
      <c r="BO9" s="182">
        <v>427</v>
      </c>
      <c r="BP9" s="181">
        <v>427</v>
      </c>
      <c r="BQ9" s="176">
        <v>0</v>
      </c>
      <c r="BR9" s="177">
        <v>0</v>
      </c>
      <c r="BS9" s="182">
        <v>0</v>
      </c>
      <c r="BT9" s="179">
        <v>0</v>
      </c>
      <c r="BU9" s="177">
        <v>57</v>
      </c>
      <c r="BV9" s="177">
        <v>201</v>
      </c>
      <c r="BW9" s="177">
        <v>272</v>
      </c>
      <c r="BX9" s="177">
        <v>277</v>
      </c>
      <c r="BY9" s="177">
        <v>90</v>
      </c>
      <c r="BZ9" s="182">
        <v>897</v>
      </c>
      <c r="CA9" s="181">
        <v>897</v>
      </c>
      <c r="CB9" s="176">
        <v>0</v>
      </c>
      <c r="CC9" s="177">
        <v>0</v>
      </c>
      <c r="CD9" s="182">
        <v>0</v>
      </c>
      <c r="CE9" s="179">
        <v>0</v>
      </c>
      <c r="CF9" s="177">
        <v>12</v>
      </c>
      <c r="CG9" s="177">
        <v>0</v>
      </c>
      <c r="CH9" s="177">
        <v>0</v>
      </c>
      <c r="CI9" s="177">
        <v>0</v>
      </c>
      <c r="CJ9" s="177">
        <v>0</v>
      </c>
      <c r="CK9" s="182">
        <v>12</v>
      </c>
      <c r="CL9" s="181">
        <v>12</v>
      </c>
      <c r="CM9" s="176">
        <v>0</v>
      </c>
      <c r="CN9" s="177">
        <v>0</v>
      </c>
      <c r="CO9" s="182">
        <v>0</v>
      </c>
      <c r="CP9" s="179">
        <v>0</v>
      </c>
      <c r="CQ9" s="177">
        <v>0</v>
      </c>
      <c r="CR9" s="177">
        <v>0</v>
      </c>
      <c r="CS9" s="177">
        <v>0</v>
      </c>
      <c r="CT9" s="177">
        <v>0</v>
      </c>
      <c r="CU9" s="177">
        <v>0</v>
      </c>
      <c r="CV9" s="182">
        <v>0</v>
      </c>
      <c r="CW9" s="181">
        <v>0</v>
      </c>
      <c r="CX9" s="176">
        <v>0</v>
      </c>
      <c r="CY9" s="177">
        <v>0</v>
      </c>
      <c r="CZ9" s="182">
        <v>0</v>
      </c>
      <c r="DA9" s="179">
        <v>0</v>
      </c>
      <c r="DB9" s="177">
        <v>0</v>
      </c>
      <c r="DC9" s="177">
        <v>0</v>
      </c>
      <c r="DD9" s="177">
        <v>0</v>
      </c>
      <c r="DE9" s="177">
        <v>0</v>
      </c>
      <c r="DF9" s="177">
        <v>0</v>
      </c>
      <c r="DG9" s="182">
        <v>0</v>
      </c>
      <c r="DH9" s="181">
        <v>0</v>
      </c>
    </row>
    <row r="10" spans="2:112" ht="21" customHeight="1" x14ac:dyDescent="0.2">
      <c r="B10" s="92" t="s">
        <v>7</v>
      </c>
      <c r="C10" s="176">
        <v>0</v>
      </c>
      <c r="D10" s="182">
        <v>0</v>
      </c>
      <c r="E10" s="193">
        <v>0</v>
      </c>
      <c r="F10" s="179">
        <v>0</v>
      </c>
      <c r="G10" s="177">
        <v>957</v>
      </c>
      <c r="H10" s="177">
        <v>544</v>
      </c>
      <c r="I10" s="177">
        <v>857</v>
      </c>
      <c r="J10" s="177">
        <v>965</v>
      </c>
      <c r="K10" s="177">
        <v>446</v>
      </c>
      <c r="L10" s="180">
        <v>3769</v>
      </c>
      <c r="M10" s="181">
        <v>3769</v>
      </c>
      <c r="N10" s="176">
        <v>0</v>
      </c>
      <c r="O10" s="177">
        <v>0</v>
      </c>
      <c r="P10" s="182">
        <v>0</v>
      </c>
      <c r="Q10" s="179">
        <v>0</v>
      </c>
      <c r="R10" s="177">
        <v>4</v>
      </c>
      <c r="S10" s="177">
        <v>3</v>
      </c>
      <c r="T10" s="177">
        <v>6</v>
      </c>
      <c r="U10" s="177">
        <v>43</v>
      </c>
      <c r="V10" s="177">
        <v>64</v>
      </c>
      <c r="W10" s="182">
        <v>120</v>
      </c>
      <c r="X10" s="181">
        <v>120</v>
      </c>
      <c r="Y10" s="176">
        <v>1</v>
      </c>
      <c r="Z10" s="177">
        <v>25</v>
      </c>
      <c r="AA10" s="182">
        <v>26</v>
      </c>
      <c r="AB10" s="179">
        <v>0</v>
      </c>
      <c r="AC10" s="177">
        <v>360</v>
      </c>
      <c r="AD10" s="177">
        <v>220</v>
      </c>
      <c r="AE10" s="177">
        <v>248</v>
      </c>
      <c r="AF10" s="177">
        <v>256</v>
      </c>
      <c r="AG10" s="177">
        <v>190</v>
      </c>
      <c r="AH10" s="182">
        <v>1274</v>
      </c>
      <c r="AI10" s="181">
        <v>1300</v>
      </c>
      <c r="AJ10" s="176">
        <v>8</v>
      </c>
      <c r="AK10" s="177">
        <v>8</v>
      </c>
      <c r="AL10" s="182">
        <v>16</v>
      </c>
      <c r="AM10" s="179">
        <v>0</v>
      </c>
      <c r="AN10" s="177">
        <v>46</v>
      </c>
      <c r="AO10" s="177">
        <v>60</v>
      </c>
      <c r="AP10" s="177">
        <v>33</v>
      </c>
      <c r="AQ10" s="177">
        <v>45</v>
      </c>
      <c r="AR10" s="177">
        <v>0</v>
      </c>
      <c r="AS10" s="182">
        <v>184</v>
      </c>
      <c r="AT10" s="181">
        <v>200</v>
      </c>
      <c r="AU10" s="176">
        <v>0</v>
      </c>
      <c r="AV10" s="177">
        <v>0</v>
      </c>
      <c r="AW10" s="182">
        <v>0</v>
      </c>
      <c r="AX10" s="179">
        <v>0</v>
      </c>
      <c r="AY10" s="177">
        <v>644</v>
      </c>
      <c r="AZ10" s="177">
        <v>337</v>
      </c>
      <c r="BA10" s="177">
        <v>187</v>
      </c>
      <c r="BB10" s="177">
        <v>46</v>
      </c>
      <c r="BC10" s="177">
        <v>27</v>
      </c>
      <c r="BD10" s="180">
        <v>1241</v>
      </c>
      <c r="BE10" s="181">
        <v>1241</v>
      </c>
      <c r="BF10" s="176">
        <v>0</v>
      </c>
      <c r="BG10" s="177">
        <v>0</v>
      </c>
      <c r="BH10" s="182">
        <v>0</v>
      </c>
      <c r="BI10" s="179">
        <v>0</v>
      </c>
      <c r="BJ10" s="177">
        <v>86</v>
      </c>
      <c r="BK10" s="177">
        <v>89</v>
      </c>
      <c r="BL10" s="177">
        <v>61</v>
      </c>
      <c r="BM10" s="177">
        <v>58</v>
      </c>
      <c r="BN10" s="177">
        <v>0</v>
      </c>
      <c r="BO10" s="182">
        <v>294</v>
      </c>
      <c r="BP10" s="181">
        <v>294</v>
      </c>
      <c r="BQ10" s="176">
        <v>0</v>
      </c>
      <c r="BR10" s="177">
        <v>0</v>
      </c>
      <c r="BS10" s="182">
        <v>0</v>
      </c>
      <c r="BT10" s="179">
        <v>0</v>
      </c>
      <c r="BU10" s="177">
        <v>147</v>
      </c>
      <c r="BV10" s="177">
        <v>44</v>
      </c>
      <c r="BW10" s="177">
        <v>76</v>
      </c>
      <c r="BX10" s="177">
        <v>106</v>
      </c>
      <c r="BY10" s="177">
        <v>30</v>
      </c>
      <c r="BZ10" s="182">
        <v>403</v>
      </c>
      <c r="CA10" s="181">
        <v>403</v>
      </c>
      <c r="CB10" s="176">
        <v>0</v>
      </c>
      <c r="CC10" s="177">
        <v>0</v>
      </c>
      <c r="CD10" s="182">
        <v>0</v>
      </c>
      <c r="CE10" s="179">
        <v>0</v>
      </c>
      <c r="CF10" s="177">
        <v>0</v>
      </c>
      <c r="CG10" s="177">
        <v>26</v>
      </c>
      <c r="CH10" s="177">
        <v>31</v>
      </c>
      <c r="CI10" s="177">
        <v>0</v>
      </c>
      <c r="CJ10" s="177">
        <v>0</v>
      </c>
      <c r="CK10" s="182">
        <v>57</v>
      </c>
      <c r="CL10" s="181">
        <v>57</v>
      </c>
      <c r="CM10" s="176">
        <v>0</v>
      </c>
      <c r="CN10" s="177">
        <v>0</v>
      </c>
      <c r="CO10" s="182">
        <v>0</v>
      </c>
      <c r="CP10" s="179">
        <v>0</v>
      </c>
      <c r="CQ10" s="177">
        <v>0</v>
      </c>
      <c r="CR10" s="177">
        <v>0</v>
      </c>
      <c r="CS10" s="177">
        <v>0</v>
      </c>
      <c r="CT10" s="177">
        <v>0</v>
      </c>
      <c r="CU10" s="177">
        <v>0</v>
      </c>
      <c r="CV10" s="182">
        <v>0</v>
      </c>
      <c r="CW10" s="181">
        <v>0</v>
      </c>
      <c r="CX10" s="176">
        <v>0</v>
      </c>
      <c r="CY10" s="177">
        <v>0</v>
      </c>
      <c r="CZ10" s="182">
        <v>0</v>
      </c>
      <c r="DA10" s="179">
        <v>0</v>
      </c>
      <c r="DB10" s="177">
        <v>0</v>
      </c>
      <c r="DC10" s="177">
        <v>0</v>
      </c>
      <c r="DD10" s="177">
        <v>0</v>
      </c>
      <c r="DE10" s="177">
        <v>0</v>
      </c>
      <c r="DF10" s="177">
        <v>0</v>
      </c>
      <c r="DG10" s="182">
        <v>0</v>
      </c>
      <c r="DH10" s="181">
        <v>0</v>
      </c>
    </row>
    <row r="11" spans="2:112" ht="21" customHeight="1" x14ac:dyDescent="0.2">
      <c r="B11" s="92" t="s">
        <v>8</v>
      </c>
      <c r="C11" s="176">
        <v>0</v>
      </c>
      <c r="D11" s="182">
        <v>0</v>
      </c>
      <c r="E11" s="193">
        <v>0</v>
      </c>
      <c r="F11" s="179">
        <v>0</v>
      </c>
      <c r="G11" s="177">
        <v>293</v>
      </c>
      <c r="H11" s="177">
        <v>403</v>
      </c>
      <c r="I11" s="177">
        <v>824</v>
      </c>
      <c r="J11" s="177">
        <v>452</v>
      </c>
      <c r="K11" s="177">
        <v>724</v>
      </c>
      <c r="L11" s="180">
        <v>2696</v>
      </c>
      <c r="M11" s="181">
        <v>2696</v>
      </c>
      <c r="N11" s="176">
        <v>0</v>
      </c>
      <c r="O11" s="177">
        <v>0</v>
      </c>
      <c r="P11" s="182">
        <v>0</v>
      </c>
      <c r="Q11" s="179">
        <v>0</v>
      </c>
      <c r="R11" s="177">
        <v>0</v>
      </c>
      <c r="S11" s="177">
        <v>10</v>
      </c>
      <c r="T11" s="177">
        <v>8</v>
      </c>
      <c r="U11" s="177">
        <v>39</v>
      </c>
      <c r="V11" s="177">
        <v>17</v>
      </c>
      <c r="W11" s="182">
        <v>74</v>
      </c>
      <c r="X11" s="181">
        <v>74</v>
      </c>
      <c r="Y11" s="176">
        <v>27</v>
      </c>
      <c r="Z11" s="177">
        <v>28</v>
      </c>
      <c r="AA11" s="182">
        <v>55</v>
      </c>
      <c r="AB11" s="179">
        <v>0</v>
      </c>
      <c r="AC11" s="177">
        <v>167</v>
      </c>
      <c r="AD11" s="177">
        <v>221</v>
      </c>
      <c r="AE11" s="177">
        <v>134</v>
      </c>
      <c r="AF11" s="177">
        <v>100</v>
      </c>
      <c r="AG11" s="177">
        <v>94</v>
      </c>
      <c r="AH11" s="182">
        <v>716</v>
      </c>
      <c r="AI11" s="181">
        <v>771</v>
      </c>
      <c r="AJ11" s="176">
        <v>0</v>
      </c>
      <c r="AK11" s="177">
        <v>0</v>
      </c>
      <c r="AL11" s="182">
        <v>0</v>
      </c>
      <c r="AM11" s="179">
        <v>0</v>
      </c>
      <c r="AN11" s="177">
        <v>59</v>
      </c>
      <c r="AO11" s="177">
        <v>58</v>
      </c>
      <c r="AP11" s="177">
        <v>38</v>
      </c>
      <c r="AQ11" s="177">
        <v>29</v>
      </c>
      <c r="AR11" s="177">
        <v>0</v>
      </c>
      <c r="AS11" s="182">
        <v>184</v>
      </c>
      <c r="AT11" s="181">
        <v>184</v>
      </c>
      <c r="AU11" s="176">
        <v>0</v>
      </c>
      <c r="AV11" s="177">
        <v>0</v>
      </c>
      <c r="AW11" s="182">
        <v>0</v>
      </c>
      <c r="AX11" s="179">
        <v>0</v>
      </c>
      <c r="AY11" s="177">
        <v>198</v>
      </c>
      <c r="AZ11" s="177">
        <v>225</v>
      </c>
      <c r="BA11" s="177">
        <v>170</v>
      </c>
      <c r="BB11" s="177">
        <v>45</v>
      </c>
      <c r="BC11" s="177">
        <v>60</v>
      </c>
      <c r="BD11" s="180">
        <v>698</v>
      </c>
      <c r="BE11" s="181">
        <v>698</v>
      </c>
      <c r="BF11" s="176">
        <v>0</v>
      </c>
      <c r="BG11" s="177">
        <v>0</v>
      </c>
      <c r="BH11" s="182">
        <v>0</v>
      </c>
      <c r="BI11" s="179">
        <v>0</v>
      </c>
      <c r="BJ11" s="177">
        <v>80</v>
      </c>
      <c r="BK11" s="177">
        <v>46</v>
      </c>
      <c r="BL11" s="177">
        <v>88</v>
      </c>
      <c r="BM11" s="177">
        <v>32</v>
      </c>
      <c r="BN11" s="177">
        <v>17</v>
      </c>
      <c r="BO11" s="182">
        <v>263</v>
      </c>
      <c r="BP11" s="181">
        <v>263</v>
      </c>
      <c r="BQ11" s="176">
        <v>10</v>
      </c>
      <c r="BR11" s="177">
        <v>0</v>
      </c>
      <c r="BS11" s="182">
        <v>10</v>
      </c>
      <c r="BT11" s="179">
        <v>0</v>
      </c>
      <c r="BU11" s="177">
        <v>56</v>
      </c>
      <c r="BV11" s="177">
        <v>97</v>
      </c>
      <c r="BW11" s="177">
        <v>110</v>
      </c>
      <c r="BX11" s="177">
        <v>39</v>
      </c>
      <c r="BY11" s="177">
        <v>49</v>
      </c>
      <c r="BZ11" s="182">
        <v>351</v>
      </c>
      <c r="CA11" s="181">
        <v>361</v>
      </c>
      <c r="CB11" s="176">
        <v>0</v>
      </c>
      <c r="CC11" s="177">
        <v>0</v>
      </c>
      <c r="CD11" s="182">
        <v>0</v>
      </c>
      <c r="CE11" s="179">
        <v>0</v>
      </c>
      <c r="CF11" s="177">
        <v>12</v>
      </c>
      <c r="CG11" s="177">
        <v>14</v>
      </c>
      <c r="CH11" s="177">
        <v>0</v>
      </c>
      <c r="CI11" s="177">
        <v>2</v>
      </c>
      <c r="CJ11" s="177">
        <v>6</v>
      </c>
      <c r="CK11" s="182">
        <v>34</v>
      </c>
      <c r="CL11" s="181">
        <v>34</v>
      </c>
      <c r="CM11" s="176">
        <v>0</v>
      </c>
      <c r="CN11" s="177">
        <v>0</v>
      </c>
      <c r="CO11" s="182">
        <v>0</v>
      </c>
      <c r="CP11" s="179">
        <v>0</v>
      </c>
      <c r="CQ11" s="177">
        <v>0</v>
      </c>
      <c r="CR11" s="177">
        <v>0</v>
      </c>
      <c r="CS11" s="177">
        <v>0</v>
      </c>
      <c r="CT11" s="177">
        <v>0</v>
      </c>
      <c r="CU11" s="177">
        <v>0</v>
      </c>
      <c r="CV11" s="182">
        <v>0</v>
      </c>
      <c r="CW11" s="181">
        <v>0</v>
      </c>
      <c r="CX11" s="176">
        <v>0</v>
      </c>
      <c r="CY11" s="177">
        <v>0</v>
      </c>
      <c r="CZ11" s="182">
        <v>0</v>
      </c>
      <c r="DA11" s="179">
        <v>0</v>
      </c>
      <c r="DB11" s="177">
        <v>0</v>
      </c>
      <c r="DC11" s="177">
        <v>0</v>
      </c>
      <c r="DD11" s="177">
        <v>0</v>
      </c>
      <c r="DE11" s="177">
        <v>0</v>
      </c>
      <c r="DF11" s="177">
        <v>0</v>
      </c>
      <c r="DG11" s="182">
        <v>0</v>
      </c>
      <c r="DH11" s="181">
        <v>0</v>
      </c>
    </row>
    <row r="12" spans="2:112" ht="21" customHeight="1" x14ac:dyDescent="0.2">
      <c r="B12" s="92" t="s">
        <v>9</v>
      </c>
      <c r="C12" s="176">
        <v>0</v>
      </c>
      <c r="D12" s="182">
        <v>0</v>
      </c>
      <c r="E12" s="193">
        <v>0</v>
      </c>
      <c r="F12" s="179">
        <v>0</v>
      </c>
      <c r="G12" s="177">
        <v>743</v>
      </c>
      <c r="H12" s="177">
        <v>762</v>
      </c>
      <c r="I12" s="177">
        <v>1165</v>
      </c>
      <c r="J12" s="177">
        <v>1598</v>
      </c>
      <c r="K12" s="177">
        <v>927</v>
      </c>
      <c r="L12" s="180">
        <v>5195</v>
      </c>
      <c r="M12" s="181">
        <v>5195</v>
      </c>
      <c r="N12" s="176">
        <v>0</v>
      </c>
      <c r="O12" s="177">
        <v>0</v>
      </c>
      <c r="P12" s="182">
        <v>0</v>
      </c>
      <c r="Q12" s="179">
        <v>0</v>
      </c>
      <c r="R12" s="177">
        <v>4</v>
      </c>
      <c r="S12" s="177">
        <v>0</v>
      </c>
      <c r="T12" s="177">
        <v>4</v>
      </c>
      <c r="U12" s="177">
        <v>45</v>
      </c>
      <c r="V12" s="177">
        <v>21</v>
      </c>
      <c r="W12" s="182">
        <v>74</v>
      </c>
      <c r="X12" s="181">
        <v>74</v>
      </c>
      <c r="Y12" s="176">
        <v>74</v>
      </c>
      <c r="Z12" s="177">
        <v>132</v>
      </c>
      <c r="AA12" s="182">
        <v>206</v>
      </c>
      <c r="AB12" s="179">
        <v>0</v>
      </c>
      <c r="AC12" s="177">
        <v>450</v>
      </c>
      <c r="AD12" s="177">
        <v>420</v>
      </c>
      <c r="AE12" s="177">
        <v>413</v>
      </c>
      <c r="AF12" s="177">
        <v>359</v>
      </c>
      <c r="AG12" s="177">
        <v>209</v>
      </c>
      <c r="AH12" s="182">
        <v>1851</v>
      </c>
      <c r="AI12" s="181">
        <v>2057</v>
      </c>
      <c r="AJ12" s="176">
        <v>0</v>
      </c>
      <c r="AK12" s="177">
        <v>0</v>
      </c>
      <c r="AL12" s="182">
        <v>0</v>
      </c>
      <c r="AM12" s="179">
        <v>0</v>
      </c>
      <c r="AN12" s="177">
        <v>57</v>
      </c>
      <c r="AO12" s="177">
        <v>88</v>
      </c>
      <c r="AP12" s="177">
        <v>37</v>
      </c>
      <c r="AQ12" s="177">
        <v>32</v>
      </c>
      <c r="AR12" s="177">
        <v>24</v>
      </c>
      <c r="AS12" s="182">
        <v>238</v>
      </c>
      <c r="AT12" s="181">
        <v>238</v>
      </c>
      <c r="AU12" s="176">
        <v>0</v>
      </c>
      <c r="AV12" s="177">
        <v>0</v>
      </c>
      <c r="AW12" s="182">
        <v>0</v>
      </c>
      <c r="AX12" s="179">
        <v>0</v>
      </c>
      <c r="AY12" s="177">
        <v>546</v>
      </c>
      <c r="AZ12" s="177">
        <v>373</v>
      </c>
      <c r="BA12" s="177">
        <v>262</v>
      </c>
      <c r="BB12" s="177">
        <v>128</v>
      </c>
      <c r="BC12" s="177">
        <v>21</v>
      </c>
      <c r="BD12" s="180">
        <v>1330</v>
      </c>
      <c r="BE12" s="181">
        <v>1330</v>
      </c>
      <c r="BF12" s="176">
        <v>0</v>
      </c>
      <c r="BG12" s="177">
        <v>0</v>
      </c>
      <c r="BH12" s="182">
        <v>0</v>
      </c>
      <c r="BI12" s="179">
        <v>0</v>
      </c>
      <c r="BJ12" s="177">
        <v>128</v>
      </c>
      <c r="BK12" s="177">
        <v>62</v>
      </c>
      <c r="BL12" s="177">
        <v>43</v>
      </c>
      <c r="BM12" s="177">
        <v>44</v>
      </c>
      <c r="BN12" s="177">
        <v>19</v>
      </c>
      <c r="BO12" s="182">
        <v>296</v>
      </c>
      <c r="BP12" s="181">
        <v>296</v>
      </c>
      <c r="BQ12" s="176">
        <v>29</v>
      </c>
      <c r="BR12" s="177">
        <v>0</v>
      </c>
      <c r="BS12" s="182">
        <v>29</v>
      </c>
      <c r="BT12" s="179">
        <v>0</v>
      </c>
      <c r="BU12" s="177">
        <v>28</v>
      </c>
      <c r="BV12" s="177">
        <v>25</v>
      </c>
      <c r="BW12" s="177">
        <v>80</v>
      </c>
      <c r="BX12" s="177">
        <v>98</v>
      </c>
      <c r="BY12" s="177">
        <v>22</v>
      </c>
      <c r="BZ12" s="182">
        <v>253</v>
      </c>
      <c r="CA12" s="181">
        <v>282</v>
      </c>
      <c r="CB12" s="176">
        <v>0</v>
      </c>
      <c r="CC12" s="177">
        <v>0</v>
      </c>
      <c r="CD12" s="182">
        <v>0</v>
      </c>
      <c r="CE12" s="179">
        <v>0</v>
      </c>
      <c r="CF12" s="177">
        <v>8</v>
      </c>
      <c r="CG12" s="177">
        <v>13</v>
      </c>
      <c r="CH12" s="177">
        <v>29</v>
      </c>
      <c r="CI12" s="177">
        <v>37</v>
      </c>
      <c r="CJ12" s="177">
        <v>3</v>
      </c>
      <c r="CK12" s="182">
        <v>90</v>
      </c>
      <c r="CL12" s="181">
        <v>90</v>
      </c>
      <c r="CM12" s="176">
        <v>0</v>
      </c>
      <c r="CN12" s="177">
        <v>0</v>
      </c>
      <c r="CO12" s="182">
        <v>0</v>
      </c>
      <c r="CP12" s="179">
        <v>0</v>
      </c>
      <c r="CQ12" s="177">
        <v>0</v>
      </c>
      <c r="CR12" s="177">
        <v>0</v>
      </c>
      <c r="CS12" s="177">
        <v>0</v>
      </c>
      <c r="CT12" s="177">
        <v>0</v>
      </c>
      <c r="CU12" s="177">
        <v>0</v>
      </c>
      <c r="CV12" s="182">
        <v>0</v>
      </c>
      <c r="CW12" s="181">
        <v>0</v>
      </c>
      <c r="CX12" s="176">
        <v>0</v>
      </c>
      <c r="CY12" s="177">
        <v>0</v>
      </c>
      <c r="CZ12" s="182">
        <v>0</v>
      </c>
      <c r="DA12" s="179">
        <v>0</v>
      </c>
      <c r="DB12" s="177">
        <v>0</v>
      </c>
      <c r="DC12" s="177">
        <v>0</v>
      </c>
      <c r="DD12" s="177">
        <v>0</v>
      </c>
      <c r="DE12" s="177">
        <v>0</v>
      </c>
      <c r="DF12" s="177">
        <v>0</v>
      </c>
      <c r="DG12" s="182">
        <v>0</v>
      </c>
      <c r="DH12" s="181">
        <v>0</v>
      </c>
    </row>
    <row r="13" spans="2:112" ht="21" customHeight="1" x14ac:dyDescent="0.2">
      <c r="B13" s="92" t="s">
        <v>10</v>
      </c>
      <c r="C13" s="176">
        <v>0</v>
      </c>
      <c r="D13" s="182">
        <v>0</v>
      </c>
      <c r="E13" s="193">
        <v>0</v>
      </c>
      <c r="F13" s="179">
        <v>0</v>
      </c>
      <c r="G13" s="177">
        <v>1252</v>
      </c>
      <c r="H13" s="177">
        <v>1505</v>
      </c>
      <c r="I13" s="177">
        <v>1992</v>
      </c>
      <c r="J13" s="177">
        <v>2505</v>
      </c>
      <c r="K13" s="177">
        <v>1781</v>
      </c>
      <c r="L13" s="180">
        <v>9035</v>
      </c>
      <c r="M13" s="181">
        <v>9035</v>
      </c>
      <c r="N13" s="176">
        <v>0</v>
      </c>
      <c r="O13" s="177">
        <v>0</v>
      </c>
      <c r="P13" s="182">
        <v>0</v>
      </c>
      <c r="Q13" s="179">
        <v>0</v>
      </c>
      <c r="R13" s="177">
        <v>0</v>
      </c>
      <c r="S13" s="177">
        <v>11</v>
      </c>
      <c r="T13" s="177">
        <v>7</v>
      </c>
      <c r="U13" s="177">
        <v>12</v>
      </c>
      <c r="V13" s="177">
        <v>30</v>
      </c>
      <c r="W13" s="182">
        <v>60</v>
      </c>
      <c r="X13" s="181">
        <v>60</v>
      </c>
      <c r="Y13" s="176">
        <v>89</v>
      </c>
      <c r="Z13" s="177">
        <v>276</v>
      </c>
      <c r="AA13" s="182">
        <v>365</v>
      </c>
      <c r="AB13" s="179">
        <v>0</v>
      </c>
      <c r="AC13" s="177">
        <v>671</v>
      </c>
      <c r="AD13" s="177">
        <v>561</v>
      </c>
      <c r="AE13" s="177">
        <v>220</v>
      </c>
      <c r="AF13" s="177">
        <v>312</v>
      </c>
      <c r="AG13" s="177">
        <v>176</v>
      </c>
      <c r="AH13" s="182">
        <v>1940</v>
      </c>
      <c r="AI13" s="181">
        <v>2305</v>
      </c>
      <c r="AJ13" s="176">
        <v>0</v>
      </c>
      <c r="AK13" s="177">
        <v>48</v>
      </c>
      <c r="AL13" s="182">
        <v>48</v>
      </c>
      <c r="AM13" s="179">
        <v>0</v>
      </c>
      <c r="AN13" s="177">
        <v>150</v>
      </c>
      <c r="AO13" s="177">
        <v>84</v>
      </c>
      <c r="AP13" s="177">
        <v>83</v>
      </c>
      <c r="AQ13" s="177">
        <v>28</v>
      </c>
      <c r="AR13" s="177">
        <v>26</v>
      </c>
      <c r="AS13" s="182">
        <v>371</v>
      </c>
      <c r="AT13" s="181">
        <v>419</v>
      </c>
      <c r="AU13" s="176">
        <v>0</v>
      </c>
      <c r="AV13" s="177">
        <v>0</v>
      </c>
      <c r="AW13" s="182">
        <v>0</v>
      </c>
      <c r="AX13" s="179">
        <v>0</v>
      </c>
      <c r="AY13" s="177">
        <v>948</v>
      </c>
      <c r="AZ13" s="177">
        <v>509</v>
      </c>
      <c r="BA13" s="177">
        <v>351</v>
      </c>
      <c r="BB13" s="177">
        <v>270</v>
      </c>
      <c r="BC13" s="177">
        <v>88</v>
      </c>
      <c r="BD13" s="180">
        <v>2166</v>
      </c>
      <c r="BE13" s="181">
        <v>2166</v>
      </c>
      <c r="BF13" s="176">
        <v>0</v>
      </c>
      <c r="BG13" s="177">
        <v>0</v>
      </c>
      <c r="BH13" s="182">
        <v>0</v>
      </c>
      <c r="BI13" s="179">
        <v>0</v>
      </c>
      <c r="BJ13" s="177">
        <v>147</v>
      </c>
      <c r="BK13" s="177">
        <v>92</v>
      </c>
      <c r="BL13" s="177">
        <v>108</v>
      </c>
      <c r="BM13" s="177">
        <v>39</v>
      </c>
      <c r="BN13" s="177">
        <v>16</v>
      </c>
      <c r="BO13" s="182">
        <v>402</v>
      </c>
      <c r="BP13" s="181">
        <v>402</v>
      </c>
      <c r="BQ13" s="176">
        <v>0</v>
      </c>
      <c r="BR13" s="177">
        <v>17</v>
      </c>
      <c r="BS13" s="182">
        <v>17</v>
      </c>
      <c r="BT13" s="179">
        <v>0</v>
      </c>
      <c r="BU13" s="177">
        <v>132</v>
      </c>
      <c r="BV13" s="177">
        <v>78</v>
      </c>
      <c r="BW13" s="177">
        <v>179</v>
      </c>
      <c r="BX13" s="177">
        <v>59</v>
      </c>
      <c r="BY13" s="177">
        <v>37</v>
      </c>
      <c r="BZ13" s="182">
        <v>485</v>
      </c>
      <c r="CA13" s="181">
        <v>502</v>
      </c>
      <c r="CB13" s="176">
        <v>0</v>
      </c>
      <c r="CC13" s="177">
        <v>0</v>
      </c>
      <c r="CD13" s="182">
        <v>0</v>
      </c>
      <c r="CE13" s="179">
        <v>0</v>
      </c>
      <c r="CF13" s="177">
        <v>3</v>
      </c>
      <c r="CG13" s="177">
        <v>20</v>
      </c>
      <c r="CH13" s="177">
        <v>6</v>
      </c>
      <c r="CI13" s="177">
        <v>13</v>
      </c>
      <c r="CJ13" s="177">
        <v>4</v>
      </c>
      <c r="CK13" s="182">
        <v>46</v>
      </c>
      <c r="CL13" s="181">
        <v>46</v>
      </c>
      <c r="CM13" s="176">
        <v>0</v>
      </c>
      <c r="CN13" s="177">
        <v>0</v>
      </c>
      <c r="CO13" s="182">
        <v>0</v>
      </c>
      <c r="CP13" s="179">
        <v>0</v>
      </c>
      <c r="CQ13" s="177">
        <v>0</v>
      </c>
      <c r="CR13" s="177">
        <v>0</v>
      </c>
      <c r="CS13" s="177">
        <v>0</v>
      </c>
      <c r="CT13" s="177">
        <v>0</v>
      </c>
      <c r="CU13" s="177">
        <v>0</v>
      </c>
      <c r="CV13" s="182">
        <v>0</v>
      </c>
      <c r="CW13" s="181">
        <v>0</v>
      </c>
      <c r="CX13" s="176">
        <v>0</v>
      </c>
      <c r="CY13" s="177">
        <v>0</v>
      </c>
      <c r="CZ13" s="182">
        <v>0</v>
      </c>
      <c r="DA13" s="179">
        <v>0</v>
      </c>
      <c r="DB13" s="177">
        <v>0</v>
      </c>
      <c r="DC13" s="177">
        <v>0</v>
      </c>
      <c r="DD13" s="177">
        <v>0</v>
      </c>
      <c r="DE13" s="177">
        <v>0</v>
      </c>
      <c r="DF13" s="177">
        <v>0</v>
      </c>
      <c r="DG13" s="182">
        <v>0</v>
      </c>
      <c r="DH13" s="181">
        <v>0</v>
      </c>
    </row>
    <row r="14" spans="2:112" ht="21" customHeight="1" x14ac:dyDescent="0.2">
      <c r="B14" s="92" t="s">
        <v>11</v>
      </c>
      <c r="C14" s="176">
        <v>0</v>
      </c>
      <c r="D14" s="182">
        <v>0</v>
      </c>
      <c r="E14" s="193">
        <v>0</v>
      </c>
      <c r="F14" s="179">
        <v>0</v>
      </c>
      <c r="G14" s="177">
        <v>167</v>
      </c>
      <c r="H14" s="177">
        <v>159</v>
      </c>
      <c r="I14" s="177">
        <v>183</v>
      </c>
      <c r="J14" s="177">
        <v>318</v>
      </c>
      <c r="K14" s="177">
        <v>360</v>
      </c>
      <c r="L14" s="180">
        <v>1187</v>
      </c>
      <c r="M14" s="181">
        <v>1187</v>
      </c>
      <c r="N14" s="176">
        <v>0</v>
      </c>
      <c r="O14" s="177">
        <v>0</v>
      </c>
      <c r="P14" s="182">
        <v>0</v>
      </c>
      <c r="Q14" s="179">
        <v>0</v>
      </c>
      <c r="R14" s="177">
        <v>0</v>
      </c>
      <c r="S14" s="177">
        <v>6</v>
      </c>
      <c r="T14" s="177">
        <v>0</v>
      </c>
      <c r="U14" s="177">
        <v>29</v>
      </c>
      <c r="V14" s="177">
        <v>4</v>
      </c>
      <c r="W14" s="182">
        <v>39</v>
      </c>
      <c r="X14" s="181">
        <v>39</v>
      </c>
      <c r="Y14" s="176">
        <v>29</v>
      </c>
      <c r="Z14" s="177">
        <v>14</v>
      </c>
      <c r="AA14" s="182">
        <v>43</v>
      </c>
      <c r="AB14" s="179">
        <v>0</v>
      </c>
      <c r="AC14" s="177">
        <v>326</v>
      </c>
      <c r="AD14" s="177">
        <v>177</v>
      </c>
      <c r="AE14" s="177">
        <v>50</v>
      </c>
      <c r="AF14" s="177">
        <v>149</v>
      </c>
      <c r="AG14" s="177">
        <v>84</v>
      </c>
      <c r="AH14" s="182">
        <v>786</v>
      </c>
      <c r="AI14" s="181">
        <v>829</v>
      </c>
      <c r="AJ14" s="176">
        <v>0</v>
      </c>
      <c r="AK14" s="177">
        <v>0</v>
      </c>
      <c r="AL14" s="182">
        <v>0</v>
      </c>
      <c r="AM14" s="179">
        <v>0</v>
      </c>
      <c r="AN14" s="177">
        <v>10</v>
      </c>
      <c r="AO14" s="177">
        <v>39</v>
      </c>
      <c r="AP14" s="177">
        <v>37</v>
      </c>
      <c r="AQ14" s="177">
        <v>6</v>
      </c>
      <c r="AR14" s="177">
        <v>25</v>
      </c>
      <c r="AS14" s="182">
        <v>117</v>
      </c>
      <c r="AT14" s="181">
        <v>117</v>
      </c>
      <c r="AU14" s="176">
        <v>0</v>
      </c>
      <c r="AV14" s="177">
        <v>0</v>
      </c>
      <c r="AW14" s="182">
        <v>0</v>
      </c>
      <c r="AX14" s="179">
        <v>0</v>
      </c>
      <c r="AY14" s="177">
        <v>174</v>
      </c>
      <c r="AZ14" s="177">
        <v>130</v>
      </c>
      <c r="BA14" s="177">
        <v>113</v>
      </c>
      <c r="BB14" s="177">
        <v>97</v>
      </c>
      <c r="BC14" s="177">
        <v>26</v>
      </c>
      <c r="BD14" s="180">
        <v>540</v>
      </c>
      <c r="BE14" s="181">
        <v>540</v>
      </c>
      <c r="BF14" s="176">
        <v>0</v>
      </c>
      <c r="BG14" s="177">
        <v>0</v>
      </c>
      <c r="BH14" s="182">
        <v>0</v>
      </c>
      <c r="BI14" s="179">
        <v>0</v>
      </c>
      <c r="BJ14" s="177">
        <v>65</v>
      </c>
      <c r="BK14" s="177">
        <v>61</v>
      </c>
      <c r="BL14" s="177">
        <v>56</v>
      </c>
      <c r="BM14" s="177">
        <v>31</v>
      </c>
      <c r="BN14" s="177">
        <v>4</v>
      </c>
      <c r="BO14" s="182">
        <v>217</v>
      </c>
      <c r="BP14" s="181">
        <v>217</v>
      </c>
      <c r="BQ14" s="176">
        <v>0</v>
      </c>
      <c r="BR14" s="177">
        <v>0</v>
      </c>
      <c r="BS14" s="182">
        <v>0</v>
      </c>
      <c r="BT14" s="179">
        <v>0</v>
      </c>
      <c r="BU14" s="177">
        <v>6</v>
      </c>
      <c r="BV14" s="177">
        <v>8</v>
      </c>
      <c r="BW14" s="177">
        <v>29</v>
      </c>
      <c r="BX14" s="177">
        <v>36</v>
      </c>
      <c r="BY14" s="177">
        <v>58</v>
      </c>
      <c r="BZ14" s="182">
        <v>137</v>
      </c>
      <c r="CA14" s="181">
        <v>137</v>
      </c>
      <c r="CB14" s="176">
        <v>0</v>
      </c>
      <c r="CC14" s="177">
        <v>0</v>
      </c>
      <c r="CD14" s="182">
        <v>0</v>
      </c>
      <c r="CE14" s="179">
        <v>0</v>
      </c>
      <c r="CF14" s="177">
        <v>0</v>
      </c>
      <c r="CG14" s="177">
        <v>0</v>
      </c>
      <c r="CH14" s="177">
        <v>8</v>
      </c>
      <c r="CI14" s="177">
        <v>3</v>
      </c>
      <c r="CJ14" s="177">
        <v>14</v>
      </c>
      <c r="CK14" s="182">
        <v>25</v>
      </c>
      <c r="CL14" s="181">
        <v>25</v>
      </c>
      <c r="CM14" s="176">
        <v>0</v>
      </c>
      <c r="CN14" s="177">
        <v>0</v>
      </c>
      <c r="CO14" s="182">
        <v>0</v>
      </c>
      <c r="CP14" s="179">
        <v>0</v>
      </c>
      <c r="CQ14" s="177">
        <v>0</v>
      </c>
      <c r="CR14" s="177">
        <v>0</v>
      </c>
      <c r="CS14" s="177">
        <v>0</v>
      </c>
      <c r="CT14" s="177">
        <v>0</v>
      </c>
      <c r="CU14" s="177">
        <v>0</v>
      </c>
      <c r="CV14" s="182">
        <v>0</v>
      </c>
      <c r="CW14" s="181">
        <v>0</v>
      </c>
      <c r="CX14" s="176">
        <v>0</v>
      </c>
      <c r="CY14" s="177">
        <v>0</v>
      </c>
      <c r="CZ14" s="182">
        <v>0</v>
      </c>
      <c r="DA14" s="179">
        <v>0</v>
      </c>
      <c r="DB14" s="177">
        <v>0</v>
      </c>
      <c r="DC14" s="177">
        <v>0</v>
      </c>
      <c r="DD14" s="177">
        <v>0</v>
      </c>
      <c r="DE14" s="177">
        <v>0</v>
      </c>
      <c r="DF14" s="177">
        <v>0</v>
      </c>
      <c r="DG14" s="182">
        <v>0</v>
      </c>
      <c r="DH14" s="181">
        <v>0</v>
      </c>
    </row>
    <row r="15" spans="2:112" ht="21" customHeight="1" x14ac:dyDescent="0.2">
      <c r="B15" s="92" t="s">
        <v>12</v>
      </c>
      <c r="C15" s="176">
        <v>0</v>
      </c>
      <c r="D15" s="182">
        <v>0</v>
      </c>
      <c r="E15" s="193">
        <v>0</v>
      </c>
      <c r="F15" s="179">
        <v>0</v>
      </c>
      <c r="G15" s="177">
        <v>439</v>
      </c>
      <c r="H15" s="177">
        <v>527</v>
      </c>
      <c r="I15" s="177">
        <v>904</v>
      </c>
      <c r="J15" s="177">
        <v>792</v>
      </c>
      <c r="K15" s="177">
        <v>508</v>
      </c>
      <c r="L15" s="180">
        <v>3170</v>
      </c>
      <c r="M15" s="181">
        <v>3170</v>
      </c>
      <c r="N15" s="176">
        <v>0</v>
      </c>
      <c r="O15" s="177">
        <v>0</v>
      </c>
      <c r="P15" s="182">
        <v>0</v>
      </c>
      <c r="Q15" s="179">
        <v>0</v>
      </c>
      <c r="R15" s="177">
        <v>0</v>
      </c>
      <c r="S15" s="177">
        <v>15</v>
      </c>
      <c r="T15" s="177">
        <v>4</v>
      </c>
      <c r="U15" s="177">
        <v>26</v>
      </c>
      <c r="V15" s="177">
        <v>16</v>
      </c>
      <c r="W15" s="182">
        <v>61</v>
      </c>
      <c r="X15" s="181">
        <v>61</v>
      </c>
      <c r="Y15" s="176">
        <v>75</v>
      </c>
      <c r="Z15" s="177">
        <v>318</v>
      </c>
      <c r="AA15" s="182">
        <v>393</v>
      </c>
      <c r="AB15" s="179">
        <v>0</v>
      </c>
      <c r="AC15" s="177">
        <v>171</v>
      </c>
      <c r="AD15" s="177">
        <v>357</v>
      </c>
      <c r="AE15" s="177">
        <v>109</v>
      </c>
      <c r="AF15" s="177">
        <v>267</v>
      </c>
      <c r="AG15" s="177">
        <v>121</v>
      </c>
      <c r="AH15" s="182">
        <v>1025</v>
      </c>
      <c r="AI15" s="181">
        <v>1418</v>
      </c>
      <c r="AJ15" s="176">
        <v>15</v>
      </c>
      <c r="AK15" s="177">
        <v>6</v>
      </c>
      <c r="AL15" s="182">
        <v>21</v>
      </c>
      <c r="AM15" s="179">
        <v>0</v>
      </c>
      <c r="AN15" s="177">
        <v>21</v>
      </c>
      <c r="AO15" s="177">
        <v>8</v>
      </c>
      <c r="AP15" s="177">
        <v>33</v>
      </c>
      <c r="AQ15" s="177">
        <v>40</v>
      </c>
      <c r="AR15" s="177">
        <v>13</v>
      </c>
      <c r="AS15" s="182">
        <v>115</v>
      </c>
      <c r="AT15" s="181">
        <v>136</v>
      </c>
      <c r="AU15" s="176">
        <v>0</v>
      </c>
      <c r="AV15" s="177">
        <v>0</v>
      </c>
      <c r="AW15" s="182">
        <v>0</v>
      </c>
      <c r="AX15" s="179">
        <v>0</v>
      </c>
      <c r="AY15" s="177">
        <v>379</v>
      </c>
      <c r="AZ15" s="177">
        <v>326</v>
      </c>
      <c r="BA15" s="177">
        <v>199</v>
      </c>
      <c r="BB15" s="177">
        <v>59</v>
      </c>
      <c r="BC15" s="177">
        <v>79</v>
      </c>
      <c r="BD15" s="180">
        <v>1042</v>
      </c>
      <c r="BE15" s="181">
        <v>1042</v>
      </c>
      <c r="BF15" s="176">
        <v>0</v>
      </c>
      <c r="BG15" s="177">
        <v>0</v>
      </c>
      <c r="BH15" s="182">
        <v>0</v>
      </c>
      <c r="BI15" s="179">
        <v>0</v>
      </c>
      <c r="BJ15" s="177">
        <v>93</v>
      </c>
      <c r="BK15" s="177">
        <v>78</v>
      </c>
      <c r="BL15" s="177">
        <v>66</v>
      </c>
      <c r="BM15" s="177">
        <v>23</v>
      </c>
      <c r="BN15" s="177">
        <v>2</v>
      </c>
      <c r="BO15" s="182">
        <v>262</v>
      </c>
      <c r="BP15" s="181">
        <v>262</v>
      </c>
      <c r="BQ15" s="176">
        <v>1</v>
      </c>
      <c r="BR15" s="177">
        <v>8</v>
      </c>
      <c r="BS15" s="182">
        <v>9</v>
      </c>
      <c r="BT15" s="179">
        <v>0</v>
      </c>
      <c r="BU15" s="177">
        <v>68</v>
      </c>
      <c r="BV15" s="177">
        <v>57</v>
      </c>
      <c r="BW15" s="177">
        <v>113</v>
      </c>
      <c r="BX15" s="177">
        <v>40</v>
      </c>
      <c r="BY15" s="177">
        <v>6</v>
      </c>
      <c r="BZ15" s="182">
        <v>284</v>
      </c>
      <c r="CA15" s="181">
        <v>293</v>
      </c>
      <c r="CB15" s="176">
        <v>0</v>
      </c>
      <c r="CC15" s="177">
        <v>0</v>
      </c>
      <c r="CD15" s="182">
        <v>0</v>
      </c>
      <c r="CE15" s="179">
        <v>0</v>
      </c>
      <c r="CF15" s="177">
        <v>0</v>
      </c>
      <c r="CG15" s="177">
        <v>0</v>
      </c>
      <c r="CH15" s="177">
        <v>3</v>
      </c>
      <c r="CI15" s="177">
        <v>0</v>
      </c>
      <c r="CJ15" s="177">
        <v>19</v>
      </c>
      <c r="CK15" s="182">
        <v>22</v>
      </c>
      <c r="CL15" s="181">
        <v>22</v>
      </c>
      <c r="CM15" s="176">
        <v>0</v>
      </c>
      <c r="CN15" s="177">
        <v>0</v>
      </c>
      <c r="CO15" s="182">
        <v>0</v>
      </c>
      <c r="CP15" s="179">
        <v>0</v>
      </c>
      <c r="CQ15" s="177">
        <v>0</v>
      </c>
      <c r="CR15" s="177">
        <v>0</v>
      </c>
      <c r="CS15" s="177">
        <v>0</v>
      </c>
      <c r="CT15" s="177">
        <v>0</v>
      </c>
      <c r="CU15" s="177">
        <v>0</v>
      </c>
      <c r="CV15" s="182">
        <v>0</v>
      </c>
      <c r="CW15" s="181">
        <v>0</v>
      </c>
      <c r="CX15" s="176">
        <v>0</v>
      </c>
      <c r="CY15" s="177">
        <v>0</v>
      </c>
      <c r="CZ15" s="182">
        <v>0</v>
      </c>
      <c r="DA15" s="179">
        <v>0</v>
      </c>
      <c r="DB15" s="177">
        <v>0</v>
      </c>
      <c r="DC15" s="177">
        <v>0</v>
      </c>
      <c r="DD15" s="177">
        <v>0</v>
      </c>
      <c r="DE15" s="177">
        <v>0</v>
      </c>
      <c r="DF15" s="177">
        <v>0</v>
      </c>
      <c r="DG15" s="182">
        <v>0</v>
      </c>
      <c r="DH15" s="181">
        <v>0</v>
      </c>
    </row>
    <row r="16" spans="2:112" ht="21" customHeight="1" x14ac:dyDescent="0.2">
      <c r="B16" s="92" t="s">
        <v>13</v>
      </c>
      <c r="C16" s="176">
        <v>0</v>
      </c>
      <c r="D16" s="182">
        <v>0</v>
      </c>
      <c r="E16" s="193">
        <v>0</v>
      </c>
      <c r="F16" s="179">
        <v>0</v>
      </c>
      <c r="G16" s="177">
        <v>215</v>
      </c>
      <c r="H16" s="177">
        <v>313</v>
      </c>
      <c r="I16" s="177">
        <v>363</v>
      </c>
      <c r="J16" s="177">
        <v>340</v>
      </c>
      <c r="K16" s="177">
        <v>1013</v>
      </c>
      <c r="L16" s="180">
        <v>2244</v>
      </c>
      <c r="M16" s="181">
        <v>2244</v>
      </c>
      <c r="N16" s="176">
        <v>0</v>
      </c>
      <c r="O16" s="177">
        <v>0</v>
      </c>
      <c r="P16" s="182">
        <v>0</v>
      </c>
      <c r="Q16" s="179">
        <v>0</v>
      </c>
      <c r="R16" s="177">
        <v>0</v>
      </c>
      <c r="S16" s="177">
        <v>4</v>
      </c>
      <c r="T16" s="177">
        <v>0</v>
      </c>
      <c r="U16" s="177">
        <v>4</v>
      </c>
      <c r="V16" s="177">
        <v>28</v>
      </c>
      <c r="W16" s="182">
        <v>36</v>
      </c>
      <c r="X16" s="181">
        <v>36</v>
      </c>
      <c r="Y16" s="176">
        <v>20</v>
      </c>
      <c r="Z16" s="177">
        <v>37</v>
      </c>
      <c r="AA16" s="182">
        <v>57</v>
      </c>
      <c r="AB16" s="179">
        <v>0</v>
      </c>
      <c r="AC16" s="177">
        <v>115</v>
      </c>
      <c r="AD16" s="177">
        <v>413</v>
      </c>
      <c r="AE16" s="177">
        <v>129</v>
      </c>
      <c r="AF16" s="177">
        <v>80</v>
      </c>
      <c r="AG16" s="177">
        <v>119</v>
      </c>
      <c r="AH16" s="182">
        <v>856</v>
      </c>
      <c r="AI16" s="181">
        <v>913</v>
      </c>
      <c r="AJ16" s="176">
        <v>0</v>
      </c>
      <c r="AK16" s="177">
        <v>0</v>
      </c>
      <c r="AL16" s="182">
        <v>0</v>
      </c>
      <c r="AM16" s="179">
        <v>0</v>
      </c>
      <c r="AN16" s="177">
        <v>8</v>
      </c>
      <c r="AO16" s="177">
        <v>47</v>
      </c>
      <c r="AP16" s="177">
        <v>9</v>
      </c>
      <c r="AQ16" s="177">
        <v>0</v>
      </c>
      <c r="AR16" s="177">
        <v>71</v>
      </c>
      <c r="AS16" s="182">
        <v>135</v>
      </c>
      <c r="AT16" s="181">
        <v>135</v>
      </c>
      <c r="AU16" s="176">
        <v>0</v>
      </c>
      <c r="AV16" s="177">
        <v>0</v>
      </c>
      <c r="AW16" s="182">
        <v>0</v>
      </c>
      <c r="AX16" s="179">
        <v>0</v>
      </c>
      <c r="AY16" s="177">
        <v>122</v>
      </c>
      <c r="AZ16" s="177">
        <v>183</v>
      </c>
      <c r="BA16" s="177">
        <v>38</v>
      </c>
      <c r="BB16" s="177">
        <v>29</v>
      </c>
      <c r="BC16" s="177">
        <v>54</v>
      </c>
      <c r="BD16" s="180">
        <v>426</v>
      </c>
      <c r="BE16" s="181">
        <v>426</v>
      </c>
      <c r="BF16" s="176">
        <v>0</v>
      </c>
      <c r="BG16" s="177">
        <v>0</v>
      </c>
      <c r="BH16" s="182">
        <v>0</v>
      </c>
      <c r="BI16" s="179">
        <v>0</v>
      </c>
      <c r="BJ16" s="177">
        <v>24</v>
      </c>
      <c r="BK16" s="177">
        <v>42</v>
      </c>
      <c r="BL16" s="177">
        <v>16</v>
      </c>
      <c r="BM16" s="177">
        <v>33</v>
      </c>
      <c r="BN16" s="177">
        <v>0</v>
      </c>
      <c r="BO16" s="182">
        <v>115</v>
      </c>
      <c r="BP16" s="181">
        <v>115</v>
      </c>
      <c r="BQ16" s="176">
        <v>2</v>
      </c>
      <c r="BR16" s="177">
        <v>0</v>
      </c>
      <c r="BS16" s="182">
        <v>2</v>
      </c>
      <c r="BT16" s="179">
        <v>0</v>
      </c>
      <c r="BU16" s="177">
        <v>0</v>
      </c>
      <c r="BV16" s="177">
        <v>33</v>
      </c>
      <c r="BW16" s="177">
        <v>44</v>
      </c>
      <c r="BX16" s="177">
        <v>0</v>
      </c>
      <c r="BY16" s="177">
        <v>0</v>
      </c>
      <c r="BZ16" s="182">
        <v>77</v>
      </c>
      <c r="CA16" s="181">
        <v>79</v>
      </c>
      <c r="CB16" s="176">
        <v>0</v>
      </c>
      <c r="CC16" s="177">
        <v>0</v>
      </c>
      <c r="CD16" s="182">
        <v>0</v>
      </c>
      <c r="CE16" s="179">
        <v>0</v>
      </c>
      <c r="CF16" s="177">
        <v>0</v>
      </c>
      <c r="CG16" s="177">
        <v>0</v>
      </c>
      <c r="CH16" s="177">
        <v>0</v>
      </c>
      <c r="CI16" s="177">
        <v>3</v>
      </c>
      <c r="CJ16" s="177">
        <v>0</v>
      </c>
      <c r="CK16" s="182">
        <v>3</v>
      </c>
      <c r="CL16" s="181">
        <v>3</v>
      </c>
      <c r="CM16" s="176">
        <v>0</v>
      </c>
      <c r="CN16" s="177">
        <v>0</v>
      </c>
      <c r="CO16" s="182">
        <v>0</v>
      </c>
      <c r="CP16" s="179">
        <v>0</v>
      </c>
      <c r="CQ16" s="177">
        <v>0</v>
      </c>
      <c r="CR16" s="177">
        <v>0</v>
      </c>
      <c r="CS16" s="177">
        <v>0</v>
      </c>
      <c r="CT16" s="177">
        <v>0</v>
      </c>
      <c r="CU16" s="177">
        <v>0</v>
      </c>
      <c r="CV16" s="182">
        <v>0</v>
      </c>
      <c r="CW16" s="181">
        <v>0</v>
      </c>
      <c r="CX16" s="176">
        <v>0</v>
      </c>
      <c r="CY16" s="177">
        <v>0</v>
      </c>
      <c r="CZ16" s="182">
        <v>0</v>
      </c>
      <c r="DA16" s="179">
        <v>0</v>
      </c>
      <c r="DB16" s="177">
        <v>0</v>
      </c>
      <c r="DC16" s="177">
        <v>0</v>
      </c>
      <c r="DD16" s="177">
        <v>0</v>
      </c>
      <c r="DE16" s="177">
        <v>0</v>
      </c>
      <c r="DF16" s="177">
        <v>0</v>
      </c>
      <c r="DG16" s="182">
        <v>0</v>
      </c>
      <c r="DH16" s="181">
        <v>0</v>
      </c>
    </row>
    <row r="17" spans="2:112" ht="21" customHeight="1" x14ac:dyDescent="0.2">
      <c r="B17" s="92" t="s">
        <v>15</v>
      </c>
      <c r="C17" s="176">
        <v>0</v>
      </c>
      <c r="D17" s="182">
        <v>0</v>
      </c>
      <c r="E17" s="193">
        <v>0</v>
      </c>
      <c r="F17" s="179">
        <v>0</v>
      </c>
      <c r="G17" s="177">
        <v>65</v>
      </c>
      <c r="H17" s="177">
        <v>25</v>
      </c>
      <c r="I17" s="177">
        <v>0</v>
      </c>
      <c r="J17" s="177">
        <v>2</v>
      </c>
      <c r="K17" s="177">
        <v>4</v>
      </c>
      <c r="L17" s="180">
        <v>96</v>
      </c>
      <c r="M17" s="181">
        <v>96</v>
      </c>
      <c r="N17" s="176">
        <v>0</v>
      </c>
      <c r="O17" s="177">
        <v>0</v>
      </c>
      <c r="P17" s="182">
        <v>0</v>
      </c>
      <c r="Q17" s="179">
        <v>0</v>
      </c>
      <c r="R17" s="177">
        <v>0</v>
      </c>
      <c r="S17" s="177">
        <v>0</v>
      </c>
      <c r="T17" s="177">
        <v>0</v>
      </c>
      <c r="U17" s="177">
        <v>0</v>
      </c>
      <c r="V17" s="177">
        <v>4</v>
      </c>
      <c r="W17" s="182">
        <v>4</v>
      </c>
      <c r="X17" s="181">
        <v>4</v>
      </c>
      <c r="Y17" s="176">
        <v>0</v>
      </c>
      <c r="Z17" s="177">
        <v>18</v>
      </c>
      <c r="AA17" s="182">
        <v>18</v>
      </c>
      <c r="AB17" s="179">
        <v>0</v>
      </c>
      <c r="AC17" s="177">
        <v>13</v>
      </c>
      <c r="AD17" s="177">
        <v>40</v>
      </c>
      <c r="AE17" s="177">
        <v>4</v>
      </c>
      <c r="AF17" s="177">
        <v>17</v>
      </c>
      <c r="AG17" s="177">
        <v>37</v>
      </c>
      <c r="AH17" s="182">
        <v>111</v>
      </c>
      <c r="AI17" s="181">
        <v>129</v>
      </c>
      <c r="AJ17" s="176">
        <v>0</v>
      </c>
      <c r="AK17" s="177">
        <v>0</v>
      </c>
      <c r="AL17" s="182">
        <v>0</v>
      </c>
      <c r="AM17" s="179">
        <v>0</v>
      </c>
      <c r="AN17" s="177">
        <v>0</v>
      </c>
      <c r="AO17" s="177">
        <v>12</v>
      </c>
      <c r="AP17" s="177">
        <v>0</v>
      </c>
      <c r="AQ17" s="177">
        <v>8</v>
      </c>
      <c r="AR17" s="177">
        <v>12</v>
      </c>
      <c r="AS17" s="182">
        <v>32</v>
      </c>
      <c r="AT17" s="181">
        <v>32</v>
      </c>
      <c r="AU17" s="176">
        <v>0</v>
      </c>
      <c r="AV17" s="177">
        <v>0</v>
      </c>
      <c r="AW17" s="182">
        <v>0</v>
      </c>
      <c r="AX17" s="179">
        <v>0</v>
      </c>
      <c r="AY17" s="177">
        <v>10</v>
      </c>
      <c r="AZ17" s="177">
        <v>9</v>
      </c>
      <c r="BA17" s="177">
        <v>0</v>
      </c>
      <c r="BB17" s="177">
        <v>3</v>
      </c>
      <c r="BC17" s="177">
        <v>0</v>
      </c>
      <c r="BD17" s="180">
        <v>22</v>
      </c>
      <c r="BE17" s="181">
        <v>22</v>
      </c>
      <c r="BF17" s="176">
        <v>0</v>
      </c>
      <c r="BG17" s="177">
        <v>0</v>
      </c>
      <c r="BH17" s="182">
        <v>0</v>
      </c>
      <c r="BI17" s="179">
        <v>0</v>
      </c>
      <c r="BJ17" s="177">
        <v>0</v>
      </c>
      <c r="BK17" s="177">
        <v>16</v>
      </c>
      <c r="BL17" s="177">
        <v>16</v>
      </c>
      <c r="BM17" s="177">
        <v>8</v>
      </c>
      <c r="BN17" s="177">
        <v>9</v>
      </c>
      <c r="BO17" s="182">
        <v>49</v>
      </c>
      <c r="BP17" s="181">
        <v>49</v>
      </c>
      <c r="BQ17" s="176">
        <v>0</v>
      </c>
      <c r="BR17" s="177">
        <v>0</v>
      </c>
      <c r="BS17" s="182">
        <v>0</v>
      </c>
      <c r="BT17" s="179">
        <v>0</v>
      </c>
      <c r="BU17" s="177">
        <v>0</v>
      </c>
      <c r="BV17" s="177">
        <v>15</v>
      </c>
      <c r="BW17" s="177">
        <v>0</v>
      </c>
      <c r="BX17" s="177">
        <v>3</v>
      </c>
      <c r="BY17" s="177">
        <v>6</v>
      </c>
      <c r="BZ17" s="182">
        <v>24</v>
      </c>
      <c r="CA17" s="181">
        <v>24</v>
      </c>
      <c r="CB17" s="176">
        <v>0</v>
      </c>
      <c r="CC17" s="177">
        <v>0</v>
      </c>
      <c r="CD17" s="182">
        <v>0</v>
      </c>
      <c r="CE17" s="179">
        <v>0</v>
      </c>
      <c r="CF17" s="177">
        <v>0</v>
      </c>
      <c r="CG17" s="177">
        <v>4</v>
      </c>
      <c r="CH17" s="177">
        <v>0</v>
      </c>
      <c r="CI17" s="177">
        <v>0</v>
      </c>
      <c r="CJ17" s="177">
        <v>0</v>
      </c>
      <c r="CK17" s="182">
        <v>4</v>
      </c>
      <c r="CL17" s="181">
        <v>4</v>
      </c>
      <c r="CM17" s="176">
        <v>0</v>
      </c>
      <c r="CN17" s="177">
        <v>0</v>
      </c>
      <c r="CO17" s="182">
        <v>0</v>
      </c>
      <c r="CP17" s="179">
        <v>0</v>
      </c>
      <c r="CQ17" s="177">
        <v>0</v>
      </c>
      <c r="CR17" s="177">
        <v>0</v>
      </c>
      <c r="CS17" s="177">
        <v>0</v>
      </c>
      <c r="CT17" s="177">
        <v>0</v>
      </c>
      <c r="CU17" s="177">
        <v>0</v>
      </c>
      <c r="CV17" s="182">
        <v>0</v>
      </c>
      <c r="CW17" s="181">
        <v>0</v>
      </c>
      <c r="CX17" s="176">
        <v>0</v>
      </c>
      <c r="CY17" s="177">
        <v>0</v>
      </c>
      <c r="CZ17" s="182">
        <v>0</v>
      </c>
      <c r="DA17" s="179">
        <v>0</v>
      </c>
      <c r="DB17" s="177">
        <v>0</v>
      </c>
      <c r="DC17" s="177">
        <v>0</v>
      </c>
      <c r="DD17" s="177">
        <v>0</v>
      </c>
      <c r="DE17" s="177">
        <v>0</v>
      </c>
      <c r="DF17" s="177">
        <v>0</v>
      </c>
      <c r="DG17" s="182">
        <v>0</v>
      </c>
      <c r="DH17" s="181">
        <v>0</v>
      </c>
    </row>
    <row r="18" spans="2:112" ht="21" customHeight="1" x14ac:dyDescent="0.2">
      <c r="B18" s="92" t="s">
        <v>16</v>
      </c>
      <c r="C18" s="176">
        <v>0</v>
      </c>
      <c r="D18" s="182">
        <v>0</v>
      </c>
      <c r="E18" s="193">
        <v>0</v>
      </c>
      <c r="F18" s="179">
        <v>0</v>
      </c>
      <c r="G18" s="177">
        <v>27</v>
      </c>
      <c r="H18" s="177">
        <v>309</v>
      </c>
      <c r="I18" s="177">
        <v>193</v>
      </c>
      <c r="J18" s="177">
        <v>128</v>
      </c>
      <c r="K18" s="177">
        <v>7</v>
      </c>
      <c r="L18" s="180">
        <v>664</v>
      </c>
      <c r="M18" s="181">
        <v>664</v>
      </c>
      <c r="N18" s="176">
        <v>0</v>
      </c>
      <c r="O18" s="177">
        <v>0</v>
      </c>
      <c r="P18" s="182">
        <v>0</v>
      </c>
      <c r="Q18" s="179">
        <v>0</v>
      </c>
      <c r="R18" s="177">
        <v>0</v>
      </c>
      <c r="S18" s="177">
        <v>0</v>
      </c>
      <c r="T18" s="177">
        <v>0</v>
      </c>
      <c r="U18" s="177">
        <v>9</v>
      </c>
      <c r="V18" s="177">
        <v>7</v>
      </c>
      <c r="W18" s="182">
        <v>16</v>
      </c>
      <c r="X18" s="181">
        <v>16</v>
      </c>
      <c r="Y18" s="176">
        <v>19</v>
      </c>
      <c r="Z18" s="177">
        <v>15</v>
      </c>
      <c r="AA18" s="182">
        <v>34</v>
      </c>
      <c r="AB18" s="179">
        <v>0</v>
      </c>
      <c r="AC18" s="177">
        <v>105</v>
      </c>
      <c r="AD18" s="177">
        <v>127</v>
      </c>
      <c r="AE18" s="177">
        <v>121</v>
      </c>
      <c r="AF18" s="177">
        <v>74</v>
      </c>
      <c r="AG18" s="177">
        <v>44</v>
      </c>
      <c r="AH18" s="182">
        <v>471</v>
      </c>
      <c r="AI18" s="181">
        <v>505</v>
      </c>
      <c r="AJ18" s="176">
        <v>12</v>
      </c>
      <c r="AK18" s="177">
        <v>0</v>
      </c>
      <c r="AL18" s="182">
        <v>12</v>
      </c>
      <c r="AM18" s="179">
        <v>0</v>
      </c>
      <c r="AN18" s="177">
        <v>0</v>
      </c>
      <c r="AO18" s="177">
        <v>0</v>
      </c>
      <c r="AP18" s="177">
        <v>0</v>
      </c>
      <c r="AQ18" s="177">
        <v>0</v>
      </c>
      <c r="AR18" s="177">
        <v>36</v>
      </c>
      <c r="AS18" s="182">
        <v>36</v>
      </c>
      <c r="AT18" s="181">
        <v>48</v>
      </c>
      <c r="AU18" s="176">
        <v>0</v>
      </c>
      <c r="AV18" s="177">
        <v>0</v>
      </c>
      <c r="AW18" s="182">
        <v>0</v>
      </c>
      <c r="AX18" s="179">
        <v>0</v>
      </c>
      <c r="AY18" s="177">
        <v>135</v>
      </c>
      <c r="AZ18" s="177">
        <v>220</v>
      </c>
      <c r="BA18" s="177">
        <v>54</v>
      </c>
      <c r="BB18" s="177">
        <v>75</v>
      </c>
      <c r="BC18" s="177">
        <v>23</v>
      </c>
      <c r="BD18" s="180">
        <v>507</v>
      </c>
      <c r="BE18" s="181">
        <v>507</v>
      </c>
      <c r="BF18" s="176">
        <v>0</v>
      </c>
      <c r="BG18" s="177">
        <v>0</v>
      </c>
      <c r="BH18" s="182">
        <v>0</v>
      </c>
      <c r="BI18" s="179">
        <v>0</v>
      </c>
      <c r="BJ18" s="177">
        <v>72</v>
      </c>
      <c r="BK18" s="177">
        <v>101</v>
      </c>
      <c r="BL18" s="177">
        <v>64</v>
      </c>
      <c r="BM18" s="177">
        <v>9</v>
      </c>
      <c r="BN18" s="177">
        <v>8</v>
      </c>
      <c r="BO18" s="182">
        <v>254</v>
      </c>
      <c r="BP18" s="181">
        <v>254</v>
      </c>
      <c r="BQ18" s="176">
        <v>5</v>
      </c>
      <c r="BR18" s="177">
        <v>0</v>
      </c>
      <c r="BS18" s="182">
        <v>5</v>
      </c>
      <c r="BT18" s="179">
        <v>0</v>
      </c>
      <c r="BU18" s="177">
        <v>4</v>
      </c>
      <c r="BV18" s="177">
        <v>47</v>
      </c>
      <c r="BW18" s="177">
        <v>66</v>
      </c>
      <c r="BX18" s="177">
        <v>14</v>
      </c>
      <c r="BY18" s="177">
        <v>29</v>
      </c>
      <c r="BZ18" s="182">
        <v>160</v>
      </c>
      <c r="CA18" s="181">
        <v>165</v>
      </c>
      <c r="CB18" s="176">
        <v>0</v>
      </c>
      <c r="CC18" s="177">
        <v>0</v>
      </c>
      <c r="CD18" s="182">
        <v>0</v>
      </c>
      <c r="CE18" s="179">
        <v>0</v>
      </c>
      <c r="CF18" s="177">
        <v>0</v>
      </c>
      <c r="CG18" s="177">
        <v>4</v>
      </c>
      <c r="CH18" s="177">
        <v>0</v>
      </c>
      <c r="CI18" s="177">
        <v>0</v>
      </c>
      <c r="CJ18" s="177">
        <v>0</v>
      </c>
      <c r="CK18" s="182">
        <v>4</v>
      </c>
      <c r="CL18" s="181">
        <v>4</v>
      </c>
      <c r="CM18" s="176">
        <v>0</v>
      </c>
      <c r="CN18" s="177">
        <v>0</v>
      </c>
      <c r="CO18" s="182">
        <v>0</v>
      </c>
      <c r="CP18" s="179">
        <v>0</v>
      </c>
      <c r="CQ18" s="177">
        <v>0</v>
      </c>
      <c r="CR18" s="177">
        <v>0</v>
      </c>
      <c r="CS18" s="177">
        <v>0</v>
      </c>
      <c r="CT18" s="177">
        <v>0</v>
      </c>
      <c r="CU18" s="177">
        <v>0</v>
      </c>
      <c r="CV18" s="182">
        <v>0</v>
      </c>
      <c r="CW18" s="181">
        <v>0</v>
      </c>
      <c r="CX18" s="176">
        <v>0</v>
      </c>
      <c r="CY18" s="177">
        <v>0</v>
      </c>
      <c r="CZ18" s="182">
        <v>0</v>
      </c>
      <c r="DA18" s="179">
        <v>0</v>
      </c>
      <c r="DB18" s="177">
        <v>0</v>
      </c>
      <c r="DC18" s="177">
        <v>0</v>
      </c>
      <c r="DD18" s="177">
        <v>0</v>
      </c>
      <c r="DE18" s="177">
        <v>0</v>
      </c>
      <c r="DF18" s="177">
        <v>0</v>
      </c>
      <c r="DG18" s="182">
        <v>0</v>
      </c>
      <c r="DH18" s="181">
        <v>0</v>
      </c>
    </row>
    <row r="19" spans="2:112" ht="21" customHeight="1" x14ac:dyDescent="0.2">
      <c r="B19" s="92" t="s">
        <v>17</v>
      </c>
      <c r="C19" s="176">
        <v>0</v>
      </c>
      <c r="D19" s="182">
        <v>0</v>
      </c>
      <c r="E19" s="193">
        <v>0</v>
      </c>
      <c r="F19" s="179">
        <v>0</v>
      </c>
      <c r="G19" s="177">
        <v>70</v>
      </c>
      <c r="H19" s="177">
        <v>461</v>
      </c>
      <c r="I19" s="177">
        <v>582</v>
      </c>
      <c r="J19" s="177">
        <v>591</v>
      </c>
      <c r="K19" s="177">
        <v>309</v>
      </c>
      <c r="L19" s="180">
        <v>2013</v>
      </c>
      <c r="M19" s="181">
        <v>2013</v>
      </c>
      <c r="N19" s="176">
        <v>0</v>
      </c>
      <c r="O19" s="177">
        <v>0</v>
      </c>
      <c r="P19" s="182">
        <v>0</v>
      </c>
      <c r="Q19" s="179">
        <v>0</v>
      </c>
      <c r="R19" s="177">
        <v>0</v>
      </c>
      <c r="S19" s="177">
        <v>3</v>
      </c>
      <c r="T19" s="177">
        <v>9</v>
      </c>
      <c r="U19" s="177">
        <v>27</v>
      </c>
      <c r="V19" s="177">
        <v>26</v>
      </c>
      <c r="W19" s="182">
        <v>65</v>
      </c>
      <c r="X19" s="181">
        <v>65</v>
      </c>
      <c r="Y19" s="176">
        <v>25</v>
      </c>
      <c r="Z19" s="177">
        <v>56</v>
      </c>
      <c r="AA19" s="182">
        <v>81</v>
      </c>
      <c r="AB19" s="179">
        <v>0</v>
      </c>
      <c r="AC19" s="177">
        <v>69</v>
      </c>
      <c r="AD19" s="177">
        <v>312</v>
      </c>
      <c r="AE19" s="177">
        <v>185</v>
      </c>
      <c r="AF19" s="177">
        <v>155</v>
      </c>
      <c r="AG19" s="177">
        <v>50</v>
      </c>
      <c r="AH19" s="182">
        <v>771</v>
      </c>
      <c r="AI19" s="181">
        <v>852</v>
      </c>
      <c r="AJ19" s="176">
        <v>38</v>
      </c>
      <c r="AK19" s="177">
        <v>0</v>
      </c>
      <c r="AL19" s="182">
        <v>38</v>
      </c>
      <c r="AM19" s="179">
        <v>0</v>
      </c>
      <c r="AN19" s="177">
        <v>18</v>
      </c>
      <c r="AO19" s="177">
        <v>43</v>
      </c>
      <c r="AP19" s="177">
        <v>74</v>
      </c>
      <c r="AQ19" s="177">
        <v>14</v>
      </c>
      <c r="AR19" s="177">
        <v>0</v>
      </c>
      <c r="AS19" s="182">
        <v>149</v>
      </c>
      <c r="AT19" s="181">
        <v>187</v>
      </c>
      <c r="AU19" s="176">
        <v>0</v>
      </c>
      <c r="AV19" s="177">
        <v>0</v>
      </c>
      <c r="AW19" s="182">
        <v>0</v>
      </c>
      <c r="AX19" s="179">
        <v>0</v>
      </c>
      <c r="AY19" s="177">
        <v>95</v>
      </c>
      <c r="AZ19" s="177">
        <v>200</v>
      </c>
      <c r="BA19" s="177">
        <v>138</v>
      </c>
      <c r="BB19" s="177">
        <v>77</v>
      </c>
      <c r="BC19" s="177">
        <v>0</v>
      </c>
      <c r="BD19" s="180">
        <v>510</v>
      </c>
      <c r="BE19" s="181">
        <v>510</v>
      </c>
      <c r="BF19" s="176">
        <v>0</v>
      </c>
      <c r="BG19" s="177">
        <v>0</v>
      </c>
      <c r="BH19" s="182">
        <v>0</v>
      </c>
      <c r="BI19" s="179">
        <v>0</v>
      </c>
      <c r="BJ19" s="177">
        <v>49</v>
      </c>
      <c r="BK19" s="177">
        <v>82</v>
      </c>
      <c r="BL19" s="177">
        <v>84</v>
      </c>
      <c r="BM19" s="177">
        <v>34</v>
      </c>
      <c r="BN19" s="177">
        <v>0</v>
      </c>
      <c r="BO19" s="182">
        <v>249</v>
      </c>
      <c r="BP19" s="181">
        <v>249</v>
      </c>
      <c r="BQ19" s="176">
        <v>5</v>
      </c>
      <c r="BR19" s="177">
        <v>6</v>
      </c>
      <c r="BS19" s="182">
        <v>11</v>
      </c>
      <c r="BT19" s="179">
        <v>0</v>
      </c>
      <c r="BU19" s="177">
        <v>4</v>
      </c>
      <c r="BV19" s="177">
        <v>83</v>
      </c>
      <c r="BW19" s="177">
        <v>92</v>
      </c>
      <c r="BX19" s="177">
        <v>65</v>
      </c>
      <c r="BY19" s="177">
        <v>0</v>
      </c>
      <c r="BZ19" s="182">
        <v>244</v>
      </c>
      <c r="CA19" s="181">
        <v>255</v>
      </c>
      <c r="CB19" s="176">
        <v>0</v>
      </c>
      <c r="CC19" s="177">
        <v>0</v>
      </c>
      <c r="CD19" s="182">
        <v>0</v>
      </c>
      <c r="CE19" s="179">
        <v>0</v>
      </c>
      <c r="CF19" s="177">
        <v>3</v>
      </c>
      <c r="CG19" s="177">
        <v>23</v>
      </c>
      <c r="CH19" s="177">
        <v>4</v>
      </c>
      <c r="CI19" s="177">
        <v>19</v>
      </c>
      <c r="CJ19" s="177">
        <v>0</v>
      </c>
      <c r="CK19" s="182">
        <v>49</v>
      </c>
      <c r="CL19" s="181">
        <v>49</v>
      </c>
      <c r="CM19" s="176">
        <v>0</v>
      </c>
      <c r="CN19" s="177">
        <v>0</v>
      </c>
      <c r="CO19" s="182">
        <v>0</v>
      </c>
      <c r="CP19" s="179">
        <v>0</v>
      </c>
      <c r="CQ19" s="177">
        <v>0</v>
      </c>
      <c r="CR19" s="177">
        <v>0</v>
      </c>
      <c r="CS19" s="177">
        <v>0</v>
      </c>
      <c r="CT19" s="177">
        <v>0</v>
      </c>
      <c r="CU19" s="177">
        <v>0</v>
      </c>
      <c r="CV19" s="182">
        <v>0</v>
      </c>
      <c r="CW19" s="181">
        <v>0</v>
      </c>
      <c r="CX19" s="176">
        <v>0</v>
      </c>
      <c r="CY19" s="177">
        <v>0</v>
      </c>
      <c r="CZ19" s="182">
        <v>0</v>
      </c>
      <c r="DA19" s="179">
        <v>0</v>
      </c>
      <c r="DB19" s="177">
        <v>0</v>
      </c>
      <c r="DC19" s="177">
        <v>0</v>
      </c>
      <c r="DD19" s="177">
        <v>0</v>
      </c>
      <c r="DE19" s="177">
        <v>0</v>
      </c>
      <c r="DF19" s="177">
        <v>0</v>
      </c>
      <c r="DG19" s="182">
        <v>0</v>
      </c>
      <c r="DH19" s="181">
        <v>0</v>
      </c>
    </row>
    <row r="20" spans="2:112" ht="21" customHeight="1" x14ac:dyDescent="0.2">
      <c r="B20" s="92" t="s">
        <v>18</v>
      </c>
      <c r="C20" s="176">
        <v>0</v>
      </c>
      <c r="D20" s="182">
        <v>0</v>
      </c>
      <c r="E20" s="193">
        <v>0</v>
      </c>
      <c r="F20" s="179">
        <v>0</v>
      </c>
      <c r="G20" s="177">
        <v>362</v>
      </c>
      <c r="H20" s="177">
        <v>408</v>
      </c>
      <c r="I20" s="177">
        <v>718</v>
      </c>
      <c r="J20" s="177">
        <v>662</v>
      </c>
      <c r="K20" s="177">
        <v>806</v>
      </c>
      <c r="L20" s="180">
        <v>2956</v>
      </c>
      <c r="M20" s="181">
        <v>2956</v>
      </c>
      <c r="N20" s="176">
        <v>0</v>
      </c>
      <c r="O20" s="177">
        <v>0</v>
      </c>
      <c r="P20" s="182">
        <v>0</v>
      </c>
      <c r="Q20" s="179">
        <v>0</v>
      </c>
      <c r="R20" s="177">
        <v>0</v>
      </c>
      <c r="S20" s="177">
        <v>0</v>
      </c>
      <c r="T20" s="177">
        <v>5</v>
      </c>
      <c r="U20" s="177">
        <v>7</v>
      </c>
      <c r="V20" s="177">
        <v>9</v>
      </c>
      <c r="W20" s="182">
        <v>21</v>
      </c>
      <c r="X20" s="181">
        <v>21</v>
      </c>
      <c r="Y20" s="176">
        <v>56</v>
      </c>
      <c r="Z20" s="177">
        <v>13</v>
      </c>
      <c r="AA20" s="182">
        <v>69</v>
      </c>
      <c r="AB20" s="179">
        <v>0</v>
      </c>
      <c r="AC20" s="177">
        <v>274</v>
      </c>
      <c r="AD20" s="177">
        <v>224</v>
      </c>
      <c r="AE20" s="177">
        <v>224</v>
      </c>
      <c r="AF20" s="177">
        <v>130</v>
      </c>
      <c r="AG20" s="177">
        <v>92</v>
      </c>
      <c r="AH20" s="182">
        <v>944</v>
      </c>
      <c r="AI20" s="181">
        <v>1013</v>
      </c>
      <c r="AJ20" s="176">
        <v>12</v>
      </c>
      <c r="AK20" s="177">
        <v>8</v>
      </c>
      <c r="AL20" s="182">
        <v>20</v>
      </c>
      <c r="AM20" s="179">
        <v>0</v>
      </c>
      <c r="AN20" s="177">
        <v>18</v>
      </c>
      <c r="AO20" s="177">
        <v>56</v>
      </c>
      <c r="AP20" s="177">
        <v>56</v>
      </c>
      <c r="AQ20" s="177">
        <v>18</v>
      </c>
      <c r="AR20" s="177">
        <v>16</v>
      </c>
      <c r="AS20" s="182">
        <v>164</v>
      </c>
      <c r="AT20" s="181">
        <v>184</v>
      </c>
      <c r="AU20" s="176">
        <v>0</v>
      </c>
      <c r="AV20" s="177">
        <v>0</v>
      </c>
      <c r="AW20" s="182">
        <v>0</v>
      </c>
      <c r="AX20" s="179">
        <v>0</v>
      </c>
      <c r="AY20" s="177">
        <v>322</v>
      </c>
      <c r="AZ20" s="177">
        <v>332</v>
      </c>
      <c r="BA20" s="177">
        <v>276</v>
      </c>
      <c r="BB20" s="177">
        <v>108</v>
      </c>
      <c r="BC20" s="177">
        <v>78</v>
      </c>
      <c r="BD20" s="180">
        <v>1116</v>
      </c>
      <c r="BE20" s="181">
        <v>1116</v>
      </c>
      <c r="BF20" s="176">
        <v>0</v>
      </c>
      <c r="BG20" s="177">
        <v>0</v>
      </c>
      <c r="BH20" s="182">
        <v>0</v>
      </c>
      <c r="BI20" s="179">
        <v>0</v>
      </c>
      <c r="BJ20" s="177">
        <v>121</v>
      </c>
      <c r="BK20" s="177">
        <v>128</v>
      </c>
      <c r="BL20" s="177">
        <v>45</v>
      </c>
      <c r="BM20" s="177">
        <v>83</v>
      </c>
      <c r="BN20" s="177">
        <v>13</v>
      </c>
      <c r="BO20" s="182">
        <v>390</v>
      </c>
      <c r="BP20" s="181">
        <v>390</v>
      </c>
      <c r="BQ20" s="176">
        <v>0</v>
      </c>
      <c r="BR20" s="177">
        <v>0</v>
      </c>
      <c r="BS20" s="182">
        <v>0</v>
      </c>
      <c r="BT20" s="179">
        <v>0</v>
      </c>
      <c r="BU20" s="177">
        <v>47</v>
      </c>
      <c r="BV20" s="177">
        <v>96</v>
      </c>
      <c r="BW20" s="177">
        <v>132</v>
      </c>
      <c r="BX20" s="177">
        <v>100</v>
      </c>
      <c r="BY20" s="177">
        <v>92</v>
      </c>
      <c r="BZ20" s="182">
        <v>467</v>
      </c>
      <c r="CA20" s="181">
        <v>467</v>
      </c>
      <c r="CB20" s="176">
        <v>0</v>
      </c>
      <c r="CC20" s="177">
        <v>0</v>
      </c>
      <c r="CD20" s="182">
        <v>0</v>
      </c>
      <c r="CE20" s="179">
        <v>0</v>
      </c>
      <c r="CF20" s="177">
        <v>0</v>
      </c>
      <c r="CG20" s="177">
        <v>0</v>
      </c>
      <c r="CH20" s="177">
        <v>0</v>
      </c>
      <c r="CI20" s="177">
        <v>2</v>
      </c>
      <c r="CJ20" s="177">
        <v>0</v>
      </c>
      <c r="CK20" s="182">
        <v>2</v>
      </c>
      <c r="CL20" s="181">
        <v>2</v>
      </c>
      <c r="CM20" s="176">
        <v>0</v>
      </c>
      <c r="CN20" s="177">
        <v>0</v>
      </c>
      <c r="CO20" s="182">
        <v>0</v>
      </c>
      <c r="CP20" s="179">
        <v>0</v>
      </c>
      <c r="CQ20" s="177">
        <v>0</v>
      </c>
      <c r="CR20" s="177">
        <v>0</v>
      </c>
      <c r="CS20" s="177">
        <v>0</v>
      </c>
      <c r="CT20" s="177">
        <v>0</v>
      </c>
      <c r="CU20" s="177">
        <v>0</v>
      </c>
      <c r="CV20" s="182">
        <v>0</v>
      </c>
      <c r="CW20" s="181">
        <v>0</v>
      </c>
      <c r="CX20" s="176">
        <v>0</v>
      </c>
      <c r="CY20" s="177">
        <v>0</v>
      </c>
      <c r="CZ20" s="182">
        <v>0</v>
      </c>
      <c r="DA20" s="179">
        <v>0</v>
      </c>
      <c r="DB20" s="177">
        <v>0</v>
      </c>
      <c r="DC20" s="177">
        <v>0</v>
      </c>
      <c r="DD20" s="177">
        <v>0</v>
      </c>
      <c r="DE20" s="177">
        <v>0</v>
      </c>
      <c r="DF20" s="177">
        <v>0</v>
      </c>
      <c r="DG20" s="182">
        <v>0</v>
      </c>
      <c r="DH20" s="181">
        <v>0</v>
      </c>
    </row>
    <row r="21" spans="2:112" ht="21" customHeight="1" x14ac:dyDescent="0.2">
      <c r="B21" s="92" t="s">
        <v>19</v>
      </c>
      <c r="C21" s="176">
        <v>0</v>
      </c>
      <c r="D21" s="182">
        <v>0</v>
      </c>
      <c r="E21" s="193">
        <v>0</v>
      </c>
      <c r="F21" s="179">
        <v>0</v>
      </c>
      <c r="G21" s="177">
        <v>108</v>
      </c>
      <c r="H21" s="177">
        <v>139</v>
      </c>
      <c r="I21" s="177">
        <v>342</v>
      </c>
      <c r="J21" s="177">
        <v>277</v>
      </c>
      <c r="K21" s="177">
        <v>113</v>
      </c>
      <c r="L21" s="180">
        <v>979</v>
      </c>
      <c r="M21" s="181">
        <v>979</v>
      </c>
      <c r="N21" s="176">
        <v>0</v>
      </c>
      <c r="O21" s="177">
        <v>0</v>
      </c>
      <c r="P21" s="182">
        <v>0</v>
      </c>
      <c r="Q21" s="179">
        <v>0</v>
      </c>
      <c r="R21" s="177">
        <v>0</v>
      </c>
      <c r="S21" s="177">
        <v>0</v>
      </c>
      <c r="T21" s="177">
        <v>3</v>
      </c>
      <c r="U21" s="177">
        <v>9</v>
      </c>
      <c r="V21" s="177">
        <v>0</v>
      </c>
      <c r="W21" s="182">
        <v>12</v>
      </c>
      <c r="X21" s="181">
        <v>12</v>
      </c>
      <c r="Y21" s="176">
        <v>8</v>
      </c>
      <c r="Z21" s="177">
        <v>24</v>
      </c>
      <c r="AA21" s="182">
        <v>32</v>
      </c>
      <c r="AB21" s="179">
        <v>0</v>
      </c>
      <c r="AC21" s="177">
        <v>143</v>
      </c>
      <c r="AD21" s="177">
        <v>95</v>
      </c>
      <c r="AE21" s="177">
        <v>75</v>
      </c>
      <c r="AF21" s="177">
        <v>89</v>
      </c>
      <c r="AG21" s="177">
        <v>32</v>
      </c>
      <c r="AH21" s="182">
        <v>434</v>
      </c>
      <c r="AI21" s="181">
        <v>466</v>
      </c>
      <c r="AJ21" s="176">
        <v>8</v>
      </c>
      <c r="AK21" s="177">
        <v>0</v>
      </c>
      <c r="AL21" s="182">
        <v>8</v>
      </c>
      <c r="AM21" s="179">
        <v>0</v>
      </c>
      <c r="AN21" s="177">
        <v>46</v>
      </c>
      <c r="AO21" s="177">
        <v>6</v>
      </c>
      <c r="AP21" s="177">
        <v>24</v>
      </c>
      <c r="AQ21" s="177">
        <v>24</v>
      </c>
      <c r="AR21" s="177">
        <v>0</v>
      </c>
      <c r="AS21" s="182">
        <v>100</v>
      </c>
      <c r="AT21" s="181">
        <v>108</v>
      </c>
      <c r="AU21" s="176">
        <v>0</v>
      </c>
      <c r="AV21" s="177">
        <v>0</v>
      </c>
      <c r="AW21" s="182">
        <v>0</v>
      </c>
      <c r="AX21" s="179">
        <v>0</v>
      </c>
      <c r="AY21" s="177">
        <v>117</v>
      </c>
      <c r="AZ21" s="177">
        <v>104</v>
      </c>
      <c r="BA21" s="177">
        <v>25</v>
      </c>
      <c r="BB21" s="177">
        <v>13</v>
      </c>
      <c r="BC21" s="177">
        <v>32</v>
      </c>
      <c r="BD21" s="180">
        <v>291</v>
      </c>
      <c r="BE21" s="181">
        <v>291</v>
      </c>
      <c r="BF21" s="176">
        <v>0</v>
      </c>
      <c r="BG21" s="177">
        <v>0</v>
      </c>
      <c r="BH21" s="182">
        <v>0</v>
      </c>
      <c r="BI21" s="179">
        <v>0</v>
      </c>
      <c r="BJ21" s="177">
        <v>98</v>
      </c>
      <c r="BK21" s="177">
        <v>48</v>
      </c>
      <c r="BL21" s="177">
        <v>24</v>
      </c>
      <c r="BM21" s="177">
        <v>35</v>
      </c>
      <c r="BN21" s="177">
        <v>9</v>
      </c>
      <c r="BO21" s="182">
        <v>214</v>
      </c>
      <c r="BP21" s="181">
        <v>214</v>
      </c>
      <c r="BQ21" s="176">
        <v>0</v>
      </c>
      <c r="BR21" s="177">
        <v>0</v>
      </c>
      <c r="BS21" s="182">
        <v>0</v>
      </c>
      <c r="BT21" s="179">
        <v>0</v>
      </c>
      <c r="BU21" s="177">
        <v>23</v>
      </c>
      <c r="BV21" s="177">
        <v>0</v>
      </c>
      <c r="BW21" s="177">
        <v>8</v>
      </c>
      <c r="BX21" s="177">
        <v>2</v>
      </c>
      <c r="BY21" s="177">
        <v>0</v>
      </c>
      <c r="BZ21" s="182">
        <v>33</v>
      </c>
      <c r="CA21" s="181">
        <v>33</v>
      </c>
      <c r="CB21" s="176">
        <v>0</v>
      </c>
      <c r="CC21" s="177">
        <v>0</v>
      </c>
      <c r="CD21" s="182">
        <v>0</v>
      </c>
      <c r="CE21" s="179">
        <v>0</v>
      </c>
      <c r="CF21" s="177">
        <v>3</v>
      </c>
      <c r="CG21" s="177">
        <v>0</v>
      </c>
      <c r="CH21" s="177">
        <v>0</v>
      </c>
      <c r="CI21" s="177">
        <v>23</v>
      </c>
      <c r="CJ21" s="177">
        <v>0</v>
      </c>
      <c r="CK21" s="182">
        <v>26</v>
      </c>
      <c r="CL21" s="181">
        <v>26</v>
      </c>
      <c r="CM21" s="176">
        <v>0</v>
      </c>
      <c r="CN21" s="177">
        <v>0</v>
      </c>
      <c r="CO21" s="182">
        <v>0</v>
      </c>
      <c r="CP21" s="179">
        <v>0</v>
      </c>
      <c r="CQ21" s="177">
        <v>0</v>
      </c>
      <c r="CR21" s="177">
        <v>0</v>
      </c>
      <c r="CS21" s="177">
        <v>0</v>
      </c>
      <c r="CT21" s="177">
        <v>0</v>
      </c>
      <c r="CU21" s="177">
        <v>0</v>
      </c>
      <c r="CV21" s="182">
        <v>0</v>
      </c>
      <c r="CW21" s="181">
        <v>0</v>
      </c>
      <c r="CX21" s="176">
        <v>0</v>
      </c>
      <c r="CY21" s="177">
        <v>0</v>
      </c>
      <c r="CZ21" s="182">
        <v>0</v>
      </c>
      <c r="DA21" s="179">
        <v>0</v>
      </c>
      <c r="DB21" s="177">
        <v>0</v>
      </c>
      <c r="DC21" s="177">
        <v>0</v>
      </c>
      <c r="DD21" s="177">
        <v>0</v>
      </c>
      <c r="DE21" s="177">
        <v>0</v>
      </c>
      <c r="DF21" s="177">
        <v>0</v>
      </c>
      <c r="DG21" s="182">
        <v>0</v>
      </c>
      <c r="DH21" s="181">
        <v>0</v>
      </c>
    </row>
    <row r="22" spans="2:112" ht="21" customHeight="1" x14ac:dyDescent="0.2">
      <c r="B22" s="92" t="s">
        <v>20</v>
      </c>
      <c r="C22" s="176">
        <v>0</v>
      </c>
      <c r="D22" s="182">
        <v>0</v>
      </c>
      <c r="E22" s="193">
        <v>0</v>
      </c>
      <c r="F22" s="179">
        <v>0</v>
      </c>
      <c r="G22" s="177">
        <v>192</v>
      </c>
      <c r="H22" s="177">
        <v>204</v>
      </c>
      <c r="I22" s="177">
        <v>227</v>
      </c>
      <c r="J22" s="177">
        <v>339</v>
      </c>
      <c r="K22" s="177">
        <v>349</v>
      </c>
      <c r="L22" s="180">
        <v>1311</v>
      </c>
      <c r="M22" s="181">
        <v>1311</v>
      </c>
      <c r="N22" s="176">
        <v>0</v>
      </c>
      <c r="O22" s="177">
        <v>0</v>
      </c>
      <c r="P22" s="182">
        <v>0</v>
      </c>
      <c r="Q22" s="179">
        <v>0</v>
      </c>
      <c r="R22" s="177">
        <v>2</v>
      </c>
      <c r="S22" s="177">
        <v>1</v>
      </c>
      <c r="T22" s="177">
        <v>4</v>
      </c>
      <c r="U22" s="177">
        <v>11</v>
      </c>
      <c r="V22" s="177">
        <v>22</v>
      </c>
      <c r="W22" s="182">
        <v>40</v>
      </c>
      <c r="X22" s="181">
        <v>40</v>
      </c>
      <c r="Y22" s="176">
        <v>21</v>
      </c>
      <c r="Z22" s="177">
        <v>18</v>
      </c>
      <c r="AA22" s="182">
        <v>39</v>
      </c>
      <c r="AB22" s="179">
        <v>0</v>
      </c>
      <c r="AC22" s="177">
        <v>137</v>
      </c>
      <c r="AD22" s="177">
        <v>151</v>
      </c>
      <c r="AE22" s="177">
        <v>112</v>
      </c>
      <c r="AF22" s="177">
        <v>90</v>
      </c>
      <c r="AG22" s="177">
        <v>25</v>
      </c>
      <c r="AH22" s="182">
        <v>515</v>
      </c>
      <c r="AI22" s="181">
        <v>554</v>
      </c>
      <c r="AJ22" s="176">
        <v>0</v>
      </c>
      <c r="AK22" s="177">
        <v>84</v>
      </c>
      <c r="AL22" s="182">
        <v>84</v>
      </c>
      <c r="AM22" s="179">
        <v>0</v>
      </c>
      <c r="AN22" s="177">
        <v>44</v>
      </c>
      <c r="AO22" s="177">
        <v>61</v>
      </c>
      <c r="AP22" s="177">
        <v>24</v>
      </c>
      <c r="AQ22" s="177">
        <v>0</v>
      </c>
      <c r="AR22" s="177">
        <v>32</v>
      </c>
      <c r="AS22" s="182">
        <v>161</v>
      </c>
      <c r="AT22" s="181">
        <v>245</v>
      </c>
      <c r="AU22" s="176">
        <v>0</v>
      </c>
      <c r="AV22" s="177">
        <v>0</v>
      </c>
      <c r="AW22" s="182">
        <v>0</v>
      </c>
      <c r="AX22" s="179">
        <v>0</v>
      </c>
      <c r="AY22" s="177">
        <v>116</v>
      </c>
      <c r="AZ22" s="177">
        <v>138</v>
      </c>
      <c r="BA22" s="177">
        <v>128</v>
      </c>
      <c r="BB22" s="177">
        <v>65</v>
      </c>
      <c r="BC22" s="177">
        <v>26</v>
      </c>
      <c r="BD22" s="180">
        <v>473</v>
      </c>
      <c r="BE22" s="181">
        <v>473</v>
      </c>
      <c r="BF22" s="176">
        <v>0</v>
      </c>
      <c r="BG22" s="177">
        <v>0</v>
      </c>
      <c r="BH22" s="182">
        <v>0</v>
      </c>
      <c r="BI22" s="179">
        <v>0</v>
      </c>
      <c r="BJ22" s="177">
        <v>40</v>
      </c>
      <c r="BK22" s="177">
        <v>90</v>
      </c>
      <c r="BL22" s="177">
        <v>34</v>
      </c>
      <c r="BM22" s="177">
        <v>16</v>
      </c>
      <c r="BN22" s="177">
        <v>0</v>
      </c>
      <c r="BO22" s="182">
        <v>180</v>
      </c>
      <c r="BP22" s="181">
        <v>180</v>
      </c>
      <c r="BQ22" s="176">
        <v>2</v>
      </c>
      <c r="BR22" s="177">
        <v>0</v>
      </c>
      <c r="BS22" s="182">
        <v>2</v>
      </c>
      <c r="BT22" s="179">
        <v>0</v>
      </c>
      <c r="BU22" s="177">
        <v>13</v>
      </c>
      <c r="BV22" s="177">
        <v>14</v>
      </c>
      <c r="BW22" s="177">
        <v>106</v>
      </c>
      <c r="BX22" s="177">
        <v>102</v>
      </c>
      <c r="BY22" s="177">
        <v>29</v>
      </c>
      <c r="BZ22" s="182">
        <v>264</v>
      </c>
      <c r="CA22" s="181">
        <v>266</v>
      </c>
      <c r="CB22" s="176">
        <v>0</v>
      </c>
      <c r="CC22" s="177">
        <v>0</v>
      </c>
      <c r="CD22" s="182">
        <v>0</v>
      </c>
      <c r="CE22" s="179">
        <v>0</v>
      </c>
      <c r="CF22" s="177">
        <v>4</v>
      </c>
      <c r="CG22" s="177">
        <v>0</v>
      </c>
      <c r="CH22" s="177">
        <v>2</v>
      </c>
      <c r="CI22" s="177">
        <v>0</v>
      </c>
      <c r="CJ22" s="177">
        <v>9</v>
      </c>
      <c r="CK22" s="182">
        <v>15</v>
      </c>
      <c r="CL22" s="181">
        <v>15</v>
      </c>
      <c r="CM22" s="176">
        <v>0</v>
      </c>
      <c r="CN22" s="177">
        <v>0</v>
      </c>
      <c r="CO22" s="182">
        <v>0</v>
      </c>
      <c r="CP22" s="179">
        <v>0</v>
      </c>
      <c r="CQ22" s="177">
        <v>0</v>
      </c>
      <c r="CR22" s="177">
        <v>0</v>
      </c>
      <c r="CS22" s="177">
        <v>0</v>
      </c>
      <c r="CT22" s="177">
        <v>0</v>
      </c>
      <c r="CU22" s="177">
        <v>0</v>
      </c>
      <c r="CV22" s="182">
        <v>0</v>
      </c>
      <c r="CW22" s="181">
        <v>0</v>
      </c>
      <c r="CX22" s="176">
        <v>0</v>
      </c>
      <c r="CY22" s="177">
        <v>0</v>
      </c>
      <c r="CZ22" s="182">
        <v>0</v>
      </c>
      <c r="DA22" s="179">
        <v>0</v>
      </c>
      <c r="DB22" s="177">
        <v>0</v>
      </c>
      <c r="DC22" s="177">
        <v>0</v>
      </c>
      <c r="DD22" s="177">
        <v>0</v>
      </c>
      <c r="DE22" s="177">
        <v>0</v>
      </c>
      <c r="DF22" s="177">
        <v>0</v>
      </c>
      <c r="DG22" s="182">
        <v>0</v>
      </c>
      <c r="DH22" s="181">
        <v>0</v>
      </c>
    </row>
    <row r="23" spans="2:112" ht="21" customHeight="1" x14ac:dyDescent="0.2">
      <c r="B23" s="92" t="s">
        <v>21</v>
      </c>
      <c r="C23" s="176">
        <v>0</v>
      </c>
      <c r="D23" s="182">
        <v>0</v>
      </c>
      <c r="E23" s="193">
        <v>0</v>
      </c>
      <c r="F23" s="179">
        <v>0</v>
      </c>
      <c r="G23" s="177">
        <v>165</v>
      </c>
      <c r="H23" s="177">
        <v>297</v>
      </c>
      <c r="I23" s="177">
        <v>56</v>
      </c>
      <c r="J23" s="177">
        <v>140</v>
      </c>
      <c r="K23" s="177">
        <v>208</v>
      </c>
      <c r="L23" s="180">
        <v>866</v>
      </c>
      <c r="M23" s="181">
        <v>866</v>
      </c>
      <c r="N23" s="176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0</v>
      </c>
      <c r="T23" s="177">
        <v>0</v>
      </c>
      <c r="U23" s="177">
        <v>12</v>
      </c>
      <c r="V23" s="177">
        <v>14</v>
      </c>
      <c r="W23" s="182">
        <v>26</v>
      </c>
      <c r="X23" s="181">
        <v>26</v>
      </c>
      <c r="Y23" s="176">
        <v>6</v>
      </c>
      <c r="Z23" s="177">
        <v>30</v>
      </c>
      <c r="AA23" s="182">
        <v>36</v>
      </c>
      <c r="AB23" s="179">
        <v>0</v>
      </c>
      <c r="AC23" s="177">
        <v>125</v>
      </c>
      <c r="AD23" s="177">
        <v>101</v>
      </c>
      <c r="AE23" s="177">
        <v>60</v>
      </c>
      <c r="AF23" s="177">
        <v>87</v>
      </c>
      <c r="AG23" s="177">
        <v>61</v>
      </c>
      <c r="AH23" s="182">
        <v>434</v>
      </c>
      <c r="AI23" s="181">
        <v>470</v>
      </c>
      <c r="AJ23" s="176">
        <v>0</v>
      </c>
      <c r="AK23" s="177">
        <v>27</v>
      </c>
      <c r="AL23" s="182">
        <v>27</v>
      </c>
      <c r="AM23" s="179">
        <v>0</v>
      </c>
      <c r="AN23" s="177">
        <v>0</v>
      </c>
      <c r="AO23" s="177">
        <v>0</v>
      </c>
      <c r="AP23" s="177">
        <v>34</v>
      </c>
      <c r="AQ23" s="177">
        <v>0</v>
      </c>
      <c r="AR23" s="177">
        <v>16</v>
      </c>
      <c r="AS23" s="182">
        <v>50</v>
      </c>
      <c r="AT23" s="181">
        <v>77</v>
      </c>
      <c r="AU23" s="176">
        <v>0</v>
      </c>
      <c r="AV23" s="177">
        <v>0</v>
      </c>
      <c r="AW23" s="182">
        <v>0</v>
      </c>
      <c r="AX23" s="179">
        <v>0</v>
      </c>
      <c r="AY23" s="177">
        <v>160</v>
      </c>
      <c r="AZ23" s="177">
        <v>88</v>
      </c>
      <c r="BA23" s="177">
        <v>42</v>
      </c>
      <c r="BB23" s="177">
        <v>20</v>
      </c>
      <c r="BC23" s="177">
        <v>30</v>
      </c>
      <c r="BD23" s="180">
        <v>340</v>
      </c>
      <c r="BE23" s="181">
        <v>340</v>
      </c>
      <c r="BF23" s="176">
        <v>0</v>
      </c>
      <c r="BG23" s="177">
        <v>0</v>
      </c>
      <c r="BH23" s="182">
        <v>0</v>
      </c>
      <c r="BI23" s="179">
        <v>0</v>
      </c>
      <c r="BJ23" s="177">
        <v>12</v>
      </c>
      <c r="BK23" s="177">
        <v>19</v>
      </c>
      <c r="BL23" s="177">
        <v>13</v>
      </c>
      <c r="BM23" s="177">
        <v>9</v>
      </c>
      <c r="BN23" s="177">
        <v>21</v>
      </c>
      <c r="BO23" s="182">
        <v>74</v>
      </c>
      <c r="BP23" s="181">
        <v>74</v>
      </c>
      <c r="BQ23" s="176">
        <v>0</v>
      </c>
      <c r="BR23" s="177">
        <v>0</v>
      </c>
      <c r="BS23" s="182">
        <v>0</v>
      </c>
      <c r="BT23" s="179">
        <v>0</v>
      </c>
      <c r="BU23" s="177">
        <v>0</v>
      </c>
      <c r="BV23" s="177">
        <v>30</v>
      </c>
      <c r="BW23" s="177">
        <v>31</v>
      </c>
      <c r="BX23" s="177">
        <v>0</v>
      </c>
      <c r="BY23" s="177">
        <v>29</v>
      </c>
      <c r="BZ23" s="182">
        <v>90</v>
      </c>
      <c r="CA23" s="181">
        <v>90</v>
      </c>
      <c r="CB23" s="176">
        <v>0</v>
      </c>
      <c r="CC23" s="177">
        <v>0</v>
      </c>
      <c r="CD23" s="182">
        <v>0</v>
      </c>
      <c r="CE23" s="179">
        <v>0</v>
      </c>
      <c r="CF23" s="177">
        <v>0</v>
      </c>
      <c r="CG23" s="177">
        <v>2</v>
      </c>
      <c r="CH23" s="177">
        <v>0</v>
      </c>
      <c r="CI23" s="177">
        <v>0</v>
      </c>
      <c r="CJ23" s="177">
        <v>0</v>
      </c>
      <c r="CK23" s="182">
        <v>2</v>
      </c>
      <c r="CL23" s="181">
        <v>2</v>
      </c>
      <c r="CM23" s="176">
        <v>0</v>
      </c>
      <c r="CN23" s="177">
        <v>0</v>
      </c>
      <c r="CO23" s="182">
        <v>0</v>
      </c>
      <c r="CP23" s="179">
        <v>0</v>
      </c>
      <c r="CQ23" s="177">
        <v>0</v>
      </c>
      <c r="CR23" s="177">
        <v>0</v>
      </c>
      <c r="CS23" s="177">
        <v>0</v>
      </c>
      <c r="CT23" s="177">
        <v>0</v>
      </c>
      <c r="CU23" s="177">
        <v>0</v>
      </c>
      <c r="CV23" s="182">
        <v>0</v>
      </c>
      <c r="CW23" s="181">
        <v>0</v>
      </c>
      <c r="CX23" s="176">
        <v>0</v>
      </c>
      <c r="CY23" s="177">
        <v>0</v>
      </c>
      <c r="CZ23" s="182">
        <v>0</v>
      </c>
      <c r="DA23" s="179">
        <v>0</v>
      </c>
      <c r="DB23" s="177">
        <v>0</v>
      </c>
      <c r="DC23" s="177">
        <v>0</v>
      </c>
      <c r="DD23" s="177">
        <v>0</v>
      </c>
      <c r="DE23" s="177">
        <v>0</v>
      </c>
      <c r="DF23" s="177">
        <v>0</v>
      </c>
      <c r="DG23" s="182">
        <v>0</v>
      </c>
      <c r="DH23" s="181">
        <v>0</v>
      </c>
    </row>
    <row r="24" spans="2:112" ht="21" customHeight="1" x14ac:dyDescent="0.2">
      <c r="B24" s="92" t="s">
        <v>22</v>
      </c>
      <c r="C24" s="176">
        <v>0</v>
      </c>
      <c r="D24" s="182">
        <v>0</v>
      </c>
      <c r="E24" s="193">
        <v>0</v>
      </c>
      <c r="F24" s="179">
        <v>0</v>
      </c>
      <c r="G24" s="177">
        <v>9</v>
      </c>
      <c r="H24" s="177">
        <v>8</v>
      </c>
      <c r="I24" s="177">
        <v>30</v>
      </c>
      <c r="J24" s="177">
        <v>235</v>
      </c>
      <c r="K24" s="177">
        <v>138</v>
      </c>
      <c r="L24" s="180">
        <v>420</v>
      </c>
      <c r="M24" s="181">
        <v>420</v>
      </c>
      <c r="N24" s="176">
        <v>0</v>
      </c>
      <c r="O24" s="177">
        <v>0</v>
      </c>
      <c r="P24" s="182">
        <v>0</v>
      </c>
      <c r="Q24" s="179">
        <v>0</v>
      </c>
      <c r="R24" s="177">
        <v>0</v>
      </c>
      <c r="S24" s="177">
        <v>0</v>
      </c>
      <c r="T24" s="177">
        <v>0</v>
      </c>
      <c r="U24" s="177">
        <v>9</v>
      </c>
      <c r="V24" s="177">
        <v>31</v>
      </c>
      <c r="W24" s="182">
        <v>40</v>
      </c>
      <c r="X24" s="181">
        <v>40</v>
      </c>
      <c r="Y24" s="176">
        <v>0</v>
      </c>
      <c r="Z24" s="177">
        <v>9</v>
      </c>
      <c r="AA24" s="182">
        <v>9</v>
      </c>
      <c r="AB24" s="179">
        <v>0</v>
      </c>
      <c r="AC24" s="177">
        <v>40</v>
      </c>
      <c r="AD24" s="177">
        <v>34</v>
      </c>
      <c r="AE24" s="177">
        <v>4</v>
      </c>
      <c r="AF24" s="177">
        <v>0</v>
      </c>
      <c r="AG24" s="177">
        <v>63</v>
      </c>
      <c r="AH24" s="182">
        <v>141</v>
      </c>
      <c r="AI24" s="181">
        <v>150</v>
      </c>
      <c r="AJ24" s="176">
        <v>0</v>
      </c>
      <c r="AK24" s="177">
        <v>0</v>
      </c>
      <c r="AL24" s="182">
        <v>0</v>
      </c>
      <c r="AM24" s="179">
        <v>0</v>
      </c>
      <c r="AN24" s="177">
        <v>21</v>
      </c>
      <c r="AO24" s="177">
        <v>12</v>
      </c>
      <c r="AP24" s="177">
        <v>0</v>
      </c>
      <c r="AQ24" s="177">
        <v>9</v>
      </c>
      <c r="AR24" s="177">
        <v>0</v>
      </c>
      <c r="AS24" s="182">
        <v>42</v>
      </c>
      <c r="AT24" s="181">
        <v>42</v>
      </c>
      <c r="AU24" s="176">
        <v>0</v>
      </c>
      <c r="AV24" s="177">
        <v>0</v>
      </c>
      <c r="AW24" s="182">
        <v>0</v>
      </c>
      <c r="AX24" s="179">
        <v>0</v>
      </c>
      <c r="AY24" s="177">
        <v>16</v>
      </c>
      <c r="AZ24" s="177">
        <v>21</v>
      </c>
      <c r="BA24" s="177">
        <v>45</v>
      </c>
      <c r="BB24" s="177">
        <v>62</v>
      </c>
      <c r="BC24" s="177">
        <v>26</v>
      </c>
      <c r="BD24" s="180">
        <v>170</v>
      </c>
      <c r="BE24" s="181">
        <v>170</v>
      </c>
      <c r="BF24" s="176">
        <v>0</v>
      </c>
      <c r="BG24" s="177">
        <v>0</v>
      </c>
      <c r="BH24" s="182">
        <v>0</v>
      </c>
      <c r="BI24" s="179">
        <v>0</v>
      </c>
      <c r="BJ24" s="177">
        <v>50</v>
      </c>
      <c r="BK24" s="177">
        <v>18</v>
      </c>
      <c r="BL24" s="177">
        <v>0</v>
      </c>
      <c r="BM24" s="177">
        <v>0</v>
      </c>
      <c r="BN24" s="177">
        <v>0</v>
      </c>
      <c r="BO24" s="182">
        <v>68</v>
      </c>
      <c r="BP24" s="181">
        <v>68</v>
      </c>
      <c r="BQ24" s="176">
        <v>0</v>
      </c>
      <c r="BR24" s="177">
        <v>0</v>
      </c>
      <c r="BS24" s="182">
        <v>0</v>
      </c>
      <c r="BT24" s="179">
        <v>0</v>
      </c>
      <c r="BU24" s="177">
        <v>2</v>
      </c>
      <c r="BV24" s="177">
        <v>30</v>
      </c>
      <c r="BW24" s="177">
        <v>4</v>
      </c>
      <c r="BX24" s="177">
        <v>0</v>
      </c>
      <c r="BY24" s="177">
        <v>0</v>
      </c>
      <c r="BZ24" s="182">
        <v>36</v>
      </c>
      <c r="CA24" s="181">
        <v>36</v>
      </c>
      <c r="CB24" s="176">
        <v>0</v>
      </c>
      <c r="CC24" s="177">
        <v>0</v>
      </c>
      <c r="CD24" s="182">
        <v>0</v>
      </c>
      <c r="CE24" s="179">
        <v>0</v>
      </c>
      <c r="CF24" s="177">
        <v>0</v>
      </c>
      <c r="CG24" s="177">
        <v>0</v>
      </c>
      <c r="CH24" s="177">
        <v>0</v>
      </c>
      <c r="CI24" s="177">
        <v>0</v>
      </c>
      <c r="CJ24" s="177">
        <v>0</v>
      </c>
      <c r="CK24" s="182">
        <v>0</v>
      </c>
      <c r="CL24" s="181">
        <v>0</v>
      </c>
      <c r="CM24" s="176">
        <v>0</v>
      </c>
      <c r="CN24" s="177">
        <v>0</v>
      </c>
      <c r="CO24" s="182">
        <v>0</v>
      </c>
      <c r="CP24" s="179">
        <v>0</v>
      </c>
      <c r="CQ24" s="177">
        <v>0</v>
      </c>
      <c r="CR24" s="177">
        <v>0</v>
      </c>
      <c r="CS24" s="177">
        <v>0</v>
      </c>
      <c r="CT24" s="177">
        <v>0</v>
      </c>
      <c r="CU24" s="177">
        <v>0</v>
      </c>
      <c r="CV24" s="182">
        <v>0</v>
      </c>
      <c r="CW24" s="181">
        <v>0</v>
      </c>
      <c r="CX24" s="176">
        <v>0</v>
      </c>
      <c r="CY24" s="177">
        <v>0</v>
      </c>
      <c r="CZ24" s="182">
        <v>0</v>
      </c>
      <c r="DA24" s="179">
        <v>0</v>
      </c>
      <c r="DB24" s="177">
        <v>0</v>
      </c>
      <c r="DC24" s="177">
        <v>0</v>
      </c>
      <c r="DD24" s="177">
        <v>0</v>
      </c>
      <c r="DE24" s="177">
        <v>0</v>
      </c>
      <c r="DF24" s="177">
        <v>0</v>
      </c>
      <c r="DG24" s="182">
        <v>0</v>
      </c>
      <c r="DH24" s="181">
        <v>0</v>
      </c>
    </row>
    <row r="25" spans="2:112" ht="21" customHeight="1" x14ac:dyDescent="0.2">
      <c r="B25" s="92" t="s">
        <v>23</v>
      </c>
      <c r="C25" s="176">
        <v>0</v>
      </c>
      <c r="D25" s="182">
        <v>0</v>
      </c>
      <c r="E25" s="193">
        <v>0</v>
      </c>
      <c r="F25" s="179">
        <v>0</v>
      </c>
      <c r="G25" s="177">
        <v>48</v>
      </c>
      <c r="H25" s="177">
        <v>29</v>
      </c>
      <c r="I25" s="177">
        <v>312</v>
      </c>
      <c r="J25" s="177">
        <v>13</v>
      </c>
      <c r="K25" s="177">
        <v>120</v>
      </c>
      <c r="L25" s="180">
        <v>522</v>
      </c>
      <c r="M25" s="181">
        <v>522</v>
      </c>
      <c r="N25" s="176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0</v>
      </c>
      <c r="T25" s="177">
        <v>4</v>
      </c>
      <c r="U25" s="177">
        <v>8</v>
      </c>
      <c r="V25" s="177">
        <v>0</v>
      </c>
      <c r="W25" s="182">
        <v>12</v>
      </c>
      <c r="X25" s="181">
        <v>12</v>
      </c>
      <c r="Y25" s="176">
        <v>28</v>
      </c>
      <c r="Z25" s="177">
        <v>45</v>
      </c>
      <c r="AA25" s="182">
        <v>73</v>
      </c>
      <c r="AB25" s="179">
        <v>0</v>
      </c>
      <c r="AC25" s="177">
        <v>19</v>
      </c>
      <c r="AD25" s="177">
        <v>173</v>
      </c>
      <c r="AE25" s="177">
        <v>90</v>
      </c>
      <c r="AF25" s="177">
        <v>47</v>
      </c>
      <c r="AG25" s="177">
        <v>26</v>
      </c>
      <c r="AH25" s="182">
        <v>355</v>
      </c>
      <c r="AI25" s="181">
        <v>428</v>
      </c>
      <c r="AJ25" s="176">
        <v>0</v>
      </c>
      <c r="AK25" s="177">
        <v>12</v>
      </c>
      <c r="AL25" s="182">
        <v>12</v>
      </c>
      <c r="AM25" s="179">
        <v>0</v>
      </c>
      <c r="AN25" s="177">
        <v>6</v>
      </c>
      <c r="AO25" s="177">
        <v>21</v>
      </c>
      <c r="AP25" s="177">
        <v>0</v>
      </c>
      <c r="AQ25" s="177">
        <v>0</v>
      </c>
      <c r="AR25" s="177">
        <v>0</v>
      </c>
      <c r="AS25" s="182">
        <v>27</v>
      </c>
      <c r="AT25" s="181">
        <v>39</v>
      </c>
      <c r="AU25" s="176">
        <v>0</v>
      </c>
      <c r="AV25" s="177">
        <v>0</v>
      </c>
      <c r="AW25" s="182">
        <v>0</v>
      </c>
      <c r="AX25" s="179">
        <v>0</v>
      </c>
      <c r="AY25" s="177">
        <v>65</v>
      </c>
      <c r="AZ25" s="177">
        <v>112</v>
      </c>
      <c r="BA25" s="177">
        <v>52</v>
      </c>
      <c r="BB25" s="177">
        <v>19</v>
      </c>
      <c r="BC25" s="177">
        <v>26</v>
      </c>
      <c r="BD25" s="180">
        <v>274</v>
      </c>
      <c r="BE25" s="181">
        <v>274</v>
      </c>
      <c r="BF25" s="176">
        <v>0</v>
      </c>
      <c r="BG25" s="177">
        <v>0</v>
      </c>
      <c r="BH25" s="182">
        <v>0</v>
      </c>
      <c r="BI25" s="179">
        <v>0</v>
      </c>
      <c r="BJ25" s="177">
        <v>0</v>
      </c>
      <c r="BK25" s="177">
        <v>0</v>
      </c>
      <c r="BL25" s="177">
        <v>40</v>
      </c>
      <c r="BM25" s="177">
        <v>0</v>
      </c>
      <c r="BN25" s="177">
        <v>2</v>
      </c>
      <c r="BO25" s="182">
        <v>42</v>
      </c>
      <c r="BP25" s="181">
        <v>42</v>
      </c>
      <c r="BQ25" s="176">
        <v>0</v>
      </c>
      <c r="BR25" s="177">
        <v>0</v>
      </c>
      <c r="BS25" s="182">
        <v>0</v>
      </c>
      <c r="BT25" s="179">
        <v>0</v>
      </c>
      <c r="BU25" s="177">
        <v>24</v>
      </c>
      <c r="BV25" s="177">
        <v>37</v>
      </c>
      <c r="BW25" s="177">
        <v>62</v>
      </c>
      <c r="BX25" s="177">
        <v>0</v>
      </c>
      <c r="BY25" s="177">
        <v>0</v>
      </c>
      <c r="BZ25" s="182">
        <v>123</v>
      </c>
      <c r="CA25" s="181">
        <v>123</v>
      </c>
      <c r="CB25" s="176">
        <v>0</v>
      </c>
      <c r="CC25" s="177">
        <v>0</v>
      </c>
      <c r="CD25" s="182">
        <v>0</v>
      </c>
      <c r="CE25" s="179">
        <v>0</v>
      </c>
      <c r="CF25" s="177">
        <v>0</v>
      </c>
      <c r="CG25" s="177">
        <v>0</v>
      </c>
      <c r="CH25" s="177">
        <v>0</v>
      </c>
      <c r="CI25" s="177">
        <v>0</v>
      </c>
      <c r="CJ25" s="177">
        <v>0</v>
      </c>
      <c r="CK25" s="182">
        <v>0</v>
      </c>
      <c r="CL25" s="181">
        <v>0</v>
      </c>
      <c r="CM25" s="176">
        <v>0</v>
      </c>
      <c r="CN25" s="177">
        <v>0</v>
      </c>
      <c r="CO25" s="182">
        <v>0</v>
      </c>
      <c r="CP25" s="179">
        <v>0</v>
      </c>
      <c r="CQ25" s="177">
        <v>0</v>
      </c>
      <c r="CR25" s="177">
        <v>0</v>
      </c>
      <c r="CS25" s="177">
        <v>0</v>
      </c>
      <c r="CT25" s="177">
        <v>0</v>
      </c>
      <c r="CU25" s="177">
        <v>0</v>
      </c>
      <c r="CV25" s="182">
        <v>0</v>
      </c>
      <c r="CW25" s="181">
        <v>0</v>
      </c>
      <c r="CX25" s="176">
        <v>0</v>
      </c>
      <c r="CY25" s="177">
        <v>0</v>
      </c>
      <c r="CZ25" s="182">
        <v>0</v>
      </c>
      <c r="DA25" s="179">
        <v>0</v>
      </c>
      <c r="DB25" s="177">
        <v>0</v>
      </c>
      <c r="DC25" s="177">
        <v>0</v>
      </c>
      <c r="DD25" s="177">
        <v>0</v>
      </c>
      <c r="DE25" s="177">
        <v>0</v>
      </c>
      <c r="DF25" s="177">
        <v>0</v>
      </c>
      <c r="DG25" s="182">
        <v>0</v>
      </c>
      <c r="DH25" s="181">
        <v>0</v>
      </c>
    </row>
    <row r="26" spans="2:112" ht="21" customHeight="1" x14ac:dyDescent="0.2">
      <c r="B26" s="92" t="s">
        <v>24</v>
      </c>
      <c r="C26" s="176">
        <v>0</v>
      </c>
      <c r="D26" s="182">
        <v>0</v>
      </c>
      <c r="E26" s="193">
        <v>0</v>
      </c>
      <c r="F26" s="179">
        <v>0</v>
      </c>
      <c r="G26" s="177">
        <v>180</v>
      </c>
      <c r="H26" s="177">
        <v>99</v>
      </c>
      <c r="I26" s="177">
        <v>23</v>
      </c>
      <c r="J26" s="177">
        <v>158</v>
      </c>
      <c r="K26" s="177">
        <v>224</v>
      </c>
      <c r="L26" s="180">
        <v>684</v>
      </c>
      <c r="M26" s="181">
        <v>684</v>
      </c>
      <c r="N26" s="176">
        <v>0</v>
      </c>
      <c r="O26" s="177">
        <v>0</v>
      </c>
      <c r="P26" s="182">
        <v>0</v>
      </c>
      <c r="Q26" s="179">
        <v>0</v>
      </c>
      <c r="R26" s="177">
        <v>0</v>
      </c>
      <c r="S26" s="177">
        <v>0</v>
      </c>
      <c r="T26" s="177">
        <v>0</v>
      </c>
      <c r="U26" s="177">
        <v>0</v>
      </c>
      <c r="V26" s="177">
        <v>17</v>
      </c>
      <c r="W26" s="182">
        <v>17</v>
      </c>
      <c r="X26" s="181">
        <v>17</v>
      </c>
      <c r="Y26" s="176">
        <v>14</v>
      </c>
      <c r="Z26" s="177">
        <v>16</v>
      </c>
      <c r="AA26" s="182">
        <v>30</v>
      </c>
      <c r="AB26" s="179">
        <v>0</v>
      </c>
      <c r="AC26" s="177">
        <v>68</v>
      </c>
      <c r="AD26" s="177">
        <v>103</v>
      </c>
      <c r="AE26" s="177">
        <v>40</v>
      </c>
      <c r="AF26" s="177">
        <v>0</v>
      </c>
      <c r="AG26" s="177">
        <v>64</v>
      </c>
      <c r="AH26" s="182">
        <v>275</v>
      </c>
      <c r="AI26" s="181">
        <v>305</v>
      </c>
      <c r="AJ26" s="176">
        <v>0</v>
      </c>
      <c r="AK26" s="177">
        <v>0</v>
      </c>
      <c r="AL26" s="182">
        <v>0</v>
      </c>
      <c r="AM26" s="179">
        <v>0</v>
      </c>
      <c r="AN26" s="177">
        <v>0</v>
      </c>
      <c r="AO26" s="177">
        <v>0</v>
      </c>
      <c r="AP26" s="177">
        <v>0</v>
      </c>
      <c r="AQ26" s="177">
        <v>0</v>
      </c>
      <c r="AR26" s="177">
        <v>6</v>
      </c>
      <c r="AS26" s="182">
        <v>6</v>
      </c>
      <c r="AT26" s="181">
        <v>6</v>
      </c>
      <c r="AU26" s="176">
        <v>0</v>
      </c>
      <c r="AV26" s="177">
        <v>0</v>
      </c>
      <c r="AW26" s="182">
        <v>0</v>
      </c>
      <c r="AX26" s="179">
        <v>0</v>
      </c>
      <c r="AY26" s="177">
        <v>58</v>
      </c>
      <c r="AZ26" s="177">
        <v>62</v>
      </c>
      <c r="BA26" s="177">
        <v>21</v>
      </c>
      <c r="BB26" s="177">
        <v>4</v>
      </c>
      <c r="BC26" s="177">
        <v>0</v>
      </c>
      <c r="BD26" s="180">
        <v>145</v>
      </c>
      <c r="BE26" s="181">
        <v>145</v>
      </c>
      <c r="BF26" s="176">
        <v>0</v>
      </c>
      <c r="BG26" s="177">
        <v>0</v>
      </c>
      <c r="BH26" s="182">
        <v>0</v>
      </c>
      <c r="BI26" s="179">
        <v>0</v>
      </c>
      <c r="BJ26" s="177">
        <v>56</v>
      </c>
      <c r="BK26" s="177">
        <v>15</v>
      </c>
      <c r="BL26" s="177">
        <v>0</v>
      </c>
      <c r="BM26" s="177">
        <v>0</v>
      </c>
      <c r="BN26" s="177">
        <v>1</v>
      </c>
      <c r="BO26" s="182">
        <v>72</v>
      </c>
      <c r="BP26" s="181">
        <v>72</v>
      </c>
      <c r="BQ26" s="176">
        <v>0</v>
      </c>
      <c r="BR26" s="177">
        <v>0</v>
      </c>
      <c r="BS26" s="182">
        <v>0</v>
      </c>
      <c r="BT26" s="179">
        <v>0</v>
      </c>
      <c r="BU26" s="177">
        <v>0</v>
      </c>
      <c r="BV26" s="177">
        <v>17</v>
      </c>
      <c r="BW26" s="177">
        <v>4</v>
      </c>
      <c r="BX26" s="177">
        <v>0</v>
      </c>
      <c r="BY26" s="177">
        <v>0</v>
      </c>
      <c r="BZ26" s="182">
        <v>21</v>
      </c>
      <c r="CA26" s="181">
        <v>21</v>
      </c>
      <c r="CB26" s="176">
        <v>0</v>
      </c>
      <c r="CC26" s="177">
        <v>0</v>
      </c>
      <c r="CD26" s="182">
        <v>0</v>
      </c>
      <c r="CE26" s="179">
        <v>0</v>
      </c>
      <c r="CF26" s="177">
        <v>0</v>
      </c>
      <c r="CG26" s="177">
        <v>0</v>
      </c>
      <c r="CH26" s="177">
        <v>0</v>
      </c>
      <c r="CI26" s="177">
        <v>0</v>
      </c>
      <c r="CJ26" s="177">
        <v>0</v>
      </c>
      <c r="CK26" s="182">
        <v>0</v>
      </c>
      <c r="CL26" s="181">
        <v>0</v>
      </c>
      <c r="CM26" s="176">
        <v>0</v>
      </c>
      <c r="CN26" s="177">
        <v>0</v>
      </c>
      <c r="CO26" s="182">
        <v>0</v>
      </c>
      <c r="CP26" s="179">
        <v>0</v>
      </c>
      <c r="CQ26" s="177">
        <v>0</v>
      </c>
      <c r="CR26" s="177">
        <v>0</v>
      </c>
      <c r="CS26" s="177">
        <v>0</v>
      </c>
      <c r="CT26" s="177">
        <v>0</v>
      </c>
      <c r="CU26" s="177">
        <v>0</v>
      </c>
      <c r="CV26" s="182">
        <v>0</v>
      </c>
      <c r="CW26" s="181">
        <v>0</v>
      </c>
      <c r="CX26" s="176">
        <v>0</v>
      </c>
      <c r="CY26" s="177">
        <v>0</v>
      </c>
      <c r="CZ26" s="182">
        <v>0</v>
      </c>
      <c r="DA26" s="179">
        <v>0</v>
      </c>
      <c r="DB26" s="177">
        <v>0</v>
      </c>
      <c r="DC26" s="177">
        <v>0</v>
      </c>
      <c r="DD26" s="177">
        <v>0</v>
      </c>
      <c r="DE26" s="177">
        <v>0</v>
      </c>
      <c r="DF26" s="177">
        <v>0</v>
      </c>
      <c r="DG26" s="182">
        <v>0</v>
      </c>
      <c r="DH26" s="181">
        <v>0</v>
      </c>
    </row>
    <row r="27" spans="2:112" ht="21" customHeight="1" x14ac:dyDescent="0.2">
      <c r="B27" s="92" t="s">
        <v>25</v>
      </c>
      <c r="C27" s="176">
        <v>0</v>
      </c>
      <c r="D27" s="182">
        <v>0</v>
      </c>
      <c r="E27" s="193">
        <v>0</v>
      </c>
      <c r="F27" s="179">
        <v>0</v>
      </c>
      <c r="G27" s="177">
        <v>50</v>
      </c>
      <c r="H27" s="177">
        <v>21</v>
      </c>
      <c r="I27" s="177">
        <v>95</v>
      </c>
      <c r="J27" s="177">
        <v>109</v>
      </c>
      <c r="K27" s="177">
        <v>90</v>
      </c>
      <c r="L27" s="180">
        <v>365</v>
      </c>
      <c r="M27" s="181">
        <v>365</v>
      </c>
      <c r="N27" s="176">
        <v>0</v>
      </c>
      <c r="O27" s="177">
        <v>0</v>
      </c>
      <c r="P27" s="182">
        <v>0</v>
      </c>
      <c r="Q27" s="179">
        <v>0</v>
      </c>
      <c r="R27" s="177">
        <v>0</v>
      </c>
      <c r="S27" s="177">
        <v>0</v>
      </c>
      <c r="T27" s="177">
        <v>8</v>
      </c>
      <c r="U27" s="177">
        <v>0</v>
      </c>
      <c r="V27" s="177">
        <v>25</v>
      </c>
      <c r="W27" s="182">
        <v>33</v>
      </c>
      <c r="X27" s="181">
        <v>33</v>
      </c>
      <c r="Y27" s="176">
        <v>24</v>
      </c>
      <c r="Z27" s="177">
        <v>50</v>
      </c>
      <c r="AA27" s="182">
        <v>74</v>
      </c>
      <c r="AB27" s="179">
        <v>0</v>
      </c>
      <c r="AC27" s="177">
        <v>4</v>
      </c>
      <c r="AD27" s="177">
        <v>8</v>
      </c>
      <c r="AE27" s="177">
        <v>50</v>
      </c>
      <c r="AF27" s="177">
        <v>24</v>
      </c>
      <c r="AG27" s="177">
        <v>59</v>
      </c>
      <c r="AH27" s="182">
        <v>145</v>
      </c>
      <c r="AI27" s="181">
        <v>219</v>
      </c>
      <c r="AJ27" s="176">
        <v>0</v>
      </c>
      <c r="AK27" s="177">
        <v>0</v>
      </c>
      <c r="AL27" s="182">
        <v>0</v>
      </c>
      <c r="AM27" s="179">
        <v>0</v>
      </c>
      <c r="AN27" s="177">
        <v>0</v>
      </c>
      <c r="AO27" s="177">
        <v>0</v>
      </c>
      <c r="AP27" s="177">
        <v>0</v>
      </c>
      <c r="AQ27" s="177">
        <v>0</v>
      </c>
      <c r="AR27" s="177">
        <v>0</v>
      </c>
      <c r="AS27" s="182">
        <v>0</v>
      </c>
      <c r="AT27" s="181">
        <v>0</v>
      </c>
      <c r="AU27" s="176">
        <v>0</v>
      </c>
      <c r="AV27" s="177">
        <v>0</v>
      </c>
      <c r="AW27" s="182">
        <v>0</v>
      </c>
      <c r="AX27" s="179">
        <v>0</v>
      </c>
      <c r="AY27" s="177">
        <v>13</v>
      </c>
      <c r="AZ27" s="177">
        <v>48</v>
      </c>
      <c r="BA27" s="177">
        <v>26</v>
      </c>
      <c r="BB27" s="177">
        <v>17</v>
      </c>
      <c r="BC27" s="177">
        <v>0</v>
      </c>
      <c r="BD27" s="180">
        <v>104</v>
      </c>
      <c r="BE27" s="181">
        <v>104</v>
      </c>
      <c r="BF27" s="176">
        <v>0</v>
      </c>
      <c r="BG27" s="177">
        <v>0</v>
      </c>
      <c r="BH27" s="182">
        <v>0</v>
      </c>
      <c r="BI27" s="179">
        <v>0</v>
      </c>
      <c r="BJ27" s="177">
        <v>21</v>
      </c>
      <c r="BK27" s="177">
        <v>60</v>
      </c>
      <c r="BL27" s="177">
        <v>11</v>
      </c>
      <c r="BM27" s="177">
        <v>0</v>
      </c>
      <c r="BN27" s="177">
        <v>0</v>
      </c>
      <c r="BO27" s="182">
        <v>92</v>
      </c>
      <c r="BP27" s="181">
        <v>92</v>
      </c>
      <c r="BQ27" s="176">
        <v>0</v>
      </c>
      <c r="BR27" s="177">
        <v>4</v>
      </c>
      <c r="BS27" s="182">
        <v>4</v>
      </c>
      <c r="BT27" s="179">
        <v>0</v>
      </c>
      <c r="BU27" s="177">
        <v>18</v>
      </c>
      <c r="BV27" s="177">
        <v>0</v>
      </c>
      <c r="BW27" s="177">
        <v>0</v>
      </c>
      <c r="BX27" s="177">
        <v>2</v>
      </c>
      <c r="BY27" s="177">
        <v>0</v>
      </c>
      <c r="BZ27" s="182">
        <v>20</v>
      </c>
      <c r="CA27" s="181">
        <v>24</v>
      </c>
      <c r="CB27" s="176">
        <v>0</v>
      </c>
      <c r="CC27" s="177">
        <v>0</v>
      </c>
      <c r="CD27" s="182">
        <v>0</v>
      </c>
      <c r="CE27" s="179">
        <v>0</v>
      </c>
      <c r="CF27" s="177">
        <v>0</v>
      </c>
      <c r="CG27" s="177">
        <v>0</v>
      </c>
      <c r="CH27" s="177">
        <v>0</v>
      </c>
      <c r="CI27" s="177">
        <v>0</v>
      </c>
      <c r="CJ27" s="177">
        <v>0</v>
      </c>
      <c r="CK27" s="182">
        <v>0</v>
      </c>
      <c r="CL27" s="181">
        <v>0</v>
      </c>
      <c r="CM27" s="176">
        <v>0</v>
      </c>
      <c r="CN27" s="177">
        <v>0</v>
      </c>
      <c r="CO27" s="182">
        <v>0</v>
      </c>
      <c r="CP27" s="179">
        <v>0</v>
      </c>
      <c r="CQ27" s="177">
        <v>0</v>
      </c>
      <c r="CR27" s="177">
        <v>0</v>
      </c>
      <c r="CS27" s="177">
        <v>0</v>
      </c>
      <c r="CT27" s="177">
        <v>0</v>
      </c>
      <c r="CU27" s="177">
        <v>0</v>
      </c>
      <c r="CV27" s="182">
        <v>0</v>
      </c>
      <c r="CW27" s="181">
        <v>0</v>
      </c>
      <c r="CX27" s="176">
        <v>0</v>
      </c>
      <c r="CY27" s="177">
        <v>0</v>
      </c>
      <c r="CZ27" s="182">
        <v>0</v>
      </c>
      <c r="DA27" s="179">
        <v>0</v>
      </c>
      <c r="DB27" s="177">
        <v>0</v>
      </c>
      <c r="DC27" s="177">
        <v>0</v>
      </c>
      <c r="DD27" s="177">
        <v>0</v>
      </c>
      <c r="DE27" s="177">
        <v>0</v>
      </c>
      <c r="DF27" s="177">
        <v>0</v>
      </c>
      <c r="DG27" s="182">
        <v>0</v>
      </c>
      <c r="DH27" s="181">
        <v>0</v>
      </c>
    </row>
    <row r="28" spans="2:112" ht="21" customHeight="1" x14ac:dyDescent="0.2">
      <c r="B28" s="92" t="s">
        <v>26</v>
      </c>
      <c r="C28" s="176">
        <v>0</v>
      </c>
      <c r="D28" s="182">
        <v>0</v>
      </c>
      <c r="E28" s="193">
        <v>0</v>
      </c>
      <c r="F28" s="179">
        <v>0</v>
      </c>
      <c r="G28" s="177">
        <v>17</v>
      </c>
      <c r="H28" s="177">
        <v>166</v>
      </c>
      <c r="I28" s="177">
        <v>52</v>
      </c>
      <c r="J28" s="177">
        <v>82</v>
      </c>
      <c r="K28" s="177">
        <v>221</v>
      </c>
      <c r="L28" s="180">
        <v>538</v>
      </c>
      <c r="M28" s="181">
        <v>538</v>
      </c>
      <c r="N28" s="176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0</v>
      </c>
      <c r="U28" s="177">
        <v>1</v>
      </c>
      <c r="V28" s="177">
        <v>0</v>
      </c>
      <c r="W28" s="182">
        <v>1</v>
      </c>
      <c r="X28" s="181">
        <v>1</v>
      </c>
      <c r="Y28" s="176">
        <v>16</v>
      </c>
      <c r="Z28" s="177">
        <v>6</v>
      </c>
      <c r="AA28" s="182">
        <v>22</v>
      </c>
      <c r="AB28" s="179">
        <v>0</v>
      </c>
      <c r="AC28" s="177">
        <v>37</v>
      </c>
      <c r="AD28" s="177">
        <v>37</v>
      </c>
      <c r="AE28" s="177">
        <v>20</v>
      </c>
      <c r="AF28" s="177">
        <v>0</v>
      </c>
      <c r="AG28" s="177">
        <v>19</v>
      </c>
      <c r="AH28" s="182">
        <v>113</v>
      </c>
      <c r="AI28" s="181">
        <v>135</v>
      </c>
      <c r="AJ28" s="176">
        <v>0</v>
      </c>
      <c r="AK28" s="177">
        <v>0</v>
      </c>
      <c r="AL28" s="182">
        <v>0</v>
      </c>
      <c r="AM28" s="179">
        <v>0</v>
      </c>
      <c r="AN28" s="177">
        <v>18</v>
      </c>
      <c r="AO28" s="177">
        <v>0</v>
      </c>
      <c r="AP28" s="177">
        <v>12</v>
      </c>
      <c r="AQ28" s="177">
        <v>0</v>
      </c>
      <c r="AR28" s="177">
        <v>0</v>
      </c>
      <c r="AS28" s="182">
        <v>30</v>
      </c>
      <c r="AT28" s="181">
        <v>30</v>
      </c>
      <c r="AU28" s="176">
        <v>0</v>
      </c>
      <c r="AV28" s="177">
        <v>0</v>
      </c>
      <c r="AW28" s="182">
        <v>0</v>
      </c>
      <c r="AX28" s="179">
        <v>0</v>
      </c>
      <c r="AY28" s="177">
        <v>59</v>
      </c>
      <c r="AZ28" s="177">
        <v>38</v>
      </c>
      <c r="BA28" s="177">
        <v>26</v>
      </c>
      <c r="BB28" s="177">
        <v>12</v>
      </c>
      <c r="BC28" s="177">
        <v>9</v>
      </c>
      <c r="BD28" s="180">
        <v>144</v>
      </c>
      <c r="BE28" s="181">
        <v>144</v>
      </c>
      <c r="BF28" s="176">
        <v>0</v>
      </c>
      <c r="BG28" s="177">
        <v>0</v>
      </c>
      <c r="BH28" s="182">
        <v>0</v>
      </c>
      <c r="BI28" s="179">
        <v>0</v>
      </c>
      <c r="BJ28" s="177">
        <v>0</v>
      </c>
      <c r="BK28" s="177">
        <v>22</v>
      </c>
      <c r="BL28" s="177">
        <v>8</v>
      </c>
      <c r="BM28" s="177">
        <v>0</v>
      </c>
      <c r="BN28" s="177">
        <v>0</v>
      </c>
      <c r="BO28" s="182">
        <v>30</v>
      </c>
      <c r="BP28" s="181">
        <v>30</v>
      </c>
      <c r="BQ28" s="176">
        <v>0</v>
      </c>
      <c r="BR28" s="177">
        <v>0</v>
      </c>
      <c r="BS28" s="182">
        <v>0</v>
      </c>
      <c r="BT28" s="179">
        <v>0</v>
      </c>
      <c r="BU28" s="177">
        <v>24</v>
      </c>
      <c r="BV28" s="177">
        <v>40</v>
      </c>
      <c r="BW28" s="177">
        <v>0</v>
      </c>
      <c r="BX28" s="177">
        <v>0</v>
      </c>
      <c r="BY28" s="177">
        <v>0</v>
      </c>
      <c r="BZ28" s="182">
        <v>64</v>
      </c>
      <c r="CA28" s="181">
        <v>64</v>
      </c>
      <c r="CB28" s="176">
        <v>0</v>
      </c>
      <c r="CC28" s="177">
        <v>0</v>
      </c>
      <c r="CD28" s="182">
        <v>0</v>
      </c>
      <c r="CE28" s="179">
        <v>0</v>
      </c>
      <c r="CF28" s="177">
        <v>0</v>
      </c>
      <c r="CG28" s="177">
        <v>0</v>
      </c>
      <c r="CH28" s="177">
        <v>0</v>
      </c>
      <c r="CI28" s="177">
        <v>0</v>
      </c>
      <c r="CJ28" s="177">
        <v>5</v>
      </c>
      <c r="CK28" s="182">
        <v>5</v>
      </c>
      <c r="CL28" s="181">
        <v>5</v>
      </c>
      <c r="CM28" s="176">
        <v>0</v>
      </c>
      <c r="CN28" s="177">
        <v>0</v>
      </c>
      <c r="CO28" s="182">
        <v>0</v>
      </c>
      <c r="CP28" s="179">
        <v>0</v>
      </c>
      <c r="CQ28" s="177">
        <v>0</v>
      </c>
      <c r="CR28" s="177">
        <v>0</v>
      </c>
      <c r="CS28" s="177">
        <v>0</v>
      </c>
      <c r="CT28" s="177">
        <v>0</v>
      </c>
      <c r="CU28" s="177">
        <v>0</v>
      </c>
      <c r="CV28" s="182">
        <v>0</v>
      </c>
      <c r="CW28" s="181">
        <v>0</v>
      </c>
      <c r="CX28" s="176">
        <v>0</v>
      </c>
      <c r="CY28" s="177">
        <v>0</v>
      </c>
      <c r="CZ28" s="182">
        <v>0</v>
      </c>
      <c r="DA28" s="179">
        <v>0</v>
      </c>
      <c r="DB28" s="177">
        <v>0</v>
      </c>
      <c r="DC28" s="177">
        <v>0</v>
      </c>
      <c r="DD28" s="177">
        <v>0</v>
      </c>
      <c r="DE28" s="177">
        <v>0</v>
      </c>
      <c r="DF28" s="177">
        <v>0</v>
      </c>
      <c r="DG28" s="182">
        <v>0</v>
      </c>
      <c r="DH28" s="181">
        <v>0</v>
      </c>
    </row>
    <row r="29" spans="2:112" ht="21" customHeight="1" x14ac:dyDescent="0.2">
      <c r="B29" s="92" t="s">
        <v>27</v>
      </c>
      <c r="C29" s="176">
        <v>0</v>
      </c>
      <c r="D29" s="182">
        <v>0</v>
      </c>
      <c r="E29" s="193">
        <v>0</v>
      </c>
      <c r="F29" s="179">
        <v>0</v>
      </c>
      <c r="G29" s="177">
        <v>10</v>
      </c>
      <c r="H29" s="177">
        <v>55</v>
      </c>
      <c r="I29" s="177">
        <v>143</v>
      </c>
      <c r="J29" s="177">
        <v>44</v>
      </c>
      <c r="K29" s="177">
        <v>108</v>
      </c>
      <c r="L29" s="180">
        <v>360</v>
      </c>
      <c r="M29" s="181">
        <v>360</v>
      </c>
      <c r="N29" s="176">
        <v>0</v>
      </c>
      <c r="O29" s="177">
        <v>0</v>
      </c>
      <c r="P29" s="182">
        <v>0</v>
      </c>
      <c r="Q29" s="179">
        <v>0</v>
      </c>
      <c r="R29" s="177">
        <v>0</v>
      </c>
      <c r="S29" s="177">
        <v>0</v>
      </c>
      <c r="T29" s="177">
        <v>0</v>
      </c>
      <c r="U29" s="177">
        <v>4</v>
      </c>
      <c r="V29" s="177">
        <v>4</v>
      </c>
      <c r="W29" s="182">
        <v>8</v>
      </c>
      <c r="X29" s="181">
        <v>8</v>
      </c>
      <c r="Y29" s="176">
        <v>4</v>
      </c>
      <c r="Z29" s="177">
        <v>12</v>
      </c>
      <c r="AA29" s="182">
        <v>16</v>
      </c>
      <c r="AB29" s="179">
        <v>0</v>
      </c>
      <c r="AC29" s="177">
        <v>18</v>
      </c>
      <c r="AD29" s="177">
        <v>27</v>
      </c>
      <c r="AE29" s="177">
        <v>33</v>
      </c>
      <c r="AF29" s="177">
        <v>57</v>
      </c>
      <c r="AG29" s="177">
        <v>0</v>
      </c>
      <c r="AH29" s="182">
        <v>135</v>
      </c>
      <c r="AI29" s="181">
        <v>151</v>
      </c>
      <c r="AJ29" s="176">
        <v>0</v>
      </c>
      <c r="AK29" s="177">
        <v>0</v>
      </c>
      <c r="AL29" s="182">
        <v>0</v>
      </c>
      <c r="AM29" s="179">
        <v>0</v>
      </c>
      <c r="AN29" s="177">
        <v>0</v>
      </c>
      <c r="AO29" s="177">
        <v>0</v>
      </c>
      <c r="AP29" s="177">
        <v>0</v>
      </c>
      <c r="AQ29" s="177">
        <v>0</v>
      </c>
      <c r="AR29" s="177">
        <v>0</v>
      </c>
      <c r="AS29" s="182">
        <v>0</v>
      </c>
      <c r="AT29" s="181">
        <v>0</v>
      </c>
      <c r="AU29" s="176">
        <v>0</v>
      </c>
      <c r="AV29" s="177">
        <v>0</v>
      </c>
      <c r="AW29" s="182">
        <v>0</v>
      </c>
      <c r="AX29" s="179">
        <v>0</v>
      </c>
      <c r="AY29" s="177">
        <v>23</v>
      </c>
      <c r="AZ29" s="177">
        <v>8</v>
      </c>
      <c r="BA29" s="177">
        <v>23</v>
      </c>
      <c r="BB29" s="177">
        <v>27</v>
      </c>
      <c r="BC29" s="177">
        <v>0</v>
      </c>
      <c r="BD29" s="180">
        <v>81</v>
      </c>
      <c r="BE29" s="181">
        <v>81</v>
      </c>
      <c r="BF29" s="176">
        <v>0</v>
      </c>
      <c r="BG29" s="177">
        <v>0</v>
      </c>
      <c r="BH29" s="182">
        <v>0</v>
      </c>
      <c r="BI29" s="179">
        <v>0</v>
      </c>
      <c r="BJ29" s="177">
        <v>17</v>
      </c>
      <c r="BK29" s="177">
        <v>22</v>
      </c>
      <c r="BL29" s="177">
        <v>7</v>
      </c>
      <c r="BM29" s="177">
        <v>0</v>
      </c>
      <c r="BN29" s="177">
        <v>0</v>
      </c>
      <c r="BO29" s="182">
        <v>46</v>
      </c>
      <c r="BP29" s="181">
        <v>46</v>
      </c>
      <c r="BQ29" s="176">
        <v>0</v>
      </c>
      <c r="BR29" s="177">
        <v>0</v>
      </c>
      <c r="BS29" s="182">
        <v>0</v>
      </c>
      <c r="BT29" s="179">
        <v>0</v>
      </c>
      <c r="BU29" s="177">
        <v>0</v>
      </c>
      <c r="BV29" s="177">
        <v>0</v>
      </c>
      <c r="BW29" s="177">
        <v>14</v>
      </c>
      <c r="BX29" s="177">
        <v>13</v>
      </c>
      <c r="BY29" s="177">
        <v>0</v>
      </c>
      <c r="BZ29" s="182">
        <v>27</v>
      </c>
      <c r="CA29" s="181">
        <v>27</v>
      </c>
      <c r="CB29" s="176">
        <v>0</v>
      </c>
      <c r="CC29" s="177">
        <v>0</v>
      </c>
      <c r="CD29" s="182">
        <v>0</v>
      </c>
      <c r="CE29" s="179">
        <v>0</v>
      </c>
      <c r="CF29" s="177">
        <v>6</v>
      </c>
      <c r="CG29" s="177">
        <v>0</v>
      </c>
      <c r="CH29" s="177">
        <v>5</v>
      </c>
      <c r="CI29" s="177">
        <v>0</v>
      </c>
      <c r="CJ29" s="177">
        <v>0</v>
      </c>
      <c r="CK29" s="182">
        <v>11</v>
      </c>
      <c r="CL29" s="181">
        <v>11</v>
      </c>
      <c r="CM29" s="176">
        <v>0</v>
      </c>
      <c r="CN29" s="177">
        <v>0</v>
      </c>
      <c r="CO29" s="182">
        <v>0</v>
      </c>
      <c r="CP29" s="179">
        <v>0</v>
      </c>
      <c r="CQ29" s="177">
        <v>0</v>
      </c>
      <c r="CR29" s="177">
        <v>0</v>
      </c>
      <c r="CS29" s="177">
        <v>0</v>
      </c>
      <c r="CT29" s="177">
        <v>0</v>
      </c>
      <c r="CU29" s="177">
        <v>0</v>
      </c>
      <c r="CV29" s="182">
        <v>0</v>
      </c>
      <c r="CW29" s="181">
        <v>0</v>
      </c>
      <c r="CX29" s="176">
        <v>0</v>
      </c>
      <c r="CY29" s="177">
        <v>0</v>
      </c>
      <c r="CZ29" s="182">
        <v>0</v>
      </c>
      <c r="DA29" s="179">
        <v>0</v>
      </c>
      <c r="DB29" s="177">
        <v>0</v>
      </c>
      <c r="DC29" s="177">
        <v>0</v>
      </c>
      <c r="DD29" s="177">
        <v>0</v>
      </c>
      <c r="DE29" s="177">
        <v>0</v>
      </c>
      <c r="DF29" s="177">
        <v>0</v>
      </c>
      <c r="DG29" s="182">
        <v>0</v>
      </c>
      <c r="DH29" s="181">
        <v>0</v>
      </c>
    </row>
    <row r="30" spans="2:112" ht="21" customHeight="1" x14ac:dyDescent="0.2">
      <c r="B30" s="92" t="s">
        <v>28</v>
      </c>
      <c r="C30" s="176">
        <v>0</v>
      </c>
      <c r="D30" s="182">
        <v>0</v>
      </c>
      <c r="E30" s="193">
        <v>0</v>
      </c>
      <c r="F30" s="179">
        <v>0</v>
      </c>
      <c r="G30" s="177">
        <v>8</v>
      </c>
      <c r="H30" s="177">
        <v>13</v>
      </c>
      <c r="I30" s="177">
        <v>0</v>
      </c>
      <c r="J30" s="177">
        <v>34</v>
      </c>
      <c r="K30" s="177">
        <v>0</v>
      </c>
      <c r="L30" s="180">
        <v>55</v>
      </c>
      <c r="M30" s="181">
        <v>55</v>
      </c>
      <c r="N30" s="176">
        <v>0</v>
      </c>
      <c r="O30" s="177">
        <v>0</v>
      </c>
      <c r="P30" s="182">
        <v>0</v>
      </c>
      <c r="Q30" s="179">
        <v>0</v>
      </c>
      <c r="R30" s="177">
        <v>0</v>
      </c>
      <c r="S30" s="177">
        <v>0</v>
      </c>
      <c r="T30" s="177">
        <v>0</v>
      </c>
      <c r="U30" s="177">
        <v>0</v>
      </c>
      <c r="V30" s="177">
        <v>0</v>
      </c>
      <c r="W30" s="182">
        <v>0</v>
      </c>
      <c r="X30" s="181">
        <v>0</v>
      </c>
      <c r="Y30" s="176">
        <v>0</v>
      </c>
      <c r="Z30" s="177">
        <v>2</v>
      </c>
      <c r="AA30" s="182">
        <v>2</v>
      </c>
      <c r="AB30" s="179">
        <v>0</v>
      </c>
      <c r="AC30" s="177">
        <v>0</v>
      </c>
      <c r="AD30" s="177">
        <v>17</v>
      </c>
      <c r="AE30" s="177">
        <v>2</v>
      </c>
      <c r="AF30" s="177">
        <v>0</v>
      </c>
      <c r="AG30" s="177">
        <v>0</v>
      </c>
      <c r="AH30" s="182">
        <v>19</v>
      </c>
      <c r="AI30" s="181">
        <v>21</v>
      </c>
      <c r="AJ30" s="176">
        <v>0</v>
      </c>
      <c r="AK30" s="177">
        <v>0</v>
      </c>
      <c r="AL30" s="182">
        <v>0</v>
      </c>
      <c r="AM30" s="179">
        <v>0</v>
      </c>
      <c r="AN30" s="177">
        <v>0</v>
      </c>
      <c r="AO30" s="177">
        <v>0</v>
      </c>
      <c r="AP30" s="177">
        <v>0</v>
      </c>
      <c r="AQ30" s="177">
        <v>0</v>
      </c>
      <c r="AR30" s="177">
        <v>0</v>
      </c>
      <c r="AS30" s="182">
        <v>0</v>
      </c>
      <c r="AT30" s="181">
        <v>0</v>
      </c>
      <c r="AU30" s="176">
        <v>0</v>
      </c>
      <c r="AV30" s="177">
        <v>0</v>
      </c>
      <c r="AW30" s="182">
        <v>0</v>
      </c>
      <c r="AX30" s="179">
        <v>0</v>
      </c>
      <c r="AY30" s="177">
        <v>0</v>
      </c>
      <c r="AZ30" s="177">
        <v>0</v>
      </c>
      <c r="BA30" s="177">
        <v>22</v>
      </c>
      <c r="BB30" s="177">
        <v>0</v>
      </c>
      <c r="BC30" s="177">
        <v>0</v>
      </c>
      <c r="BD30" s="180">
        <v>22</v>
      </c>
      <c r="BE30" s="181">
        <v>22</v>
      </c>
      <c r="BF30" s="176">
        <v>0</v>
      </c>
      <c r="BG30" s="177">
        <v>0</v>
      </c>
      <c r="BH30" s="182">
        <v>0</v>
      </c>
      <c r="BI30" s="179">
        <v>0</v>
      </c>
      <c r="BJ30" s="177">
        <v>0</v>
      </c>
      <c r="BK30" s="177">
        <v>0</v>
      </c>
      <c r="BL30" s="177">
        <v>9</v>
      </c>
      <c r="BM30" s="177">
        <v>0</v>
      </c>
      <c r="BN30" s="177">
        <v>0</v>
      </c>
      <c r="BO30" s="182">
        <v>9</v>
      </c>
      <c r="BP30" s="181">
        <v>9</v>
      </c>
      <c r="BQ30" s="176">
        <v>0</v>
      </c>
      <c r="BR30" s="177">
        <v>0</v>
      </c>
      <c r="BS30" s="182">
        <v>0</v>
      </c>
      <c r="BT30" s="179">
        <v>0</v>
      </c>
      <c r="BU30" s="177">
        <v>0</v>
      </c>
      <c r="BV30" s="177">
        <v>0</v>
      </c>
      <c r="BW30" s="177">
        <v>0</v>
      </c>
      <c r="BX30" s="177">
        <v>0</v>
      </c>
      <c r="BY30" s="177">
        <v>0</v>
      </c>
      <c r="BZ30" s="182">
        <v>0</v>
      </c>
      <c r="CA30" s="181">
        <v>0</v>
      </c>
      <c r="CB30" s="176">
        <v>0</v>
      </c>
      <c r="CC30" s="177">
        <v>0</v>
      </c>
      <c r="CD30" s="182">
        <v>0</v>
      </c>
      <c r="CE30" s="179">
        <v>0</v>
      </c>
      <c r="CF30" s="177">
        <v>5</v>
      </c>
      <c r="CG30" s="177">
        <v>0</v>
      </c>
      <c r="CH30" s="177">
        <v>0</v>
      </c>
      <c r="CI30" s="177">
        <v>0</v>
      </c>
      <c r="CJ30" s="177">
        <v>0</v>
      </c>
      <c r="CK30" s="182">
        <v>5</v>
      </c>
      <c r="CL30" s="181">
        <v>5</v>
      </c>
      <c r="CM30" s="176">
        <v>0</v>
      </c>
      <c r="CN30" s="177">
        <v>0</v>
      </c>
      <c r="CO30" s="182">
        <v>0</v>
      </c>
      <c r="CP30" s="179">
        <v>0</v>
      </c>
      <c r="CQ30" s="177">
        <v>0</v>
      </c>
      <c r="CR30" s="177">
        <v>0</v>
      </c>
      <c r="CS30" s="177">
        <v>0</v>
      </c>
      <c r="CT30" s="177">
        <v>0</v>
      </c>
      <c r="CU30" s="177">
        <v>0</v>
      </c>
      <c r="CV30" s="182">
        <v>0</v>
      </c>
      <c r="CW30" s="181">
        <v>0</v>
      </c>
      <c r="CX30" s="176">
        <v>0</v>
      </c>
      <c r="CY30" s="177">
        <v>0</v>
      </c>
      <c r="CZ30" s="182">
        <v>0</v>
      </c>
      <c r="DA30" s="179">
        <v>0</v>
      </c>
      <c r="DB30" s="177">
        <v>0</v>
      </c>
      <c r="DC30" s="177">
        <v>0</v>
      </c>
      <c r="DD30" s="177">
        <v>0</v>
      </c>
      <c r="DE30" s="177">
        <v>0</v>
      </c>
      <c r="DF30" s="177">
        <v>0</v>
      </c>
      <c r="DG30" s="182">
        <v>0</v>
      </c>
      <c r="DH30" s="181">
        <v>0</v>
      </c>
    </row>
    <row r="31" spans="2:112" ht="21" customHeight="1" x14ac:dyDescent="0.2">
      <c r="B31" s="92" t="s">
        <v>29</v>
      </c>
      <c r="C31" s="176">
        <v>0</v>
      </c>
      <c r="D31" s="182">
        <v>0</v>
      </c>
      <c r="E31" s="193">
        <v>0</v>
      </c>
      <c r="F31" s="179">
        <v>0</v>
      </c>
      <c r="G31" s="177">
        <v>18</v>
      </c>
      <c r="H31" s="177">
        <v>16</v>
      </c>
      <c r="I31" s="177">
        <v>119</v>
      </c>
      <c r="J31" s="177">
        <v>104</v>
      </c>
      <c r="K31" s="177">
        <v>0</v>
      </c>
      <c r="L31" s="180">
        <v>257</v>
      </c>
      <c r="M31" s="181">
        <v>257</v>
      </c>
      <c r="N31" s="176">
        <v>0</v>
      </c>
      <c r="O31" s="177">
        <v>0</v>
      </c>
      <c r="P31" s="182">
        <v>0</v>
      </c>
      <c r="Q31" s="179">
        <v>0</v>
      </c>
      <c r="R31" s="177">
        <v>0</v>
      </c>
      <c r="S31" s="177">
        <v>0</v>
      </c>
      <c r="T31" s="177">
        <v>0</v>
      </c>
      <c r="U31" s="177">
        <v>0</v>
      </c>
      <c r="V31" s="177">
        <v>0</v>
      </c>
      <c r="W31" s="182">
        <v>0</v>
      </c>
      <c r="X31" s="181">
        <v>0</v>
      </c>
      <c r="Y31" s="176">
        <v>0</v>
      </c>
      <c r="Z31" s="177">
        <v>8</v>
      </c>
      <c r="AA31" s="182">
        <v>8</v>
      </c>
      <c r="AB31" s="179">
        <v>0</v>
      </c>
      <c r="AC31" s="177">
        <v>43</v>
      </c>
      <c r="AD31" s="177">
        <v>46</v>
      </c>
      <c r="AE31" s="177">
        <v>0</v>
      </c>
      <c r="AF31" s="177">
        <v>0</v>
      </c>
      <c r="AG31" s="177">
        <v>0</v>
      </c>
      <c r="AH31" s="182">
        <v>89</v>
      </c>
      <c r="AI31" s="181">
        <v>97</v>
      </c>
      <c r="AJ31" s="176">
        <v>0</v>
      </c>
      <c r="AK31" s="177">
        <v>0</v>
      </c>
      <c r="AL31" s="182">
        <v>0</v>
      </c>
      <c r="AM31" s="179">
        <v>0</v>
      </c>
      <c r="AN31" s="177">
        <v>0</v>
      </c>
      <c r="AO31" s="177">
        <v>28</v>
      </c>
      <c r="AP31" s="177">
        <v>0</v>
      </c>
      <c r="AQ31" s="177">
        <v>26</v>
      </c>
      <c r="AR31" s="177">
        <v>0</v>
      </c>
      <c r="AS31" s="182">
        <v>54</v>
      </c>
      <c r="AT31" s="181">
        <v>54</v>
      </c>
      <c r="AU31" s="176">
        <v>0</v>
      </c>
      <c r="AV31" s="177">
        <v>0</v>
      </c>
      <c r="AW31" s="182">
        <v>0</v>
      </c>
      <c r="AX31" s="179">
        <v>0</v>
      </c>
      <c r="AY31" s="177">
        <v>25</v>
      </c>
      <c r="AZ31" s="177">
        <v>11</v>
      </c>
      <c r="BA31" s="177">
        <v>0</v>
      </c>
      <c r="BB31" s="177">
        <v>0</v>
      </c>
      <c r="BC31" s="177">
        <v>0</v>
      </c>
      <c r="BD31" s="180">
        <v>36</v>
      </c>
      <c r="BE31" s="181">
        <v>36</v>
      </c>
      <c r="BF31" s="176">
        <v>0</v>
      </c>
      <c r="BG31" s="177">
        <v>0</v>
      </c>
      <c r="BH31" s="182">
        <v>0</v>
      </c>
      <c r="BI31" s="179">
        <v>0</v>
      </c>
      <c r="BJ31" s="177">
        <v>8</v>
      </c>
      <c r="BK31" s="177">
        <v>0</v>
      </c>
      <c r="BL31" s="177">
        <v>0</v>
      </c>
      <c r="BM31" s="177">
        <v>0</v>
      </c>
      <c r="BN31" s="177">
        <v>0</v>
      </c>
      <c r="BO31" s="182">
        <v>8</v>
      </c>
      <c r="BP31" s="181">
        <v>8</v>
      </c>
      <c r="BQ31" s="176">
        <v>0</v>
      </c>
      <c r="BR31" s="177">
        <v>0</v>
      </c>
      <c r="BS31" s="182">
        <v>0</v>
      </c>
      <c r="BT31" s="179">
        <v>0</v>
      </c>
      <c r="BU31" s="177">
        <v>0</v>
      </c>
      <c r="BV31" s="177">
        <v>0</v>
      </c>
      <c r="BW31" s="177">
        <v>0</v>
      </c>
      <c r="BX31" s="177">
        <v>0</v>
      </c>
      <c r="BY31" s="177">
        <v>0</v>
      </c>
      <c r="BZ31" s="182">
        <v>0</v>
      </c>
      <c r="CA31" s="181">
        <v>0</v>
      </c>
      <c r="CB31" s="176">
        <v>0</v>
      </c>
      <c r="CC31" s="177">
        <v>0</v>
      </c>
      <c r="CD31" s="182">
        <v>0</v>
      </c>
      <c r="CE31" s="179">
        <v>0</v>
      </c>
      <c r="CF31" s="177">
        <v>0</v>
      </c>
      <c r="CG31" s="177">
        <v>0</v>
      </c>
      <c r="CH31" s="177">
        <v>0</v>
      </c>
      <c r="CI31" s="177">
        <v>0</v>
      </c>
      <c r="CJ31" s="177">
        <v>0</v>
      </c>
      <c r="CK31" s="182">
        <v>0</v>
      </c>
      <c r="CL31" s="181">
        <v>0</v>
      </c>
      <c r="CM31" s="176">
        <v>0</v>
      </c>
      <c r="CN31" s="177">
        <v>0</v>
      </c>
      <c r="CO31" s="182">
        <v>0</v>
      </c>
      <c r="CP31" s="179">
        <v>0</v>
      </c>
      <c r="CQ31" s="177">
        <v>0</v>
      </c>
      <c r="CR31" s="177">
        <v>0</v>
      </c>
      <c r="CS31" s="177">
        <v>0</v>
      </c>
      <c r="CT31" s="177">
        <v>0</v>
      </c>
      <c r="CU31" s="177">
        <v>0</v>
      </c>
      <c r="CV31" s="182">
        <v>0</v>
      </c>
      <c r="CW31" s="181">
        <v>0</v>
      </c>
      <c r="CX31" s="176">
        <v>0</v>
      </c>
      <c r="CY31" s="177">
        <v>0</v>
      </c>
      <c r="CZ31" s="182">
        <v>0</v>
      </c>
      <c r="DA31" s="179">
        <v>0</v>
      </c>
      <c r="DB31" s="177">
        <v>0</v>
      </c>
      <c r="DC31" s="177">
        <v>0</v>
      </c>
      <c r="DD31" s="177">
        <v>0</v>
      </c>
      <c r="DE31" s="177">
        <v>0</v>
      </c>
      <c r="DF31" s="177">
        <v>0</v>
      </c>
      <c r="DG31" s="182">
        <v>0</v>
      </c>
      <c r="DH31" s="181">
        <v>0</v>
      </c>
    </row>
    <row r="32" spans="2:112" ht="21" customHeight="1" x14ac:dyDescent="0.2">
      <c r="B32" s="92" t="s">
        <v>30</v>
      </c>
      <c r="C32" s="176">
        <v>0</v>
      </c>
      <c r="D32" s="182">
        <v>0</v>
      </c>
      <c r="E32" s="193">
        <v>0</v>
      </c>
      <c r="F32" s="179">
        <v>0</v>
      </c>
      <c r="G32" s="177">
        <v>14</v>
      </c>
      <c r="H32" s="177">
        <v>8</v>
      </c>
      <c r="I32" s="177">
        <v>56</v>
      </c>
      <c r="J32" s="177">
        <v>120</v>
      </c>
      <c r="K32" s="177">
        <v>0</v>
      </c>
      <c r="L32" s="180">
        <v>198</v>
      </c>
      <c r="M32" s="181">
        <v>198</v>
      </c>
      <c r="N32" s="176">
        <v>0</v>
      </c>
      <c r="O32" s="177">
        <v>0</v>
      </c>
      <c r="P32" s="182">
        <v>0</v>
      </c>
      <c r="Q32" s="179">
        <v>0</v>
      </c>
      <c r="R32" s="177">
        <v>0</v>
      </c>
      <c r="S32" s="177">
        <v>0</v>
      </c>
      <c r="T32" s="177">
        <v>8</v>
      </c>
      <c r="U32" s="177">
        <v>0</v>
      </c>
      <c r="V32" s="177">
        <v>0</v>
      </c>
      <c r="W32" s="182">
        <v>8</v>
      </c>
      <c r="X32" s="181">
        <v>8</v>
      </c>
      <c r="Y32" s="176">
        <v>0</v>
      </c>
      <c r="Z32" s="177">
        <v>0</v>
      </c>
      <c r="AA32" s="182">
        <v>0</v>
      </c>
      <c r="AB32" s="179">
        <v>0</v>
      </c>
      <c r="AC32" s="177">
        <v>29</v>
      </c>
      <c r="AD32" s="177">
        <v>16</v>
      </c>
      <c r="AE32" s="177">
        <v>4</v>
      </c>
      <c r="AF32" s="177">
        <v>0</v>
      </c>
      <c r="AG32" s="177">
        <v>0</v>
      </c>
      <c r="AH32" s="182">
        <v>49</v>
      </c>
      <c r="AI32" s="181">
        <v>49</v>
      </c>
      <c r="AJ32" s="176">
        <v>0</v>
      </c>
      <c r="AK32" s="177">
        <v>0</v>
      </c>
      <c r="AL32" s="182">
        <v>0</v>
      </c>
      <c r="AM32" s="179">
        <v>0</v>
      </c>
      <c r="AN32" s="177">
        <v>0</v>
      </c>
      <c r="AO32" s="177">
        <v>0</v>
      </c>
      <c r="AP32" s="177">
        <v>0</v>
      </c>
      <c r="AQ32" s="177">
        <v>0</v>
      </c>
      <c r="AR32" s="177">
        <v>0</v>
      </c>
      <c r="AS32" s="182">
        <v>0</v>
      </c>
      <c r="AT32" s="181">
        <v>0</v>
      </c>
      <c r="AU32" s="176">
        <v>0</v>
      </c>
      <c r="AV32" s="177">
        <v>0</v>
      </c>
      <c r="AW32" s="182">
        <v>0</v>
      </c>
      <c r="AX32" s="179">
        <v>0</v>
      </c>
      <c r="AY32" s="177">
        <v>6</v>
      </c>
      <c r="AZ32" s="177">
        <v>7</v>
      </c>
      <c r="BA32" s="177">
        <v>4</v>
      </c>
      <c r="BB32" s="177">
        <v>0</v>
      </c>
      <c r="BC32" s="177">
        <v>0</v>
      </c>
      <c r="BD32" s="180">
        <v>17</v>
      </c>
      <c r="BE32" s="181">
        <v>17</v>
      </c>
      <c r="BF32" s="176">
        <v>0</v>
      </c>
      <c r="BG32" s="177">
        <v>0</v>
      </c>
      <c r="BH32" s="182">
        <v>0</v>
      </c>
      <c r="BI32" s="179">
        <v>0</v>
      </c>
      <c r="BJ32" s="177">
        <v>8</v>
      </c>
      <c r="BK32" s="177">
        <v>1</v>
      </c>
      <c r="BL32" s="177">
        <v>0</v>
      </c>
      <c r="BM32" s="177">
        <v>5</v>
      </c>
      <c r="BN32" s="177">
        <v>0</v>
      </c>
      <c r="BO32" s="182">
        <v>14</v>
      </c>
      <c r="BP32" s="181">
        <v>14</v>
      </c>
      <c r="BQ32" s="176">
        <v>0</v>
      </c>
      <c r="BR32" s="177">
        <v>0</v>
      </c>
      <c r="BS32" s="182">
        <v>0</v>
      </c>
      <c r="BT32" s="179">
        <v>0</v>
      </c>
      <c r="BU32" s="177">
        <v>2</v>
      </c>
      <c r="BV32" s="177">
        <v>4</v>
      </c>
      <c r="BW32" s="177">
        <v>0</v>
      </c>
      <c r="BX32" s="177">
        <v>29</v>
      </c>
      <c r="BY32" s="177">
        <v>0</v>
      </c>
      <c r="BZ32" s="182">
        <v>35</v>
      </c>
      <c r="CA32" s="181">
        <v>35</v>
      </c>
      <c r="CB32" s="176">
        <v>0</v>
      </c>
      <c r="CC32" s="177">
        <v>0</v>
      </c>
      <c r="CD32" s="182">
        <v>0</v>
      </c>
      <c r="CE32" s="179">
        <v>0</v>
      </c>
      <c r="CF32" s="177">
        <v>0</v>
      </c>
      <c r="CG32" s="177">
        <v>0</v>
      </c>
      <c r="CH32" s="177">
        <v>0</v>
      </c>
      <c r="CI32" s="177">
        <v>26</v>
      </c>
      <c r="CJ32" s="177">
        <v>0</v>
      </c>
      <c r="CK32" s="182">
        <v>26</v>
      </c>
      <c r="CL32" s="181">
        <v>26</v>
      </c>
      <c r="CM32" s="176">
        <v>0</v>
      </c>
      <c r="CN32" s="177">
        <v>0</v>
      </c>
      <c r="CO32" s="182">
        <v>0</v>
      </c>
      <c r="CP32" s="179">
        <v>0</v>
      </c>
      <c r="CQ32" s="177">
        <v>0</v>
      </c>
      <c r="CR32" s="177">
        <v>0</v>
      </c>
      <c r="CS32" s="177">
        <v>0</v>
      </c>
      <c r="CT32" s="177">
        <v>0</v>
      </c>
      <c r="CU32" s="177">
        <v>0</v>
      </c>
      <c r="CV32" s="182">
        <v>0</v>
      </c>
      <c r="CW32" s="181">
        <v>0</v>
      </c>
      <c r="CX32" s="176">
        <v>0</v>
      </c>
      <c r="CY32" s="177">
        <v>0</v>
      </c>
      <c r="CZ32" s="182">
        <v>0</v>
      </c>
      <c r="DA32" s="179">
        <v>0</v>
      </c>
      <c r="DB32" s="177">
        <v>0</v>
      </c>
      <c r="DC32" s="177">
        <v>0</v>
      </c>
      <c r="DD32" s="177">
        <v>0</v>
      </c>
      <c r="DE32" s="177">
        <v>0</v>
      </c>
      <c r="DF32" s="177">
        <v>0</v>
      </c>
      <c r="DG32" s="182">
        <v>0</v>
      </c>
      <c r="DH32" s="181">
        <v>0</v>
      </c>
    </row>
    <row r="33" spans="2:112" ht="21" customHeight="1" x14ac:dyDescent="0.2">
      <c r="B33" s="92" t="s">
        <v>31</v>
      </c>
      <c r="C33" s="176">
        <v>0</v>
      </c>
      <c r="D33" s="182">
        <v>0</v>
      </c>
      <c r="E33" s="193">
        <v>0</v>
      </c>
      <c r="F33" s="179">
        <v>0</v>
      </c>
      <c r="G33" s="177">
        <v>12</v>
      </c>
      <c r="H33" s="177">
        <v>0</v>
      </c>
      <c r="I33" s="177">
        <v>0</v>
      </c>
      <c r="J33" s="177">
        <v>95</v>
      </c>
      <c r="K33" s="177">
        <v>0</v>
      </c>
      <c r="L33" s="180">
        <v>107</v>
      </c>
      <c r="M33" s="181">
        <v>107</v>
      </c>
      <c r="N33" s="176">
        <v>0</v>
      </c>
      <c r="O33" s="177">
        <v>0</v>
      </c>
      <c r="P33" s="182">
        <v>0</v>
      </c>
      <c r="Q33" s="179">
        <v>0</v>
      </c>
      <c r="R33" s="177">
        <v>0</v>
      </c>
      <c r="S33" s="177">
        <v>0</v>
      </c>
      <c r="T33" s="177">
        <v>0</v>
      </c>
      <c r="U33" s="177">
        <v>0</v>
      </c>
      <c r="V33" s="177">
        <v>13</v>
      </c>
      <c r="W33" s="182">
        <v>13</v>
      </c>
      <c r="X33" s="181">
        <v>13</v>
      </c>
      <c r="Y33" s="176">
        <v>0</v>
      </c>
      <c r="Z33" s="177">
        <v>8</v>
      </c>
      <c r="AA33" s="182">
        <v>8</v>
      </c>
      <c r="AB33" s="179">
        <v>0</v>
      </c>
      <c r="AC33" s="177">
        <v>15</v>
      </c>
      <c r="AD33" s="177">
        <v>19</v>
      </c>
      <c r="AE33" s="177">
        <v>37</v>
      </c>
      <c r="AF33" s="177">
        <v>0</v>
      </c>
      <c r="AG33" s="177">
        <v>29</v>
      </c>
      <c r="AH33" s="182">
        <v>100</v>
      </c>
      <c r="AI33" s="181">
        <v>108</v>
      </c>
      <c r="AJ33" s="176">
        <v>0</v>
      </c>
      <c r="AK33" s="177">
        <v>0</v>
      </c>
      <c r="AL33" s="182">
        <v>0</v>
      </c>
      <c r="AM33" s="179">
        <v>0</v>
      </c>
      <c r="AN33" s="177">
        <v>0</v>
      </c>
      <c r="AO33" s="177">
        <v>0</v>
      </c>
      <c r="AP33" s="177">
        <v>0</v>
      </c>
      <c r="AQ33" s="177">
        <v>0</v>
      </c>
      <c r="AR33" s="177">
        <v>0</v>
      </c>
      <c r="AS33" s="182">
        <v>0</v>
      </c>
      <c r="AT33" s="181">
        <v>0</v>
      </c>
      <c r="AU33" s="176">
        <v>0</v>
      </c>
      <c r="AV33" s="177">
        <v>0</v>
      </c>
      <c r="AW33" s="182">
        <v>0</v>
      </c>
      <c r="AX33" s="179">
        <v>0</v>
      </c>
      <c r="AY33" s="177">
        <v>12</v>
      </c>
      <c r="AZ33" s="177">
        <v>30</v>
      </c>
      <c r="BA33" s="177">
        <v>8</v>
      </c>
      <c r="BB33" s="177">
        <v>18</v>
      </c>
      <c r="BC33" s="177">
        <v>0</v>
      </c>
      <c r="BD33" s="180">
        <v>68</v>
      </c>
      <c r="BE33" s="181">
        <v>68</v>
      </c>
      <c r="BF33" s="176">
        <v>0</v>
      </c>
      <c r="BG33" s="177">
        <v>0</v>
      </c>
      <c r="BH33" s="182">
        <v>0</v>
      </c>
      <c r="BI33" s="179">
        <v>0</v>
      </c>
      <c r="BJ33" s="177">
        <v>0</v>
      </c>
      <c r="BK33" s="177">
        <v>4</v>
      </c>
      <c r="BL33" s="177">
        <v>15</v>
      </c>
      <c r="BM33" s="177">
        <v>0</v>
      </c>
      <c r="BN33" s="177">
        <v>0</v>
      </c>
      <c r="BO33" s="182">
        <v>19</v>
      </c>
      <c r="BP33" s="181">
        <v>19</v>
      </c>
      <c r="BQ33" s="176">
        <v>0</v>
      </c>
      <c r="BR33" s="177">
        <v>0</v>
      </c>
      <c r="BS33" s="182">
        <v>0</v>
      </c>
      <c r="BT33" s="179">
        <v>0</v>
      </c>
      <c r="BU33" s="177">
        <v>6</v>
      </c>
      <c r="BV33" s="177">
        <v>0</v>
      </c>
      <c r="BW33" s="177">
        <v>8</v>
      </c>
      <c r="BX33" s="177">
        <v>12</v>
      </c>
      <c r="BY33" s="177">
        <v>0</v>
      </c>
      <c r="BZ33" s="182">
        <v>26</v>
      </c>
      <c r="CA33" s="181">
        <v>26</v>
      </c>
      <c r="CB33" s="176">
        <v>0</v>
      </c>
      <c r="CC33" s="177">
        <v>0</v>
      </c>
      <c r="CD33" s="182">
        <v>0</v>
      </c>
      <c r="CE33" s="179">
        <v>0</v>
      </c>
      <c r="CF33" s="177">
        <v>0</v>
      </c>
      <c r="CG33" s="177">
        <v>0</v>
      </c>
      <c r="CH33" s="177">
        <v>29</v>
      </c>
      <c r="CI33" s="177">
        <v>5</v>
      </c>
      <c r="CJ33" s="177">
        <v>0</v>
      </c>
      <c r="CK33" s="182">
        <v>34</v>
      </c>
      <c r="CL33" s="181">
        <v>34</v>
      </c>
      <c r="CM33" s="176">
        <v>0</v>
      </c>
      <c r="CN33" s="177">
        <v>0</v>
      </c>
      <c r="CO33" s="182">
        <v>0</v>
      </c>
      <c r="CP33" s="179">
        <v>0</v>
      </c>
      <c r="CQ33" s="177">
        <v>0</v>
      </c>
      <c r="CR33" s="177">
        <v>0</v>
      </c>
      <c r="CS33" s="177">
        <v>0</v>
      </c>
      <c r="CT33" s="177">
        <v>0</v>
      </c>
      <c r="CU33" s="177">
        <v>0</v>
      </c>
      <c r="CV33" s="182">
        <v>0</v>
      </c>
      <c r="CW33" s="181">
        <v>0</v>
      </c>
      <c r="CX33" s="176">
        <v>0</v>
      </c>
      <c r="CY33" s="177">
        <v>0</v>
      </c>
      <c r="CZ33" s="182">
        <v>0</v>
      </c>
      <c r="DA33" s="179">
        <v>0</v>
      </c>
      <c r="DB33" s="177">
        <v>0</v>
      </c>
      <c r="DC33" s="177">
        <v>0</v>
      </c>
      <c r="DD33" s="177">
        <v>0</v>
      </c>
      <c r="DE33" s="177">
        <v>0</v>
      </c>
      <c r="DF33" s="177">
        <v>0</v>
      </c>
      <c r="DG33" s="182">
        <v>0</v>
      </c>
      <c r="DH33" s="181">
        <v>0</v>
      </c>
    </row>
    <row r="34" spans="2:112" ht="21" customHeight="1" x14ac:dyDescent="0.2">
      <c r="B34" s="92" t="s">
        <v>32</v>
      </c>
      <c r="C34" s="176">
        <v>0</v>
      </c>
      <c r="D34" s="182">
        <v>0</v>
      </c>
      <c r="E34" s="193">
        <v>0</v>
      </c>
      <c r="F34" s="179">
        <v>0</v>
      </c>
      <c r="G34" s="177">
        <v>5</v>
      </c>
      <c r="H34" s="177">
        <v>29</v>
      </c>
      <c r="I34" s="177">
        <v>0</v>
      </c>
      <c r="J34" s="177">
        <v>15</v>
      </c>
      <c r="K34" s="177">
        <v>73</v>
      </c>
      <c r="L34" s="180">
        <v>122</v>
      </c>
      <c r="M34" s="181">
        <v>122</v>
      </c>
      <c r="N34" s="176">
        <v>0</v>
      </c>
      <c r="O34" s="177">
        <v>0</v>
      </c>
      <c r="P34" s="182">
        <v>0</v>
      </c>
      <c r="Q34" s="179">
        <v>0</v>
      </c>
      <c r="R34" s="177">
        <v>0</v>
      </c>
      <c r="S34" s="177">
        <v>0</v>
      </c>
      <c r="T34" s="177">
        <v>0</v>
      </c>
      <c r="U34" s="177">
        <v>0</v>
      </c>
      <c r="V34" s="177">
        <v>0</v>
      </c>
      <c r="W34" s="182">
        <v>0</v>
      </c>
      <c r="X34" s="181">
        <v>0</v>
      </c>
      <c r="Y34" s="176">
        <v>13</v>
      </c>
      <c r="Z34" s="177">
        <v>9</v>
      </c>
      <c r="AA34" s="182">
        <v>22</v>
      </c>
      <c r="AB34" s="179">
        <v>0</v>
      </c>
      <c r="AC34" s="177">
        <v>23</v>
      </c>
      <c r="AD34" s="177">
        <v>0</v>
      </c>
      <c r="AE34" s="177">
        <v>4</v>
      </c>
      <c r="AF34" s="177">
        <v>0</v>
      </c>
      <c r="AG34" s="177">
        <v>0</v>
      </c>
      <c r="AH34" s="182">
        <v>27</v>
      </c>
      <c r="AI34" s="181">
        <v>49</v>
      </c>
      <c r="AJ34" s="176">
        <v>0</v>
      </c>
      <c r="AK34" s="177">
        <v>0</v>
      </c>
      <c r="AL34" s="182">
        <v>0</v>
      </c>
      <c r="AM34" s="179">
        <v>0</v>
      </c>
      <c r="AN34" s="177">
        <v>0</v>
      </c>
      <c r="AO34" s="177">
        <v>0</v>
      </c>
      <c r="AP34" s="177">
        <v>0</v>
      </c>
      <c r="AQ34" s="177">
        <v>9</v>
      </c>
      <c r="AR34" s="177">
        <v>0</v>
      </c>
      <c r="AS34" s="182">
        <v>9</v>
      </c>
      <c r="AT34" s="181">
        <v>9</v>
      </c>
      <c r="AU34" s="176">
        <v>0</v>
      </c>
      <c r="AV34" s="177">
        <v>0</v>
      </c>
      <c r="AW34" s="182">
        <v>0</v>
      </c>
      <c r="AX34" s="179">
        <v>0</v>
      </c>
      <c r="AY34" s="177">
        <v>39</v>
      </c>
      <c r="AZ34" s="177">
        <v>21</v>
      </c>
      <c r="BA34" s="177">
        <v>0</v>
      </c>
      <c r="BB34" s="177">
        <v>3</v>
      </c>
      <c r="BC34" s="177">
        <v>0</v>
      </c>
      <c r="BD34" s="180">
        <v>63</v>
      </c>
      <c r="BE34" s="181">
        <v>63</v>
      </c>
      <c r="BF34" s="176">
        <v>0</v>
      </c>
      <c r="BG34" s="177">
        <v>0</v>
      </c>
      <c r="BH34" s="182">
        <v>0</v>
      </c>
      <c r="BI34" s="179">
        <v>0</v>
      </c>
      <c r="BJ34" s="177">
        <v>0</v>
      </c>
      <c r="BK34" s="177">
        <v>12</v>
      </c>
      <c r="BL34" s="177">
        <v>0</v>
      </c>
      <c r="BM34" s="177">
        <v>3</v>
      </c>
      <c r="BN34" s="177">
        <v>0</v>
      </c>
      <c r="BO34" s="182">
        <v>15</v>
      </c>
      <c r="BP34" s="181">
        <v>15</v>
      </c>
      <c r="BQ34" s="176">
        <v>0</v>
      </c>
      <c r="BR34" s="177">
        <v>2</v>
      </c>
      <c r="BS34" s="182">
        <v>2</v>
      </c>
      <c r="BT34" s="179">
        <v>0</v>
      </c>
      <c r="BU34" s="177">
        <v>0</v>
      </c>
      <c r="BV34" s="177">
        <v>0</v>
      </c>
      <c r="BW34" s="177">
        <v>0</v>
      </c>
      <c r="BX34" s="177">
        <v>0</v>
      </c>
      <c r="BY34" s="177">
        <v>0</v>
      </c>
      <c r="BZ34" s="182">
        <v>0</v>
      </c>
      <c r="CA34" s="181">
        <v>2</v>
      </c>
      <c r="CB34" s="176">
        <v>0</v>
      </c>
      <c r="CC34" s="177">
        <v>0</v>
      </c>
      <c r="CD34" s="182">
        <v>0</v>
      </c>
      <c r="CE34" s="179">
        <v>0</v>
      </c>
      <c r="CF34" s="177">
        <v>0</v>
      </c>
      <c r="CG34" s="177">
        <v>0</v>
      </c>
      <c r="CH34" s="177">
        <v>0</v>
      </c>
      <c r="CI34" s="177">
        <v>0</v>
      </c>
      <c r="CJ34" s="177">
        <v>0</v>
      </c>
      <c r="CK34" s="182">
        <v>0</v>
      </c>
      <c r="CL34" s="181">
        <v>0</v>
      </c>
      <c r="CM34" s="176">
        <v>0</v>
      </c>
      <c r="CN34" s="177">
        <v>0</v>
      </c>
      <c r="CO34" s="182">
        <v>0</v>
      </c>
      <c r="CP34" s="179">
        <v>0</v>
      </c>
      <c r="CQ34" s="177">
        <v>0</v>
      </c>
      <c r="CR34" s="177">
        <v>0</v>
      </c>
      <c r="CS34" s="177">
        <v>0</v>
      </c>
      <c r="CT34" s="177">
        <v>0</v>
      </c>
      <c r="CU34" s="177">
        <v>0</v>
      </c>
      <c r="CV34" s="182">
        <v>0</v>
      </c>
      <c r="CW34" s="181">
        <v>0</v>
      </c>
      <c r="CX34" s="176">
        <v>0</v>
      </c>
      <c r="CY34" s="177">
        <v>0</v>
      </c>
      <c r="CZ34" s="182">
        <v>0</v>
      </c>
      <c r="DA34" s="179">
        <v>0</v>
      </c>
      <c r="DB34" s="177">
        <v>0</v>
      </c>
      <c r="DC34" s="177">
        <v>0</v>
      </c>
      <c r="DD34" s="177">
        <v>0</v>
      </c>
      <c r="DE34" s="177">
        <v>0</v>
      </c>
      <c r="DF34" s="177">
        <v>0</v>
      </c>
      <c r="DG34" s="182">
        <v>0</v>
      </c>
      <c r="DH34" s="181">
        <v>0</v>
      </c>
    </row>
    <row r="35" spans="2:112" ht="21" customHeight="1" x14ac:dyDescent="0.2">
      <c r="B35" s="92" t="s">
        <v>33</v>
      </c>
      <c r="C35" s="176">
        <v>0</v>
      </c>
      <c r="D35" s="182">
        <v>0</v>
      </c>
      <c r="E35" s="193">
        <v>0</v>
      </c>
      <c r="F35" s="179">
        <v>0</v>
      </c>
      <c r="G35" s="177">
        <v>106</v>
      </c>
      <c r="H35" s="177">
        <v>0</v>
      </c>
      <c r="I35" s="177">
        <v>52</v>
      </c>
      <c r="J35" s="177">
        <v>0</v>
      </c>
      <c r="K35" s="177">
        <v>0</v>
      </c>
      <c r="L35" s="180">
        <v>158</v>
      </c>
      <c r="M35" s="181">
        <v>158</v>
      </c>
      <c r="N35" s="176">
        <v>0</v>
      </c>
      <c r="O35" s="177">
        <v>0</v>
      </c>
      <c r="P35" s="182">
        <v>0</v>
      </c>
      <c r="Q35" s="179">
        <v>0</v>
      </c>
      <c r="R35" s="177">
        <v>0</v>
      </c>
      <c r="S35" s="177">
        <v>0</v>
      </c>
      <c r="T35" s="177">
        <v>0</v>
      </c>
      <c r="U35" s="177">
        <v>0</v>
      </c>
      <c r="V35" s="177">
        <v>1</v>
      </c>
      <c r="W35" s="182">
        <v>1</v>
      </c>
      <c r="X35" s="181">
        <v>1</v>
      </c>
      <c r="Y35" s="176">
        <v>0</v>
      </c>
      <c r="Z35" s="177">
        <v>2</v>
      </c>
      <c r="AA35" s="182">
        <v>2</v>
      </c>
      <c r="AB35" s="179">
        <v>0</v>
      </c>
      <c r="AC35" s="177">
        <v>26</v>
      </c>
      <c r="AD35" s="177">
        <v>30</v>
      </c>
      <c r="AE35" s="177">
        <v>0</v>
      </c>
      <c r="AF35" s="177">
        <v>0</v>
      </c>
      <c r="AG35" s="177">
        <v>0</v>
      </c>
      <c r="AH35" s="182">
        <v>56</v>
      </c>
      <c r="AI35" s="181">
        <v>58</v>
      </c>
      <c r="AJ35" s="176">
        <v>0</v>
      </c>
      <c r="AK35" s="177">
        <v>0</v>
      </c>
      <c r="AL35" s="182">
        <v>0</v>
      </c>
      <c r="AM35" s="179">
        <v>0</v>
      </c>
      <c r="AN35" s="177">
        <v>51</v>
      </c>
      <c r="AO35" s="177">
        <v>51</v>
      </c>
      <c r="AP35" s="177">
        <v>54</v>
      </c>
      <c r="AQ35" s="177">
        <v>39</v>
      </c>
      <c r="AR35" s="177">
        <v>0</v>
      </c>
      <c r="AS35" s="182">
        <v>195</v>
      </c>
      <c r="AT35" s="181">
        <v>195</v>
      </c>
      <c r="AU35" s="176">
        <v>0</v>
      </c>
      <c r="AV35" s="177">
        <v>0</v>
      </c>
      <c r="AW35" s="182">
        <v>0</v>
      </c>
      <c r="AX35" s="179">
        <v>0</v>
      </c>
      <c r="AY35" s="177">
        <v>18</v>
      </c>
      <c r="AZ35" s="177">
        <v>0</v>
      </c>
      <c r="BA35" s="177">
        <v>0</v>
      </c>
      <c r="BB35" s="177">
        <v>0</v>
      </c>
      <c r="BC35" s="177">
        <v>0</v>
      </c>
      <c r="BD35" s="180">
        <v>18</v>
      </c>
      <c r="BE35" s="181">
        <v>18</v>
      </c>
      <c r="BF35" s="176">
        <v>0</v>
      </c>
      <c r="BG35" s="177">
        <v>0</v>
      </c>
      <c r="BH35" s="182">
        <v>0</v>
      </c>
      <c r="BI35" s="179">
        <v>0</v>
      </c>
      <c r="BJ35" s="177">
        <v>18</v>
      </c>
      <c r="BK35" s="177">
        <v>0</v>
      </c>
      <c r="BL35" s="177">
        <v>0</v>
      </c>
      <c r="BM35" s="177">
        <v>0</v>
      </c>
      <c r="BN35" s="177">
        <v>0</v>
      </c>
      <c r="BO35" s="182">
        <v>18</v>
      </c>
      <c r="BP35" s="181">
        <v>18</v>
      </c>
      <c r="BQ35" s="176">
        <v>0</v>
      </c>
      <c r="BR35" s="177">
        <v>0</v>
      </c>
      <c r="BS35" s="182">
        <v>0</v>
      </c>
      <c r="BT35" s="179">
        <v>0</v>
      </c>
      <c r="BU35" s="177">
        <v>0</v>
      </c>
      <c r="BV35" s="177">
        <v>0</v>
      </c>
      <c r="BW35" s="177">
        <v>3</v>
      </c>
      <c r="BX35" s="177">
        <v>0</v>
      </c>
      <c r="BY35" s="177">
        <v>42</v>
      </c>
      <c r="BZ35" s="182">
        <v>45</v>
      </c>
      <c r="CA35" s="181">
        <v>45</v>
      </c>
      <c r="CB35" s="176">
        <v>0</v>
      </c>
      <c r="CC35" s="177">
        <v>0</v>
      </c>
      <c r="CD35" s="182">
        <v>0</v>
      </c>
      <c r="CE35" s="179">
        <v>0</v>
      </c>
      <c r="CF35" s="177">
        <v>0</v>
      </c>
      <c r="CG35" s="177">
        <v>0</v>
      </c>
      <c r="CH35" s="177">
        <v>0</v>
      </c>
      <c r="CI35" s="177">
        <v>0</v>
      </c>
      <c r="CJ35" s="177">
        <v>0</v>
      </c>
      <c r="CK35" s="182">
        <v>0</v>
      </c>
      <c r="CL35" s="181">
        <v>0</v>
      </c>
      <c r="CM35" s="176">
        <v>0</v>
      </c>
      <c r="CN35" s="177">
        <v>0</v>
      </c>
      <c r="CO35" s="182">
        <v>0</v>
      </c>
      <c r="CP35" s="179">
        <v>0</v>
      </c>
      <c r="CQ35" s="177">
        <v>0</v>
      </c>
      <c r="CR35" s="177">
        <v>0</v>
      </c>
      <c r="CS35" s="177">
        <v>0</v>
      </c>
      <c r="CT35" s="177">
        <v>0</v>
      </c>
      <c r="CU35" s="177">
        <v>0</v>
      </c>
      <c r="CV35" s="182">
        <v>0</v>
      </c>
      <c r="CW35" s="181">
        <v>0</v>
      </c>
      <c r="CX35" s="176">
        <v>0</v>
      </c>
      <c r="CY35" s="177">
        <v>0</v>
      </c>
      <c r="CZ35" s="182">
        <v>0</v>
      </c>
      <c r="DA35" s="179">
        <v>0</v>
      </c>
      <c r="DB35" s="177">
        <v>9</v>
      </c>
      <c r="DC35" s="177">
        <v>0</v>
      </c>
      <c r="DD35" s="177">
        <v>0</v>
      </c>
      <c r="DE35" s="177">
        <v>0</v>
      </c>
      <c r="DF35" s="177">
        <v>0</v>
      </c>
      <c r="DG35" s="182">
        <v>9</v>
      </c>
      <c r="DH35" s="181">
        <v>9</v>
      </c>
    </row>
    <row r="36" spans="2:112" ht="21" customHeight="1" x14ac:dyDescent="0.2">
      <c r="B36" s="92" t="s">
        <v>34</v>
      </c>
      <c r="C36" s="176">
        <v>0</v>
      </c>
      <c r="D36" s="182">
        <v>0</v>
      </c>
      <c r="E36" s="193">
        <v>0</v>
      </c>
      <c r="F36" s="179">
        <v>0</v>
      </c>
      <c r="G36" s="177">
        <v>13</v>
      </c>
      <c r="H36" s="177">
        <v>12</v>
      </c>
      <c r="I36" s="177">
        <v>0</v>
      </c>
      <c r="J36" s="177">
        <v>0</v>
      </c>
      <c r="K36" s="177">
        <v>0</v>
      </c>
      <c r="L36" s="180">
        <v>25</v>
      </c>
      <c r="M36" s="181">
        <v>25</v>
      </c>
      <c r="N36" s="176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0</v>
      </c>
      <c r="T36" s="177">
        <v>0</v>
      </c>
      <c r="U36" s="177">
        <v>0</v>
      </c>
      <c r="V36" s="177">
        <v>0</v>
      </c>
      <c r="W36" s="182">
        <v>0</v>
      </c>
      <c r="X36" s="181">
        <v>0</v>
      </c>
      <c r="Y36" s="176">
        <v>7</v>
      </c>
      <c r="Z36" s="177">
        <v>0</v>
      </c>
      <c r="AA36" s="182">
        <v>7</v>
      </c>
      <c r="AB36" s="179">
        <v>0</v>
      </c>
      <c r="AC36" s="177">
        <v>12</v>
      </c>
      <c r="AD36" s="177">
        <v>4</v>
      </c>
      <c r="AE36" s="177">
        <v>0</v>
      </c>
      <c r="AF36" s="177">
        <v>0</v>
      </c>
      <c r="AG36" s="177">
        <v>0</v>
      </c>
      <c r="AH36" s="182">
        <v>16</v>
      </c>
      <c r="AI36" s="181">
        <v>23</v>
      </c>
      <c r="AJ36" s="176">
        <v>0</v>
      </c>
      <c r="AK36" s="177">
        <v>0</v>
      </c>
      <c r="AL36" s="182">
        <v>0</v>
      </c>
      <c r="AM36" s="179">
        <v>0</v>
      </c>
      <c r="AN36" s="177">
        <v>0</v>
      </c>
      <c r="AO36" s="177">
        <v>20</v>
      </c>
      <c r="AP36" s="177">
        <v>0</v>
      </c>
      <c r="AQ36" s="177">
        <v>0</v>
      </c>
      <c r="AR36" s="177">
        <v>0</v>
      </c>
      <c r="AS36" s="182">
        <v>20</v>
      </c>
      <c r="AT36" s="181">
        <v>20</v>
      </c>
      <c r="AU36" s="176">
        <v>0</v>
      </c>
      <c r="AV36" s="177">
        <v>0</v>
      </c>
      <c r="AW36" s="182">
        <v>0</v>
      </c>
      <c r="AX36" s="179">
        <v>0</v>
      </c>
      <c r="AY36" s="177">
        <v>0</v>
      </c>
      <c r="AZ36" s="177">
        <v>14</v>
      </c>
      <c r="BA36" s="177">
        <v>24</v>
      </c>
      <c r="BB36" s="177">
        <v>13</v>
      </c>
      <c r="BC36" s="177">
        <v>0</v>
      </c>
      <c r="BD36" s="180">
        <v>51</v>
      </c>
      <c r="BE36" s="181">
        <v>51</v>
      </c>
      <c r="BF36" s="176">
        <v>0</v>
      </c>
      <c r="BG36" s="177">
        <v>0</v>
      </c>
      <c r="BH36" s="182">
        <v>0</v>
      </c>
      <c r="BI36" s="179">
        <v>0</v>
      </c>
      <c r="BJ36" s="177">
        <v>0</v>
      </c>
      <c r="BK36" s="177">
        <v>0</v>
      </c>
      <c r="BL36" s="177">
        <v>0</v>
      </c>
      <c r="BM36" s="177">
        <v>0</v>
      </c>
      <c r="BN36" s="177">
        <v>0</v>
      </c>
      <c r="BO36" s="182">
        <v>0</v>
      </c>
      <c r="BP36" s="181">
        <v>0</v>
      </c>
      <c r="BQ36" s="176">
        <v>0</v>
      </c>
      <c r="BR36" s="177">
        <v>0</v>
      </c>
      <c r="BS36" s="182">
        <v>0</v>
      </c>
      <c r="BT36" s="179">
        <v>0</v>
      </c>
      <c r="BU36" s="177">
        <v>0</v>
      </c>
      <c r="BV36" s="177">
        <v>4</v>
      </c>
      <c r="BW36" s="177">
        <v>2</v>
      </c>
      <c r="BX36" s="177">
        <v>0</v>
      </c>
      <c r="BY36" s="177">
        <v>0</v>
      </c>
      <c r="BZ36" s="182">
        <v>6</v>
      </c>
      <c r="CA36" s="181">
        <v>6</v>
      </c>
      <c r="CB36" s="176">
        <v>0</v>
      </c>
      <c r="CC36" s="177">
        <v>0</v>
      </c>
      <c r="CD36" s="182">
        <v>0</v>
      </c>
      <c r="CE36" s="179">
        <v>0</v>
      </c>
      <c r="CF36" s="177">
        <v>0</v>
      </c>
      <c r="CG36" s="177">
        <v>0</v>
      </c>
      <c r="CH36" s="177">
        <v>0</v>
      </c>
      <c r="CI36" s="177">
        <v>0</v>
      </c>
      <c r="CJ36" s="177">
        <v>0</v>
      </c>
      <c r="CK36" s="182">
        <v>0</v>
      </c>
      <c r="CL36" s="181">
        <v>0</v>
      </c>
      <c r="CM36" s="176">
        <v>0</v>
      </c>
      <c r="CN36" s="177">
        <v>0</v>
      </c>
      <c r="CO36" s="182">
        <v>0</v>
      </c>
      <c r="CP36" s="179">
        <v>0</v>
      </c>
      <c r="CQ36" s="177">
        <v>0</v>
      </c>
      <c r="CR36" s="177">
        <v>0</v>
      </c>
      <c r="CS36" s="177">
        <v>0</v>
      </c>
      <c r="CT36" s="177">
        <v>0</v>
      </c>
      <c r="CU36" s="177">
        <v>0</v>
      </c>
      <c r="CV36" s="182">
        <v>0</v>
      </c>
      <c r="CW36" s="181">
        <v>0</v>
      </c>
      <c r="CX36" s="176">
        <v>0</v>
      </c>
      <c r="CY36" s="177">
        <v>0</v>
      </c>
      <c r="CZ36" s="182">
        <v>0</v>
      </c>
      <c r="DA36" s="179">
        <v>0</v>
      </c>
      <c r="DB36" s="177">
        <v>0</v>
      </c>
      <c r="DC36" s="177">
        <v>0</v>
      </c>
      <c r="DD36" s="177">
        <v>0</v>
      </c>
      <c r="DE36" s="177">
        <v>0</v>
      </c>
      <c r="DF36" s="177">
        <v>0</v>
      </c>
      <c r="DG36" s="182">
        <v>0</v>
      </c>
      <c r="DH36" s="181">
        <v>0</v>
      </c>
    </row>
    <row r="37" spans="2:112" ht="21" customHeight="1" x14ac:dyDescent="0.2">
      <c r="B37" s="92" t="s">
        <v>35</v>
      </c>
      <c r="C37" s="176">
        <v>0</v>
      </c>
      <c r="D37" s="182">
        <v>0</v>
      </c>
      <c r="E37" s="193">
        <v>0</v>
      </c>
      <c r="F37" s="179">
        <v>0</v>
      </c>
      <c r="G37" s="177">
        <v>15</v>
      </c>
      <c r="H37" s="177">
        <v>71</v>
      </c>
      <c r="I37" s="177">
        <v>14</v>
      </c>
      <c r="J37" s="177">
        <v>0</v>
      </c>
      <c r="K37" s="177">
        <v>0</v>
      </c>
      <c r="L37" s="180">
        <v>100</v>
      </c>
      <c r="M37" s="181">
        <v>100</v>
      </c>
      <c r="N37" s="176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0</v>
      </c>
      <c r="T37" s="177">
        <v>0</v>
      </c>
      <c r="U37" s="177">
        <v>0</v>
      </c>
      <c r="V37" s="177">
        <v>0</v>
      </c>
      <c r="W37" s="182">
        <v>0</v>
      </c>
      <c r="X37" s="181">
        <v>0</v>
      </c>
      <c r="Y37" s="176">
        <v>0</v>
      </c>
      <c r="Z37" s="177">
        <v>8</v>
      </c>
      <c r="AA37" s="182">
        <v>8</v>
      </c>
      <c r="AB37" s="179">
        <v>0</v>
      </c>
      <c r="AC37" s="177">
        <v>12</v>
      </c>
      <c r="AD37" s="177">
        <v>25</v>
      </c>
      <c r="AE37" s="177">
        <v>35</v>
      </c>
      <c r="AF37" s="177">
        <v>0</v>
      </c>
      <c r="AG37" s="177">
        <v>4</v>
      </c>
      <c r="AH37" s="182">
        <v>76</v>
      </c>
      <c r="AI37" s="181">
        <v>84</v>
      </c>
      <c r="AJ37" s="176">
        <v>0</v>
      </c>
      <c r="AK37" s="177">
        <v>12</v>
      </c>
      <c r="AL37" s="182">
        <v>12</v>
      </c>
      <c r="AM37" s="179">
        <v>0</v>
      </c>
      <c r="AN37" s="177">
        <v>19</v>
      </c>
      <c r="AO37" s="177">
        <v>0</v>
      </c>
      <c r="AP37" s="177">
        <v>0</v>
      </c>
      <c r="AQ37" s="177">
        <v>0</v>
      </c>
      <c r="AR37" s="177">
        <v>16</v>
      </c>
      <c r="AS37" s="182">
        <v>35</v>
      </c>
      <c r="AT37" s="181">
        <v>47</v>
      </c>
      <c r="AU37" s="176">
        <v>0</v>
      </c>
      <c r="AV37" s="177">
        <v>0</v>
      </c>
      <c r="AW37" s="182">
        <v>0</v>
      </c>
      <c r="AX37" s="179">
        <v>0</v>
      </c>
      <c r="AY37" s="177">
        <v>48</v>
      </c>
      <c r="AZ37" s="177">
        <v>18</v>
      </c>
      <c r="BA37" s="177">
        <v>13</v>
      </c>
      <c r="BB37" s="177">
        <v>0</v>
      </c>
      <c r="BC37" s="177">
        <v>4</v>
      </c>
      <c r="BD37" s="180">
        <v>83</v>
      </c>
      <c r="BE37" s="181">
        <v>83</v>
      </c>
      <c r="BF37" s="176">
        <v>0</v>
      </c>
      <c r="BG37" s="177">
        <v>0</v>
      </c>
      <c r="BH37" s="182">
        <v>0</v>
      </c>
      <c r="BI37" s="179">
        <v>0</v>
      </c>
      <c r="BJ37" s="177">
        <v>13</v>
      </c>
      <c r="BK37" s="177">
        <v>9</v>
      </c>
      <c r="BL37" s="177">
        <v>23</v>
      </c>
      <c r="BM37" s="177">
        <v>0</v>
      </c>
      <c r="BN37" s="177">
        <v>0</v>
      </c>
      <c r="BO37" s="182">
        <v>45</v>
      </c>
      <c r="BP37" s="181">
        <v>45</v>
      </c>
      <c r="BQ37" s="176">
        <v>0</v>
      </c>
      <c r="BR37" s="177">
        <v>0</v>
      </c>
      <c r="BS37" s="182">
        <v>0</v>
      </c>
      <c r="BT37" s="179">
        <v>0</v>
      </c>
      <c r="BU37" s="177">
        <v>0</v>
      </c>
      <c r="BV37" s="177">
        <v>15</v>
      </c>
      <c r="BW37" s="177">
        <v>3</v>
      </c>
      <c r="BX37" s="177">
        <v>0</v>
      </c>
      <c r="BY37" s="177">
        <v>22</v>
      </c>
      <c r="BZ37" s="182">
        <v>40</v>
      </c>
      <c r="CA37" s="181">
        <v>40</v>
      </c>
      <c r="CB37" s="176">
        <v>0</v>
      </c>
      <c r="CC37" s="177">
        <v>0</v>
      </c>
      <c r="CD37" s="182">
        <v>0</v>
      </c>
      <c r="CE37" s="179">
        <v>0</v>
      </c>
      <c r="CF37" s="177">
        <v>0</v>
      </c>
      <c r="CG37" s="177">
        <v>0</v>
      </c>
      <c r="CH37" s="177">
        <v>0</v>
      </c>
      <c r="CI37" s="177">
        <v>0</v>
      </c>
      <c r="CJ37" s="177">
        <v>0</v>
      </c>
      <c r="CK37" s="182">
        <v>0</v>
      </c>
      <c r="CL37" s="181">
        <v>0</v>
      </c>
      <c r="CM37" s="176">
        <v>0</v>
      </c>
      <c r="CN37" s="177">
        <v>0</v>
      </c>
      <c r="CO37" s="182">
        <v>0</v>
      </c>
      <c r="CP37" s="179">
        <v>0</v>
      </c>
      <c r="CQ37" s="177">
        <v>0</v>
      </c>
      <c r="CR37" s="177">
        <v>0</v>
      </c>
      <c r="CS37" s="177">
        <v>0</v>
      </c>
      <c r="CT37" s="177">
        <v>0</v>
      </c>
      <c r="CU37" s="177">
        <v>0</v>
      </c>
      <c r="CV37" s="182">
        <v>0</v>
      </c>
      <c r="CW37" s="181">
        <v>0</v>
      </c>
      <c r="CX37" s="176">
        <v>0</v>
      </c>
      <c r="CY37" s="177">
        <v>0</v>
      </c>
      <c r="CZ37" s="182">
        <v>0</v>
      </c>
      <c r="DA37" s="179">
        <v>0</v>
      </c>
      <c r="DB37" s="177">
        <v>0</v>
      </c>
      <c r="DC37" s="177">
        <v>0</v>
      </c>
      <c r="DD37" s="177">
        <v>0</v>
      </c>
      <c r="DE37" s="177">
        <v>0</v>
      </c>
      <c r="DF37" s="177">
        <v>0</v>
      </c>
      <c r="DG37" s="182">
        <v>0</v>
      </c>
      <c r="DH37" s="181">
        <v>0</v>
      </c>
    </row>
    <row r="38" spans="2:112" ht="21" customHeight="1" x14ac:dyDescent="0.2">
      <c r="B38" s="92" t="s">
        <v>36</v>
      </c>
      <c r="C38" s="176">
        <v>0</v>
      </c>
      <c r="D38" s="182">
        <v>0</v>
      </c>
      <c r="E38" s="193">
        <v>0</v>
      </c>
      <c r="F38" s="179">
        <v>0</v>
      </c>
      <c r="G38" s="177">
        <v>13</v>
      </c>
      <c r="H38" s="177">
        <v>132</v>
      </c>
      <c r="I38" s="177">
        <v>0</v>
      </c>
      <c r="J38" s="177">
        <v>9</v>
      </c>
      <c r="K38" s="177">
        <v>0</v>
      </c>
      <c r="L38" s="180">
        <v>154</v>
      </c>
      <c r="M38" s="181">
        <v>154</v>
      </c>
      <c r="N38" s="176">
        <v>0</v>
      </c>
      <c r="O38" s="177">
        <v>0</v>
      </c>
      <c r="P38" s="182">
        <v>0</v>
      </c>
      <c r="Q38" s="179">
        <v>0</v>
      </c>
      <c r="R38" s="177">
        <v>0</v>
      </c>
      <c r="S38" s="177">
        <v>0</v>
      </c>
      <c r="T38" s="177">
        <v>0</v>
      </c>
      <c r="U38" s="177">
        <v>0</v>
      </c>
      <c r="V38" s="177">
        <v>0</v>
      </c>
      <c r="W38" s="182">
        <v>0</v>
      </c>
      <c r="X38" s="181">
        <v>0</v>
      </c>
      <c r="Y38" s="176">
        <v>0</v>
      </c>
      <c r="Z38" s="177">
        <v>2</v>
      </c>
      <c r="AA38" s="182">
        <v>2</v>
      </c>
      <c r="AB38" s="179">
        <v>0</v>
      </c>
      <c r="AC38" s="177">
        <v>11</v>
      </c>
      <c r="AD38" s="177">
        <v>10</v>
      </c>
      <c r="AE38" s="177">
        <v>0</v>
      </c>
      <c r="AF38" s="177">
        <v>5</v>
      </c>
      <c r="AG38" s="177">
        <v>0</v>
      </c>
      <c r="AH38" s="182">
        <v>26</v>
      </c>
      <c r="AI38" s="181">
        <v>28</v>
      </c>
      <c r="AJ38" s="176">
        <v>0</v>
      </c>
      <c r="AK38" s="177">
        <v>0</v>
      </c>
      <c r="AL38" s="182">
        <v>0</v>
      </c>
      <c r="AM38" s="179">
        <v>0</v>
      </c>
      <c r="AN38" s="177">
        <v>18</v>
      </c>
      <c r="AO38" s="177">
        <v>0</v>
      </c>
      <c r="AP38" s="177">
        <v>0</v>
      </c>
      <c r="AQ38" s="177">
        <v>0</v>
      </c>
      <c r="AR38" s="177">
        <v>0</v>
      </c>
      <c r="AS38" s="182">
        <v>18</v>
      </c>
      <c r="AT38" s="181">
        <v>18</v>
      </c>
      <c r="AU38" s="176">
        <v>0</v>
      </c>
      <c r="AV38" s="177">
        <v>0</v>
      </c>
      <c r="AW38" s="182">
        <v>0</v>
      </c>
      <c r="AX38" s="179">
        <v>0</v>
      </c>
      <c r="AY38" s="177">
        <v>8</v>
      </c>
      <c r="AZ38" s="177">
        <v>33</v>
      </c>
      <c r="BA38" s="177">
        <v>0</v>
      </c>
      <c r="BB38" s="177">
        <v>26</v>
      </c>
      <c r="BC38" s="177">
        <v>0</v>
      </c>
      <c r="BD38" s="180">
        <v>67</v>
      </c>
      <c r="BE38" s="181">
        <v>67</v>
      </c>
      <c r="BF38" s="176">
        <v>0</v>
      </c>
      <c r="BG38" s="177">
        <v>0</v>
      </c>
      <c r="BH38" s="182">
        <v>0</v>
      </c>
      <c r="BI38" s="179">
        <v>0</v>
      </c>
      <c r="BJ38" s="177">
        <v>0</v>
      </c>
      <c r="BK38" s="177">
        <v>0</v>
      </c>
      <c r="BL38" s="177">
        <v>4</v>
      </c>
      <c r="BM38" s="177">
        <v>0</v>
      </c>
      <c r="BN38" s="177">
        <v>0</v>
      </c>
      <c r="BO38" s="182">
        <v>4</v>
      </c>
      <c r="BP38" s="181">
        <v>4</v>
      </c>
      <c r="BQ38" s="176">
        <v>0</v>
      </c>
      <c r="BR38" s="177">
        <v>0</v>
      </c>
      <c r="BS38" s="182">
        <v>0</v>
      </c>
      <c r="BT38" s="179">
        <v>0</v>
      </c>
      <c r="BU38" s="177">
        <v>0</v>
      </c>
      <c r="BV38" s="177">
        <v>16</v>
      </c>
      <c r="BW38" s="177">
        <v>0</v>
      </c>
      <c r="BX38" s="177">
        <v>5</v>
      </c>
      <c r="BY38" s="177">
        <v>0</v>
      </c>
      <c r="BZ38" s="182">
        <v>21</v>
      </c>
      <c r="CA38" s="181">
        <v>21</v>
      </c>
      <c r="CB38" s="176">
        <v>0</v>
      </c>
      <c r="CC38" s="177">
        <v>0</v>
      </c>
      <c r="CD38" s="182">
        <v>0</v>
      </c>
      <c r="CE38" s="179">
        <v>0</v>
      </c>
      <c r="CF38" s="177">
        <v>0</v>
      </c>
      <c r="CG38" s="177">
        <v>0</v>
      </c>
      <c r="CH38" s="177">
        <v>0</v>
      </c>
      <c r="CI38" s="177">
        <v>0</v>
      </c>
      <c r="CJ38" s="177">
        <v>0</v>
      </c>
      <c r="CK38" s="182">
        <v>0</v>
      </c>
      <c r="CL38" s="181">
        <v>0</v>
      </c>
      <c r="CM38" s="176">
        <v>0</v>
      </c>
      <c r="CN38" s="177">
        <v>0</v>
      </c>
      <c r="CO38" s="182">
        <v>0</v>
      </c>
      <c r="CP38" s="179">
        <v>0</v>
      </c>
      <c r="CQ38" s="177">
        <v>0</v>
      </c>
      <c r="CR38" s="177">
        <v>0</v>
      </c>
      <c r="CS38" s="177">
        <v>0</v>
      </c>
      <c r="CT38" s="177">
        <v>0</v>
      </c>
      <c r="CU38" s="177">
        <v>0</v>
      </c>
      <c r="CV38" s="182">
        <v>0</v>
      </c>
      <c r="CW38" s="181">
        <v>0</v>
      </c>
      <c r="CX38" s="176">
        <v>0</v>
      </c>
      <c r="CY38" s="177">
        <v>0</v>
      </c>
      <c r="CZ38" s="182">
        <v>0</v>
      </c>
      <c r="DA38" s="179">
        <v>0</v>
      </c>
      <c r="DB38" s="177">
        <v>0</v>
      </c>
      <c r="DC38" s="177">
        <v>0</v>
      </c>
      <c r="DD38" s="177">
        <v>0</v>
      </c>
      <c r="DE38" s="177">
        <v>0</v>
      </c>
      <c r="DF38" s="177">
        <v>0</v>
      </c>
      <c r="DG38" s="182">
        <v>0</v>
      </c>
      <c r="DH38" s="181">
        <v>0</v>
      </c>
    </row>
    <row r="39" spans="2:112" ht="21" customHeight="1" thickBot="1" x14ac:dyDescent="0.25">
      <c r="B39" s="94" t="s">
        <v>37</v>
      </c>
      <c r="C39" s="183">
        <v>0</v>
      </c>
      <c r="D39" s="189">
        <v>0</v>
      </c>
      <c r="E39" s="194">
        <v>0</v>
      </c>
      <c r="F39" s="186">
        <v>0</v>
      </c>
      <c r="G39" s="184">
        <v>0</v>
      </c>
      <c r="H39" s="184">
        <v>0</v>
      </c>
      <c r="I39" s="184">
        <v>0</v>
      </c>
      <c r="J39" s="184">
        <v>0</v>
      </c>
      <c r="K39" s="184">
        <v>12</v>
      </c>
      <c r="L39" s="187">
        <v>12</v>
      </c>
      <c r="M39" s="188">
        <v>12</v>
      </c>
      <c r="N39" s="183">
        <v>0</v>
      </c>
      <c r="O39" s="184">
        <v>0</v>
      </c>
      <c r="P39" s="189">
        <v>0</v>
      </c>
      <c r="Q39" s="186">
        <v>0</v>
      </c>
      <c r="R39" s="184">
        <v>0</v>
      </c>
      <c r="S39" s="184">
        <v>0</v>
      </c>
      <c r="T39" s="184">
        <v>0</v>
      </c>
      <c r="U39" s="184">
        <v>0</v>
      </c>
      <c r="V39" s="184">
        <v>0</v>
      </c>
      <c r="W39" s="189">
        <v>0</v>
      </c>
      <c r="X39" s="188">
        <v>0</v>
      </c>
      <c r="Y39" s="183">
        <v>0</v>
      </c>
      <c r="Z39" s="184">
        <v>0</v>
      </c>
      <c r="AA39" s="189">
        <v>0</v>
      </c>
      <c r="AB39" s="186">
        <v>0</v>
      </c>
      <c r="AC39" s="184">
        <v>0</v>
      </c>
      <c r="AD39" s="184">
        <v>24</v>
      </c>
      <c r="AE39" s="184">
        <v>0</v>
      </c>
      <c r="AF39" s="184">
        <v>0</v>
      </c>
      <c r="AG39" s="184">
        <v>3</v>
      </c>
      <c r="AH39" s="189">
        <v>27</v>
      </c>
      <c r="AI39" s="188">
        <v>27</v>
      </c>
      <c r="AJ39" s="183">
        <v>0</v>
      </c>
      <c r="AK39" s="184">
        <v>0</v>
      </c>
      <c r="AL39" s="189">
        <v>0</v>
      </c>
      <c r="AM39" s="186">
        <v>0</v>
      </c>
      <c r="AN39" s="184">
        <v>0</v>
      </c>
      <c r="AO39" s="184">
        <v>0</v>
      </c>
      <c r="AP39" s="184">
        <v>0</v>
      </c>
      <c r="AQ39" s="184">
        <v>0</v>
      </c>
      <c r="AR39" s="184">
        <v>0</v>
      </c>
      <c r="AS39" s="189">
        <v>0</v>
      </c>
      <c r="AT39" s="188">
        <v>0</v>
      </c>
      <c r="AU39" s="183">
        <v>0</v>
      </c>
      <c r="AV39" s="184">
        <v>0</v>
      </c>
      <c r="AW39" s="189">
        <v>0</v>
      </c>
      <c r="AX39" s="186">
        <v>0</v>
      </c>
      <c r="AY39" s="184">
        <v>0</v>
      </c>
      <c r="AZ39" s="184">
        <v>4</v>
      </c>
      <c r="BA39" s="184">
        <v>0</v>
      </c>
      <c r="BB39" s="184">
        <v>0</v>
      </c>
      <c r="BC39" s="184">
        <v>0</v>
      </c>
      <c r="BD39" s="187">
        <v>4</v>
      </c>
      <c r="BE39" s="188">
        <v>4</v>
      </c>
      <c r="BF39" s="183">
        <v>0</v>
      </c>
      <c r="BG39" s="184">
        <v>0</v>
      </c>
      <c r="BH39" s="189">
        <v>0</v>
      </c>
      <c r="BI39" s="186">
        <v>0</v>
      </c>
      <c r="BJ39" s="184">
        <v>0</v>
      </c>
      <c r="BK39" s="184">
        <v>0</v>
      </c>
      <c r="BL39" s="184">
        <v>0</v>
      </c>
      <c r="BM39" s="184">
        <v>0</v>
      </c>
      <c r="BN39" s="184">
        <v>0</v>
      </c>
      <c r="BO39" s="189">
        <v>0</v>
      </c>
      <c r="BP39" s="188">
        <v>0</v>
      </c>
      <c r="BQ39" s="183">
        <v>0</v>
      </c>
      <c r="BR39" s="184">
        <v>0</v>
      </c>
      <c r="BS39" s="189">
        <v>0</v>
      </c>
      <c r="BT39" s="186">
        <v>0</v>
      </c>
      <c r="BU39" s="184">
        <v>0</v>
      </c>
      <c r="BV39" s="184">
        <v>0</v>
      </c>
      <c r="BW39" s="184">
        <v>0</v>
      </c>
      <c r="BX39" s="184">
        <v>0</v>
      </c>
      <c r="BY39" s="184">
        <v>0</v>
      </c>
      <c r="BZ39" s="189">
        <v>0</v>
      </c>
      <c r="CA39" s="188">
        <v>0</v>
      </c>
      <c r="CB39" s="183">
        <v>0</v>
      </c>
      <c r="CC39" s="184">
        <v>0</v>
      </c>
      <c r="CD39" s="189">
        <v>0</v>
      </c>
      <c r="CE39" s="186">
        <v>0</v>
      </c>
      <c r="CF39" s="184">
        <v>0</v>
      </c>
      <c r="CG39" s="184">
        <v>0</v>
      </c>
      <c r="CH39" s="184">
        <v>0</v>
      </c>
      <c r="CI39" s="184">
        <v>0</v>
      </c>
      <c r="CJ39" s="184">
        <v>4</v>
      </c>
      <c r="CK39" s="189">
        <v>4</v>
      </c>
      <c r="CL39" s="188">
        <v>4</v>
      </c>
      <c r="CM39" s="183">
        <v>0</v>
      </c>
      <c r="CN39" s="184">
        <v>0</v>
      </c>
      <c r="CO39" s="189">
        <v>0</v>
      </c>
      <c r="CP39" s="186">
        <v>0</v>
      </c>
      <c r="CQ39" s="184">
        <v>0</v>
      </c>
      <c r="CR39" s="184">
        <v>0</v>
      </c>
      <c r="CS39" s="184">
        <v>0</v>
      </c>
      <c r="CT39" s="184">
        <v>0</v>
      </c>
      <c r="CU39" s="184">
        <v>0</v>
      </c>
      <c r="CV39" s="189">
        <v>0</v>
      </c>
      <c r="CW39" s="188">
        <v>0</v>
      </c>
      <c r="CX39" s="183">
        <v>0</v>
      </c>
      <c r="CY39" s="184">
        <v>0</v>
      </c>
      <c r="CZ39" s="189">
        <v>0</v>
      </c>
      <c r="DA39" s="186">
        <v>0</v>
      </c>
      <c r="DB39" s="184">
        <v>0</v>
      </c>
      <c r="DC39" s="184">
        <v>0</v>
      </c>
      <c r="DD39" s="184">
        <v>0</v>
      </c>
      <c r="DE39" s="184">
        <v>0</v>
      </c>
      <c r="DF39" s="184">
        <v>0</v>
      </c>
      <c r="DG39" s="189">
        <v>0</v>
      </c>
      <c r="DH39" s="188">
        <v>0</v>
      </c>
    </row>
    <row r="40" spans="2:112" ht="27" customHeight="1" x14ac:dyDescent="0.2"/>
  </sheetData>
  <mergeCells count="43">
    <mergeCell ref="AJ4:AL4"/>
    <mergeCell ref="AJ3:AT3"/>
    <mergeCell ref="AU3:BE3"/>
    <mergeCell ref="BF3:BP3"/>
    <mergeCell ref="BQ3:CA3"/>
    <mergeCell ref="AM4:AS4"/>
    <mergeCell ref="AT4:AT5"/>
    <mergeCell ref="AU4:AW4"/>
    <mergeCell ref="AX4:BD4"/>
    <mergeCell ref="BE4:BE5"/>
    <mergeCell ref="BF4:BH4"/>
    <mergeCell ref="BI4:BO4"/>
    <mergeCell ref="BP4:BP5"/>
    <mergeCell ref="BQ4:BS4"/>
    <mergeCell ref="BT4:BZ4"/>
    <mergeCell ref="CA4:CA5"/>
    <mergeCell ref="Y3:AI3"/>
    <mergeCell ref="C4:E4"/>
    <mergeCell ref="F4:L4"/>
    <mergeCell ref="M4:M5"/>
    <mergeCell ref="N4:P4"/>
    <mergeCell ref="Q4:W4"/>
    <mergeCell ref="X4:X5"/>
    <mergeCell ref="Y4:AA4"/>
    <mergeCell ref="AB4:AH4"/>
    <mergeCell ref="AI4:AI5"/>
    <mergeCell ref="J1:K1"/>
    <mergeCell ref="M1:N1"/>
    <mergeCell ref="B3:B5"/>
    <mergeCell ref="C3:M3"/>
    <mergeCell ref="N3:X3"/>
    <mergeCell ref="CX3:DH3"/>
    <mergeCell ref="CX4:CZ4"/>
    <mergeCell ref="DA4:DG4"/>
    <mergeCell ref="DH4:DH5"/>
    <mergeCell ref="CB3:CL3"/>
    <mergeCell ref="CM3:CW3"/>
    <mergeCell ref="CB4:CD4"/>
    <mergeCell ref="CE4:CK4"/>
    <mergeCell ref="CL4:CL5"/>
    <mergeCell ref="CM4:CO4"/>
    <mergeCell ref="CP4:CV4"/>
    <mergeCell ref="CW4:CW5"/>
  </mergeCells>
  <phoneticPr fontId="4"/>
  <pageMargins left="0.70866141732283472" right="0.70866141732283472" top="0.47244094488188981" bottom="0.59055118110236227" header="0.27559055118110237" footer="0.31496062992125984"/>
  <pageSetup paperSize="9" scale="60" orientation="landscape" r:id="rId1"/>
  <headerFooter>
    <oddFooter>&amp;L&amp;20&amp;A&amp;C&amp;P/&amp;N</oddFooter>
  </headerFooter>
  <colBreaks count="4" manualBreakCount="4">
    <brk id="24" max="39" man="1"/>
    <brk id="46" max="39" man="1"/>
    <brk id="68" max="1048575" man="1"/>
    <brk id="90" max="1048575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  <pageSetUpPr fitToPage="1"/>
  </sheetPr>
  <dimension ref="B1:AI39"/>
  <sheetViews>
    <sheetView zoomScaleNormal="100" zoomScaleSheetLayoutView="75" workbookViewId="0">
      <pane xSplit="2" ySplit="5" topLeftCell="L6" activePane="bottomRight" state="frozen"/>
      <selection activeCell="F37" sqref="F37"/>
      <selection pane="topRight" activeCell="F37" sqref="F37"/>
      <selection pane="bottomLeft" activeCell="F37" sqref="F37"/>
      <selection pane="bottomRight" activeCell="L5" sqref="L5"/>
    </sheetView>
  </sheetViews>
  <sheetFormatPr defaultColWidth="9" defaultRowHeight="13.2" x14ac:dyDescent="0.2"/>
  <cols>
    <col min="1" max="1" width="3.77734375" style="57" customWidth="1"/>
    <col min="2" max="2" width="9.77734375" style="57" customWidth="1"/>
    <col min="3" max="5" width="7.77734375" style="56" customWidth="1"/>
    <col min="6" max="6" width="9.109375" style="56" customWidth="1"/>
    <col min="7" max="7" width="9.44140625" style="56" customWidth="1"/>
    <col min="8" max="26" width="7.77734375" style="56" customWidth="1"/>
    <col min="27" max="35" width="7.77734375" style="57" customWidth="1"/>
    <col min="36" max="16384" width="9" style="57"/>
  </cols>
  <sheetData>
    <row r="1" spans="2:35" ht="24" customHeight="1" x14ac:dyDescent="0.2">
      <c r="B1" s="7" t="s">
        <v>125</v>
      </c>
      <c r="F1" s="9"/>
      <c r="H1" s="441">
        <f>第１表!F2</f>
        <v>7</v>
      </c>
      <c r="I1" s="441"/>
      <c r="J1" s="404">
        <f>第１表!G2</f>
        <v>1</v>
      </c>
      <c r="K1" s="445">
        <f>IF(J1&lt;3,J1-2+12,J1-2)</f>
        <v>11</v>
      </c>
      <c r="L1" s="445"/>
    </row>
    <row r="2" spans="2:35" ht="24" customHeight="1" thickBot="1" x14ac:dyDescent="0.25">
      <c r="J2" s="195"/>
      <c r="K2" s="195"/>
      <c r="L2" s="195"/>
      <c r="M2" s="195"/>
      <c r="N2" s="195"/>
      <c r="O2" s="195"/>
      <c r="P2" s="196"/>
      <c r="Q2" s="196"/>
      <c r="R2" s="196"/>
    </row>
    <row r="3" spans="2:35" ht="21" customHeight="1" thickBot="1" x14ac:dyDescent="0.25">
      <c r="B3" s="105"/>
      <c r="C3" s="442" t="s">
        <v>53</v>
      </c>
      <c r="D3" s="443"/>
      <c r="E3" s="443"/>
      <c r="F3" s="443"/>
      <c r="G3" s="443"/>
      <c r="H3" s="443"/>
      <c r="I3" s="443"/>
      <c r="J3" s="443"/>
      <c r="K3" s="443"/>
      <c r="L3" s="443"/>
      <c r="M3" s="444"/>
      <c r="N3" s="442" t="s">
        <v>54</v>
      </c>
      <c r="O3" s="443"/>
      <c r="P3" s="443"/>
      <c r="Q3" s="443"/>
      <c r="R3" s="443"/>
      <c r="S3" s="443"/>
      <c r="T3" s="443"/>
      <c r="U3" s="443"/>
      <c r="V3" s="443"/>
      <c r="W3" s="443"/>
      <c r="X3" s="444"/>
      <c r="Y3" s="442" t="s">
        <v>55</v>
      </c>
      <c r="Z3" s="443"/>
      <c r="AA3" s="443"/>
      <c r="AB3" s="443"/>
      <c r="AC3" s="443"/>
      <c r="AD3" s="443"/>
      <c r="AE3" s="443"/>
      <c r="AF3" s="443"/>
      <c r="AG3" s="443"/>
      <c r="AH3" s="443"/>
      <c r="AI3" s="444"/>
    </row>
    <row r="4" spans="2:35" ht="30" customHeight="1" thickBot="1" x14ac:dyDescent="0.25">
      <c r="B4" s="105" t="s">
        <v>42</v>
      </c>
      <c r="C4" s="106" t="s">
        <v>43</v>
      </c>
      <c r="D4" s="107" t="s">
        <v>44</v>
      </c>
      <c r="E4" s="108" t="s">
        <v>45</v>
      </c>
      <c r="F4" s="109" t="s">
        <v>46</v>
      </c>
      <c r="G4" s="107" t="s">
        <v>47</v>
      </c>
      <c r="H4" s="107" t="s">
        <v>48</v>
      </c>
      <c r="I4" s="107" t="s">
        <v>49</v>
      </c>
      <c r="J4" s="107" t="s">
        <v>50</v>
      </c>
      <c r="K4" s="107" t="s">
        <v>51</v>
      </c>
      <c r="L4" s="108" t="s">
        <v>45</v>
      </c>
      <c r="M4" s="55" t="s">
        <v>52</v>
      </c>
      <c r="N4" s="106" t="s">
        <v>43</v>
      </c>
      <c r="O4" s="107" t="s">
        <v>44</v>
      </c>
      <c r="P4" s="108" t="s">
        <v>45</v>
      </c>
      <c r="Q4" s="109" t="s">
        <v>46</v>
      </c>
      <c r="R4" s="107" t="s">
        <v>47</v>
      </c>
      <c r="S4" s="107" t="s">
        <v>48</v>
      </c>
      <c r="T4" s="107" t="s">
        <v>49</v>
      </c>
      <c r="U4" s="107" t="s">
        <v>50</v>
      </c>
      <c r="V4" s="107" t="s">
        <v>51</v>
      </c>
      <c r="W4" s="108" t="s">
        <v>45</v>
      </c>
      <c r="X4" s="55" t="s">
        <v>52</v>
      </c>
      <c r="Y4" s="106" t="s">
        <v>43</v>
      </c>
      <c r="Z4" s="107" t="s">
        <v>44</v>
      </c>
      <c r="AA4" s="108" t="s">
        <v>45</v>
      </c>
      <c r="AB4" s="109" t="s">
        <v>46</v>
      </c>
      <c r="AC4" s="107" t="s">
        <v>47</v>
      </c>
      <c r="AD4" s="107" t="s">
        <v>48</v>
      </c>
      <c r="AE4" s="107" t="s">
        <v>49</v>
      </c>
      <c r="AF4" s="107" t="s">
        <v>50</v>
      </c>
      <c r="AG4" s="107" t="s">
        <v>51</v>
      </c>
      <c r="AH4" s="108" t="s">
        <v>45</v>
      </c>
      <c r="AI4" s="55" t="s">
        <v>52</v>
      </c>
    </row>
    <row r="5" spans="2:35" ht="21" customHeight="1" x14ac:dyDescent="0.2">
      <c r="B5" s="70" t="s">
        <v>4</v>
      </c>
      <c r="C5" s="197">
        <v>174</v>
      </c>
      <c r="D5" s="198">
        <v>307</v>
      </c>
      <c r="E5" s="199">
        <v>481</v>
      </c>
      <c r="F5" s="200">
        <v>0</v>
      </c>
      <c r="G5" s="198">
        <v>20342</v>
      </c>
      <c r="H5" s="198">
        <v>20655</v>
      </c>
      <c r="I5" s="198">
        <v>13207</v>
      </c>
      <c r="J5" s="198">
        <v>8289</v>
      </c>
      <c r="K5" s="198">
        <v>5202</v>
      </c>
      <c r="L5" s="199">
        <v>67695</v>
      </c>
      <c r="M5" s="201">
        <v>68176</v>
      </c>
      <c r="N5" s="202">
        <v>3</v>
      </c>
      <c r="O5" s="198">
        <v>2</v>
      </c>
      <c r="P5" s="199">
        <v>5</v>
      </c>
      <c r="Q5" s="200">
        <v>0</v>
      </c>
      <c r="R5" s="198">
        <v>203</v>
      </c>
      <c r="S5" s="198">
        <v>384</v>
      </c>
      <c r="T5" s="198">
        <v>237</v>
      </c>
      <c r="U5" s="198">
        <v>183</v>
      </c>
      <c r="V5" s="198">
        <v>156</v>
      </c>
      <c r="W5" s="199">
        <v>1163</v>
      </c>
      <c r="X5" s="201">
        <v>1168</v>
      </c>
      <c r="Y5" s="202">
        <v>177</v>
      </c>
      <c r="Z5" s="198">
        <v>309</v>
      </c>
      <c r="AA5" s="199">
        <v>486</v>
      </c>
      <c r="AB5" s="200">
        <v>0</v>
      </c>
      <c r="AC5" s="198">
        <v>20545</v>
      </c>
      <c r="AD5" s="198">
        <v>21039</v>
      </c>
      <c r="AE5" s="198">
        <v>13444</v>
      </c>
      <c r="AF5" s="198">
        <v>8472</v>
      </c>
      <c r="AG5" s="198">
        <v>5358</v>
      </c>
      <c r="AH5" s="199">
        <v>68858</v>
      </c>
      <c r="AI5" s="201">
        <v>69344</v>
      </c>
    </row>
    <row r="6" spans="2:35" ht="21" customHeight="1" x14ac:dyDescent="0.2">
      <c r="B6" s="81" t="s">
        <v>5</v>
      </c>
      <c r="C6" s="203">
        <v>67</v>
      </c>
      <c r="D6" s="204">
        <v>128</v>
      </c>
      <c r="E6" s="205">
        <v>195</v>
      </c>
      <c r="F6" s="206">
        <v>0</v>
      </c>
      <c r="G6" s="204">
        <v>7626</v>
      </c>
      <c r="H6" s="204">
        <v>9754</v>
      </c>
      <c r="I6" s="204">
        <v>5823</v>
      </c>
      <c r="J6" s="204">
        <v>3654</v>
      </c>
      <c r="K6" s="204">
        <v>2380</v>
      </c>
      <c r="L6" s="205">
        <v>29237</v>
      </c>
      <c r="M6" s="207">
        <v>29432</v>
      </c>
      <c r="N6" s="208">
        <v>1</v>
      </c>
      <c r="O6" s="204">
        <v>1</v>
      </c>
      <c r="P6" s="205">
        <v>2</v>
      </c>
      <c r="Q6" s="206">
        <v>0</v>
      </c>
      <c r="R6" s="204">
        <v>64</v>
      </c>
      <c r="S6" s="204">
        <v>191</v>
      </c>
      <c r="T6" s="204">
        <v>113</v>
      </c>
      <c r="U6" s="204">
        <v>92</v>
      </c>
      <c r="V6" s="204">
        <v>83</v>
      </c>
      <c r="W6" s="205">
        <v>543</v>
      </c>
      <c r="X6" s="207">
        <v>545</v>
      </c>
      <c r="Y6" s="208">
        <v>68</v>
      </c>
      <c r="Z6" s="204">
        <v>129</v>
      </c>
      <c r="AA6" s="205">
        <v>197</v>
      </c>
      <c r="AB6" s="206">
        <v>0</v>
      </c>
      <c r="AC6" s="204">
        <v>7690</v>
      </c>
      <c r="AD6" s="204">
        <v>9945</v>
      </c>
      <c r="AE6" s="204">
        <v>5936</v>
      </c>
      <c r="AF6" s="204">
        <v>3746</v>
      </c>
      <c r="AG6" s="204">
        <v>2463</v>
      </c>
      <c r="AH6" s="205">
        <v>29780</v>
      </c>
      <c r="AI6" s="207">
        <v>29977</v>
      </c>
    </row>
    <row r="7" spans="2:35" ht="21" customHeight="1" x14ac:dyDescent="0.2">
      <c r="B7" s="92" t="s">
        <v>6</v>
      </c>
      <c r="C7" s="203">
        <v>24</v>
      </c>
      <c r="D7" s="204">
        <v>42</v>
      </c>
      <c r="E7" s="205">
        <v>66</v>
      </c>
      <c r="F7" s="206">
        <v>0</v>
      </c>
      <c r="G7" s="204">
        <v>3070</v>
      </c>
      <c r="H7" s="204">
        <v>2766</v>
      </c>
      <c r="I7" s="204">
        <v>1952</v>
      </c>
      <c r="J7" s="204">
        <v>1292</v>
      </c>
      <c r="K7" s="204">
        <v>920</v>
      </c>
      <c r="L7" s="205">
        <v>10000</v>
      </c>
      <c r="M7" s="207">
        <v>10066</v>
      </c>
      <c r="N7" s="208">
        <v>0</v>
      </c>
      <c r="O7" s="204">
        <v>0</v>
      </c>
      <c r="P7" s="205">
        <v>0</v>
      </c>
      <c r="Q7" s="206">
        <v>0</v>
      </c>
      <c r="R7" s="204">
        <v>24</v>
      </c>
      <c r="S7" s="204">
        <v>32</v>
      </c>
      <c r="T7" s="204">
        <v>26</v>
      </c>
      <c r="U7" s="204">
        <v>27</v>
      </c>
      <c r="V7" s="204">
        <v>27</v>
      </c>
      <c r="W7" s="205">
        <v>136</v>
      </c>
      <c r="X7" s="207">
        <v>136</v>
      </c>
      <c r="Y7" s="208">
        <v>24</v>
      </c>
      <c r="Z7" s="204">
        <v>42</v>
      </c>
      <c r="AA7" s="205">
        <v>66</v>
      </c>
      <c r="AB7" s="206">
        <v>0</v>
      </c>
      <c r="AC7" s="204">
        <v>3094</v>
      </c>
      <c r="AD7" s="204">
        <v>2798</v>
      </c>
      <c r="AE7" s="204">
        <v>1978</v>
      </c>
      <c r="AF7" s="204">
        <v>1319</v>
      </c>
      <c r="AG7" s="204">
        <v>947</v>
      </c>
      <c r="AH7" s="205">
        <v>10136</v>
      </c>
      <c r="AI7" s="207">
        <v>10202</v>
      </c>
    </row>
    <row r="8" spans="2:35" ht="21" customHeight="1" x14ac:dyDescent="0.2">
      <c r="B8" s="92" t="s">
        <v>14</v>
      </c>
      <c r="C8" s="203">
        <v>16</v>
      </c>
      <c r="D8" s="204">
        <v>26</v>
      </c>
      <c r="E8" s="205">
        <v>42</v>
      </c>
      <c r="F8" s="206">
        <v>0</v>
      </c>
      <c r="G8" s="204">
        <v>1606</v>
      </c>
      <c r="H8" s="204">
        <v>1773</v>
      </c>
      <c r="I8" s="204">
        <v>1243</v>
      </c>
      <c r="J8" s="204">
        <v>717</v>
      </c>
      <c r="K8" s="204">
        <v>375</v>
      </c>
      <c r="L8" s="205">
        <v>5714</v>
      </c>
      <c r="M8" s="207">
        <v>5756</v>
      </c>
      <c r="N8" s="208">
        <v>1</v>
      </c>
      <c r="O8" s="204">
        <v>0</v>
      </c>
      <c r="P8" s="205">
        <v>1</v>
      </c>
      <c r="Q8" s="206">
        <v>0</v>
      </c>
      <c r="R8" s="204">
        <v>12</v>
      </c>
      <c r="S8" s="204">
        <v>43</v>
      </c>
      <c r="T8" s="204">
        <v>17</v>
      </c>
      <c r="U8" s="204">
        <v>11</v>
      </c>
      <c r="V8" s="204">
        <v>10</v>
      </c>
      <c r="W8" s="205">
        <v>93</v>
      </c>
      <c r="X8" s="207">
        <v>94</v>
      </c>
      <c r="Y8" s="208">
        <v>17</v>
      </c>
      <c r="Z8" s="204">
        <v>26</v>
      </c>
      <c r="AA8" s="205">
        <v>43</v>
      </c>
      <c r="AB8" s="206">
        <v>0</v>
      </c>
      <c r="AC8" s="204">
        <v>1618</v>
      </c>
      <c r="AD8" s="204">
        <v>1816</v>
      </c>
      <c r="AE8" s="204">
        <v>1260</v>
      </c>
      <c r="AF8" s="204">
        <v>728</v>
      </c>
      <c r="AG8" s="204">
        <v>385</v>
      </c>
      <c r="AH8" s="205">
        <v>5807</v>
      </c>
      <c r="AI8" s="207">
        <v>5850</v>
      </c>
    </row>
    <row r="9" spans="2:35" ht="21" customHeight="1" x14ac:dyDescent="0.2">
      <c r="B9" s="92" t="s">
        <v>7</v>
      </c>
      <c r="C9" s="203">
        <v>3</v>
      </c>
      <c r="D9" s="204">
        <v>4</v>
      </c>
      <c r="E9" s="205">
        <v>7</v>
      </c>
      <c r="F9" s="206">
        <v>0</v>
      </c>
      <c r="G9" s="204">
        <v>1521</v>
      </c>
      <c r="H9" s="204">
        <v>1029</v>
      </c>
      <c r="I9" s="204">
        <v>574</v>
      </c>
      <c r="J9" s="204">
        <v>318</v>
      </c>
      <c r="K9" s="204">
        <v>170</v>
      </c>
      <c r="L9" s="205">
        <v>3612</v>
      </c>
      <c r="M9" s="207">
        <v>3619</v>
      </c>
      <c r="N9" s="208">
        <v>0</v>
      </c>
      <c r="O9" s="204">
        <v>0</v>
      </c>
      <c r="P9" s="205">
        <v>0</v>
      </c>
      <c r="Q9" s="206">
        <v>0</v>
      </c>
      <c r="R9" s="204">
        <v>23</v>
      </c>
      <c r="S9" s="204">
        <v>15</v>
      </c>
      <c r="T9" s="204">
        <v>10</v>
      </c>
      <c r="U9" s="204">
        <v>4</v>
      </c>
      <c r="V9" s="204">
        <v>3</v>
      </c>
      <c r="W9" s="205">
        <v>55</v>
      </c>
      <c r="X9" s="207">
        <v>55</v>
      </c>
      <c r="Y9" s="208">
        <v>3</v>
      </c>
      <c r="Z9" s="204">
        <v>4</v>
      </c>
      <c r="AA9" s="205">
        <v>7</v>
      </c>
      <c r="AB9" s="206">
        <v>0</v>
      </c>
      <c r="AC9" s="204">
        <v>1544</v>
      </c>
      <c r="AD9" s="204">
        <v>1044</v>
      </c>
      <c r="AE9" s="204">
        <v>584</v>
      </c>
      <c r="AF9" s="204">
        <v>322</v>
      </c>
      <c r="AG9" s="204">
        <v>173</v>
      </c>
      <c r="AH9" s="205">
        <v>3667</v>
      </c>
      <c r="AI9" s="207">
        <v>3674</v>
      </c>
    </row>
    <row r="10" spans="2:35" ht="21" customHeight="1" x14ac:dyDescent="0.2">
      <c r="B10" s="92" t="s">
        <v>8</v>
      </c>
      <c r="C10" s="203">
        <v>9</v>
      </c>
      <c r="D10" s="204">
        <v>14</v>
      </c>
      <c r="E10" s="205">
        <v>23</v>
      </c>
      <c r="F10" s="206">
        <v>0</v>
      </c>
      <c r="G10" s="204">
        <v>795</v>
      </c>
      <c r="H10" s="204">
        <v>673</v>
      </c>
      <c r="I10" s="204">
        <v>409</v>
      </c>
      <c r="J10" s="204">
        <v>252</v>
      </c>
      <c r="K10" s="204">
        <v>142</v>
      </c>
      <c r="L10" s="205">
        <v>2271</v>
      </c>
      <c r="M10" s="207">
        <v>2294</v>
      </c>
      <c r="N10" s="208">
        <v>0</v>
      </c>
      <c r="O10" s="204">
        <v>0</v>
      </c>
      <c r="P10" s="205">
        <v>0</v>
      </c>
      <c r="Q10" s="206">
        <v>0</v>
      </c>
      <c r="R10" s="204">
        <v>13</v>
      </c>
      <c r="S10" s="204">
        <v>26</v>
      </c>
      <c r="T10" s="204">
        <v>5</v>
      </c>
      <c r="U10" s="204">
        <v>7</v>
      </c>
      <c r="V10" s="204">
        <v>3</v>
      </c>
      <c r="W10" s="205">
        <v>54</v>
      </c>
      <c r="X10" s="207">
        <v>54</v>
      </c>
      <c r="Y10" s="208">
        <v>9</v>
      </c>
      <c r="Z10" s="204">
        <v>14</v>
      </c>
      <c r="AA10" s="205">
        <v>23</v>
      </c>
      <c r="AB10" s="206">
        <v>0</v>
      </c>
      <c r="AC10" s="204">
        <v>808</v>
      </c>
      <c r="AD10" s="204">
        <v>699</v>
      </c>
      <c r="AE10" s="204">
        <v>414</v>
      </c>
      <c r="AF10" s="204">
        <v>259</v>
      </c>
      <c r="AG10" s="204">
        <v>145</v>
      </c>
      <c r="AH10" s="205">
        <v>2325</v>
      </c>
      <c r="AI10" s="207">
        <v>2348</v>
      </c>
    </row>
    <row r="11" spans="2:35" ht="21" customHeight="1" x14ac:dyDescent="0.2">
      <c r="B11" s="92" t="s">
        <v>9</v>
      </c>
      <c r="C11" s="203">
        <v>5</v>
      </c>
      <c r="D11" s="204">
        <v>3</v>
      </c>
      <c r="E11" s="205">
        <v>8</v>
      </c>
      <c r="F11" s="206">
        <v>0</v>
      </c>
      <c r="G11" s="204">
        <v>535</v>
      </c>
      <c r="H11" s="204">
        <v>412</v>
      </c>
      <c r="I11" s="204">
        <v>264</v>
      </c>
      <c r="J11" s="204">
        <v>211</v>
      </c>
      <c r="K11" s="204">
        <v>100</v>
      </c>
      <c r="L11" s="205">
        <v>1522</v>
      </c>
      <c r="M11" s="207">
        <v>1530</v>
      </c>
      <c r="N11" s="208">
        <v>0</v>
      </c>
      <c r="O11" s="204">
        <v>0</v>
      </c>
      <c r="P11" s="205">
        <v>0</v>
      </c>
      <c r="Q11" s="206">
        <v>0</v>
      </c>
      <c r="R11" s="204">
        <v>12</v>
      </c>
      <c r="S11" s="204">
        <v>16</v>
      </c>
      <c r="T11" s="204">
        <v>5</v>
      </c>
      <c r="U11" s="204">
        <v>2</v>
      </c>
      <c r="V11" s="204">
        <v>3</v>
      </c>
      <c r="W11" s="205">
        <v>38</v>
      </c>
      <c r="X11" s="207">
        <v>38</v>
      </c>
      <c r="Y11" s="208">
        <v>5</v>
      </c>
      <c r="Z11" s="204">
        <v>3</v>
      </c>
      <c r="AA11" s="205">
        <v>8</v>
      </c>
      <c r="AB11" s="206">
        <v>0</v>
      </c>
      <c r="AC11" s="204">
        <v>547</v>
      </c>
      <c r="AD11" s="204">
        <v>428</v>
      </c>
      <c r="AE11" s="204">
        <v>269</v>
      </c>
      <c r="AF11" s="204">
        <v>213</v>
      </c>
      <c r="AG11" s="204">
        <v>103</v>
      </c>
      <c r="AH11" s="205">
        <v>1560</v>
      </c>
      <c r="AI11" s="207">
        <v>1568</v>
      </c>
    </row>
    <row r="12" spans="2:35" ht="21" customHeight="1" x14ac:dyDescent="0.2">
      <c r="B12" s="92" t="s">
        <v>10</v>
      </c>
      <c r="C12" s="203">
        <v>11</v>
      </c>
      <c r="D12" s="204">
        <v>19</v>
      </c>
      <c r="E12" s="205">
        <v>30</v>
      </c>
      <c r="F12" s="206">
        <v>0</v>
      </c>
      <c r="G12" s="204">
        <v>895</v>
      </c>
      <c r="H12" s="204">
        <v>507</v>
      </c>
      <c r="I12" s="204">
        <v>383</v>
      </c>
      <c r="J12" s="204">
        <v>311</v>
      </c>
      <c r="K12" s="204">
        <v>231</v>
      </c>
      <c r="L12" s="205">
        <v>2327</v>
      </c>
      <c r="M12" s="207">
        <v>2357</v>
      </c>
      <c r="N12" s="208">
        <v>0</v>
      </c>
      <c r="O12" s="204">
        <v>1</v>
      </c>
      <c r="P12" s="205">
        <v>1</v>
      </c>
      <c r="Q12" s="206">
        <v>0</v>
      </c>
      <c r="R12" s="204">
        <v>11</v>
      </c>
      <c r="S12" s="204">
        <v>9</v>
      </c>
      <c r="T12" s="204">
        <v>13</v>
      </c>
      <c r="U12" s="204">
        <v>6</v>
      </c>
      <c r="V12" s="204">
        <v>5</v>
      </c>
      <c r="W12" s="205">
        <v>44</v>
      </c>
      <c r="X12" s="207">
        <v>45</v>
      </c>
      <c r="Y12" s="208">
        <v>11</v>
      </c>
      <c r="Z12" s="204">
        <v>20</v>
      </c>
      <c r="AA12" s="205">
        <v>31</v>
      </c>
      <c r="AB12" s="206">
        <v>0</v>
      </c>
      <c r="AC12" s="204">
        <v>906</v>
      </c>
      <c r="AD12" s="204">
        <v>516</v>
      </c>
      <c r="AE12" s="204">
        <v>396</v>
      </c>
      <c r="AF12" s="204">
        <v>317</v>
      </c>
      <c r="AG12" s="204">
        <v>236</v>
      </c>
      <c r="AH12" s="205">
        <v>2371</v>
      </c>
      <c r="AI12" s="207">
        <v>2402</v>
      </c>
    </row>
    <row r="13" spans="2:35" ht="21" customHeight="1" x14ac:dyDescent="0.2">
      <c r="B13" s="92" t="s">
        <v>11</v>
      </c>
      <c r="C13" s="203">
        <v>2</v>
      </c>
      <c r="D13" s="204">
        <v>5</v>
      </c>
      <c r="E13" s="205">
        <v>7</v>
      </c>
      <c r="F13" s="206">
        <v>0</v>
      </c>
      <c r="G13" s="204">
        <v>652</v>
      </c>
      <c r="H13" s="204">
        <v>445</v>
      </c>
      <c r="I13" s="204">
        <v>310</v>
      </c>
      <c r="J13" s="204">
        <v>190</v>
      </c>
      <c r="K13" s="204">
        <v>82</v>
      </c>
      <c r="L13" s="205">
        <v>1679</v>
      </c>
      <c r="M13" s="207">
        <v>1686</v>
      </c>
      <c r="N13" s="208">
        <v>1</v>
      </c>
      <c r="O13" s="204">
        <v>0</v>
      </c>
      <c r="P13" s="205">
        <v>1</v>
      </c>
      <c r="Q13" s="206">
        <v>0</v>
      </c>
      <c r="R13" s="204">
        <v>6</v>
      </c>
      <c r="S13" s="204">
        <v>2</v>
      </c>
      <c r="T13" s="204">
        <v>5</v>
      </c>
      <c r="U13" s="204">
        <v>7</v>
      </c>
      <c r="V13" s="204">
        <v>2</v>
      </c>
      <c r="W13" s="205">
        <v>22</v>
      </c>
      <c r="X13" s="207">
        <v>23</v>
      </c>
      <c r="Y13" s="208">
        <v>3</v>
      </c>
      <c r="Z13" s="204">
        <v>5</v>
      </c>
      <c r="AA13" s="205">
        <v>8</v>
      </c>
      <c r="AB13" s="206">
        <v>0</v>
      </c>
      <c r="AC13" s="204">
        <v>658</v>
      </c>
      <c r="AD13" s="204">
        <v>447</v>
      </c>
      <c r="AE13" s="204">
        <v>315</v>
      </c>
      <c r="AF13" s="204">
        <v>197</v>
      </c>
      <c r="AG13" s="204">
        <v>84</v>
      </c>
      <c r="AH13" s="205">
        <v>1701</v>
      </c>
      <c r="AI13" s="207">
        <v>1709</v>
      </c>
    </row>
    <row r="14" spans="2:35" ht="21" customHeight="1" x14ac:dyDescent="0.2">
      <c r="B14" s="92" t="s">
        <v>12</v>
      </c>
      <c r="C14" s="203">
        <v>0</v>
      </c>
      <c r="D14" s="204">
        <v>2</v>
      </c>
      <c r="E14" s="205">
        <v>2</v>
      </c>
      <c r="F14" s="206">
        <v>0</v>
      </c>
      <c r="G14" s="204">
        <v>453</v>
      </c>
      <c r="H14" s="204">
        <v>353</v>
      </c>
      <c r="I14" s="204">
        <v>272</v>
      </c>
      <c r="J14" s="204">
        <v>195</v>
      </c>
      <c r="K14" s="204">
        <v>121</v>
      </c>
      <c r="L14" s="205">
        <v>1394</v>
      </c>
      <c r="M14" s="207">
        <v>1396</v>
      </c>
      <c r="N14" s="208">
        <v>0</v>
      </c>
      <c r="O14" s="204">
        <v>0</v>
      </c>
      <c r="P14" s="205">
        <v>0</v>
      </c>
      <c r="Q14" s="206">
        <v>0</v>
      </c>
      <c r="R14" s="204">
        <v>5</v>
      </c>
      <c r="S14" s="204">
        <v>6</v>
      </c>
      <c r="T14" s="204">
        <v>5</v>
      </c>
      <c r="U14" s="204">
        <v>3</v>
      </c>
      <c r="V14" s="204">
        <v>3</v>
      </c>
      <c r="W14" s="205">
        <v>22</v>
      </c>
      <c r="X14" s="207">
        <v>22</v>
      </c>
      <c r="Y14" s="208">
        <v>0</v>
      </c>
      <c r="Z14" s="204">
        <v>2</v>
      </c>
      <c r="AA14" s="205">
        <v>2</v>
      </c>
      <c r="AB14" s="206">
        <v>0</v>
      </c>
      <c r="AC14" s="204">
        <v>458</v>
      </c>
      <c r="AD14" s="204">
        <v>359</v>
      </c>
      <c r="AE14" s="204">
        <v>277</v>
      </c>
      <c r="AF14" s="204">
        <v>198</v>
      </c>
      <c r="AG14" s="204">
        <v>124</v>
      </c>
      <c r="AH14" s="205">
        <v>1416</v>
      </c>
      <c r="AI14" s="207">
        <v>1418</v>
      </c>
    </row>
    <row r="15" spans="2:35" ht="21" customHeight="1" x14ac:dyDescent="0.2">
      <c r="B15" s="92" t="s">
        <v>13</v>
      </c>
      <c r="C15" s="203">
        <v>5</v>
      </c>
      <c r="D15" s="204">
        <v>1</v>
      </c>
      <c r="E15" s="205">
        <v>6</v>
      </c>
      <c r="F15" s="206">
        <v>0</v>
      </c>
      <c r="G15" s="204">
        <v>190</v>
      </c>
      <c r="H15" s="204">
        <v>202</v>
      </c>
      <c r="I15" s="204">
        <v>107</v>
      </c>
      <c r="J15" s="204">
        <v>69</v>
      </c>
      <c r="K15" s="204">
        <v>48</v>
      </c>
      <c r="L15" s="205">
        <v>616</v>
      </c>
      <c r="M15" s="207">
        <v>622</v>
      </c>
      <c r="N15" s="208">
        <v>0</v>
      </c>
      <c r="O15" s="204">
        <v>0</v>
      </c>
      <c r="P15" s="205">
        <v>0</v>
      </c>
      <c r="Q15" s="206">
        <v>0</v>
      </c>
      <c r="R15" s="204">
        <v>2</v>
      </c>
      <c r="S15" s="204">
        <v>0</v>
      </c>
      <c r="T15" s="204">
        <v>4</v>
      </c>
      <c r="U15" s="204">
        <v>1</v>
      </c>
      <c r="V15" s="204">
        <v>1</v>
      </c>
      <c r="W15" s="205">
        <v>8</v>
      </c>
      <c r="X15" s="207">
        <v>8</v>
      </c>
      <c r="Y15" s="208">
        <v>5</v>
      </c>
      <c r="Z15" s="204">
        <v>1</v>
      </c>
      <c r="AA15" s="205">
        <v>6</v>
      </c>
      <c r="AB15" s="206">
        <v>0</v>
      </c>
      <c r="AC15" s="204">
        <v>192</v>
      </c>
      <c r="AD15" s="204">
        <v>202</v>
      </c>
      <c r="AE15" s="204">
        <v>111</v>
      </c>
      <c r="AF15" s="204">
        <v>70</v>
      </c>
      <c r="AG15" s="204">
        <v>49</v>
      </c>
      <c r="AH15" s="205">
        <v>624</v>
      </c>
      <c r="AI15" s="207">
        <v>630</v>
      </c>
    </row>
    <row r="16" spans="2:35" ht="21" customHeight="1" x14ac:dyDescent="0.2">
      <c r="B16" s="92" t="s">
        <v>15</v>
      </c>
      <c r="C16" s="203">
        <v>1</v>
      </c>
      <c r="D16" s="204">
        <v>13</v>
      </c>
      <c r="E16" s="205">
        <v>14</v>
      </c>
      <c r="F16" s="206">
        <v>0</v>
      </c>
      <c r="G16" s="204">
        <v>292</v>
      </c>
      <c r="H16" s="204">
        <v>274</v>
      </c>
      <c r="I16" s="204">
        <v>133</v>
      </c>
      <c r="J16" s="204">
        <v>83</v>
      </c>
      <c r="K16" s="204">
        <v>56</v>
      </c>
      <c r="L16" s="205">
        <v>838</v>
      </c>
      <c r="M16" s="207">
        <v>852</v>
      </c>
      <c r="N16" s="208">
        <v>0</v>
      </c>
      <c r="O16" s="204">
        <v>0</v>
      </c>
      <c r="P16" s="205">
        <v>0</v>
      </c>
      <c r="Q16" s="206">
        <v>0</v>
      </c>
      <c r="R16" s="204">
        <v>3</v>
      </c>
      <c r="S16" s="204">
        <v>1</v>
      </c>
      <c r="T16" s="204">
        <v>3</v>
      </c>
      <c r="U16" s="204">
        <v>1</v>
      </c>
      <c r="V16" s="204">
        <v>0</v>
      </c>
      <c r="W16" s="205">
        <v>8</v>
      </c>
      <c r="X16" s="207">
        <v>8</v>
      </c>
      <c r="Y16" s="208">
        <v>1</v>
      </c>
      <c r="Z16" s="204">
        <v>13</v>
      </c>
      <c r="AA16" s="205">
        <v>14</v>
      </c>
      <c r="AB16" s="206">
        <v>0</v>
      </c>
      <c r="AC16" s="204">
        <v>295</v>
      </c>
      <c r="AD16" s="204">
        <v>275</v>
      </c>
      <c r="AE16" s="204">
        <v>136</v>
      </c>
      <c r="AF16" s="204">
        <v>84</v>
      </c>
      <c r="AG16" s="204">
        <v>56</v>
      </c>
      <c r="AH16" s="205">
        <v>846</v>
      </c>
      <c r="AI16" s="207">
        <v>860</v>
      </c>
    </row>
    <row r="17" spans="2:35" ht="21" customHeight="1" x14ac:dyDescent="0.2">
      <c r="B17" s="92" t="s">
        <v>16</v>
      </c>
      <c r="C17" s="203">
        <v>5</v>
      </c>
      <c r="D17" s="204">
        <v>4</v>
      </c>
      <c r="E17" s="205">
        <v>9</v>
      </c>
      <c r="F17" s="206">
        <v>0</v>
      </c>
      <c r="G17" s="204">
        <v>227</v>
      </c>
      <c r="H17" s="204">
        <v>291</v>
      </c>
      <c r="I17" s="204">
        <v>169</v>
      </c>
      <c r="J17" s="204">
        <v>113</v>
      </c>
      <c r="K17" s="204">
        <v>80</v>
      </c>
      <c r="L17" s="205">
        <v>880</v>
      </c>
      <c r="M17" s="207">
        <v>889</v>
      </c>
      <c r="N17" s="208">
        <v>0</v>
      </c>
      <c r="O17" s="204">
        <v>0</v>
      </c>
      <c r="P17" s="205">
        <v>0</v>
      </c>
      <c r="Q17" s="206">
        <v>0</v>
      </c>
      <c r="R17" s="204">
        <v>4</v>
      </c>
      <c r="S17" s="204">
        <v>2</v>
      </c>
      <c r="T17" s="204">
        <v>6</v>
      </c>
      <c r="U17" s="204">
        <v>3</v>
      </c>
      <c r="V17" s="204">
        <v>1</v>
      </c>
      <c r="W17" s="205">
        <v>16</v>
      </c>
      <c r="X17" s="207">
        <v>16</v>
      </c>
      <c r="Y17" s="208">
        <v>5</v>
      </c>
      <c r="Z17" s="204">
        <v>4</v>
      </c>
      <c r="AA17" s="205">
        <v>9</v>
      </c>
      <c r="AB17" s="206">
        <v>0</v>
      </c>
      <c r="AC17" s="204">
        <v>231</v>
      </c>
      <c r="AD17" s="204">
        <v>293</v>
      </c>
      <c r="AE17" s="204">
        <v>175</v>
      </c>
      <c r="AF17" s="204">
        <v>116</v>
      </c>
      <c r="AG17" s="204">
        <v>81</v>
      </c>
      <c r="AH17" s="205">
        <v>896</v>
      </c>
      <c r="AI17" s="207">
        <v>905</v>
      </c>
    </row>
    <row r="18" spans="2:35" ht="21" customHeight="1" x14ac:dyDescent="0.2">
      <c r="B18" s="92" t="s">
        <v>17</v>
      </c>
      <c r="C18" s="203">
        <v>6</v>
      </c>
      <c r="D18" s="204">
        <v>7</v>
      </c>
      <c r="E18" s="205">
        <v>13</v>
      </c>
      <c r="F18" s="206">
        <v>0</v>
      </c>
      <c r="G18" s="204">
        <v>349</v>
      </c>
      <c r="H18" s="204">
        <v>484</v>
      </c>
      <c r="I18" s="204">
        <v>332</v>
      </c>
      <c r="J18" s="204">
        <v>221</v>
      </c>
      <c r="K18" s="204">
        <v>127</v>
      </c>
      <c r="L18" s="205">
        <v>1513</v>
      </c>
      <c r="M18" s="207">
        <v>1526</v>
      </c>
      <c r="N18" s="208">
        <v>0</v>
      </c>
      <c r="O18" s="204">
        <v>0</v>
      </c>
      <c r="P18" s="205">
        <v>0</v>
      </c>
      <c r="Q18" s="206">
        <v>0</v>
      </c>
      <c r="R18" s="204">
        <v>7</v>
      </c>
      <c r="S18" s="204">
        <v>18</v>
      </c>
      <c r="T18" s="204">
        <v>5</v>
      </c>
      <c r="U18" s="204">
        <v>7</v>
      </c>
      <c r="V18" s="204">
        <v>4</v>
      </c>
      <c r="W18" s="205">
        <v>41</v>
      </c>
      <c r="X18" s="207">
        <v>41</v>
      </c>
      <c r="Y18" s="208">
        <v>6</v>
      </c>
      <c r="Z18" s="204">
        <v>7</v>
      </c>
      <c r="AA18" s="205">
        <v>13</v>
      </c>
      <c r="AB18" s="206">
        <v>0</v>
      </c>
      <c r="AC18" s="204">
        <v>356</v>
      </c>
      <c r="AD18" s="204">
        <v>502</v>
      </c>
      <c r="AE18" s="204">
        <v>337</v>
      </c>
      <c r="AF18" s="204">
        <v>228</v>
      </c>
      <c r="AG18" s="204">
        <v>131</v>
      </c>
      <c r="AH18" s="205">
        <v>1554</v>
      </c>
      <c r="AI18" s="207">
        <v>1567</v>
      </c>
    </row>
    <row r="19" spans="2:35" ht="21" customHeight="1" x14ac:dyDescent="0.2">
      <c r="B19" s="92" t="s">
        <v>18</v>
      </c>
      <c r="C19" s="203">
        <v>5</v>
      </c>
      <c r="D19" s="204">
        <v>12</v>
      </c>
      <c r="E19" s="205">
        <v>17</v>
      </c>
      <c r="F19" s="206">
        <v>0</v>
      </c>
      <c r="G19" s="204">
        <v>441</v>
      </c>
      <c r="H19" s="204">
        <v>360</v>
      </c>
      <c r="I19" s="204">
        <v>281</v>
      </c>
      <c r="J19" s="204">
        <v>166</v>
      </c>
      <c r="K19" s="204">
        <v>92</v>
      </c>
      <c r="L19" s="205">
        <v>1340</v>
      </c>
      <c r="M19" s="207">
        <v>1357</v>
      </c>
      <c r="N19" s="208">
        <v>0</v>
      </c>
      <c r="O19" s="204">
        <v>0</v>
      </c>
      <c r="P19" s="205">
        <v>0</v>
      </c>
      <c r="Q19" s="206">
        <v>0</v>
      </c>
      <c r="R19" s="204">
        <v>6</v>
      </c>
      <c r="S19" s="204">
        <v>7</v>
      </c>
      <c r="T19" s="204">
        <v>3</v>
      </c>
      <c r="U19" s="204">
        <v>5</v>
      </c>
      <c r="V19" s="204">
        <v>4</v>
      </c>
      <c r="W19" s="205">
        <v>25</v>
      </c>
      <c r="X19" s="207">
        <v>25</v>
      </c>
      <c r="Y19" s="208">
        <v>5</v>
      </c>
      <c r="Z19" s="204">
        <v>12</v>
      </c>
      <c r="AA19" s="205">
        <v>17</v>
      </c>
      <c r="AB19" s="206">
        <v>0</v>
      </c>
      <c r="AC19" s="204">
        <v>447</v>
      </c>
      <c r="AD19" s="204">
        <v>367</v>
      </c>
      <c r="AE19" s="204">
        <v>284</v>
      </c>
      <c r="AF19" s="204">
        <v>171</v>
      </c>
      <c r="AG19" s="204">
        <v>96</v>
      </c>
      <c r="AH19" s="205">
        <v>1365</v>
      </c>
      <c r="AI19" s="207">
        <v>1382</v>
      </c>
    </row>
    <row r="20" spans="2:35" ht="21" customHeight="1" x14ac:dyDescent="0.2">
      <c r="B20" s="92" t="s">
        <v>19</v>
      </c>
      <c r="C20" s="203">
        <v>1</v>
      </c>
      <c r="D20" s="204">
        <v>2</v>
      </c>
      <c r="E20" s="205">
        <v>3</v>
      </c>
      <c r="F20" s="206">
        <v>0</v>
      </c>
      <c r="G20" s="204">
        <v>211</v>
      </c>
      <c r="H20" s="204">
        <v>172</v>
      </c>
      <c r="I20" s="204">
        <v>132</v>
      </c>
      <c r="J20" s="204">
        <v>71</v>
      </c>
      <c r="K20" s="204">
        <v>50</v>
      </c>
      <c r="L20" s="205">
        <v>636</v>
      </c>
      <c r="M20" s="207">
        <v>639</v>
      </c>
      <c r="N20" s="208">
        <v>0</v>
      </c>
      <c r="O20" s="204">
        <v>0</v>
      </c>
      <c r="P20" s="205">
        <v>0</v>
      </c>
      <c r="Q20" s="206">
        <v>0</v>
      </c>
      <c r="R20" s="204">
        <v>1</v>
      </c>
      <c r="S20" s="204">
        <v>2</v>
      </c>
      <c r="T20" s="204">
        <v>0</v>
      </c>
      <c r="U20" s="204">
        <v>3</v>
      </c>
      <c r="V20" s="204">
        <v>1</v>
      </c>
      <c r="W20" s="205">
        <v>7</v>
      </c>
      <c r="X20" s="207">
        <v>7</v>
      </c>
      <c r="Y20" s="208">
        <v>1</v>
      </c>
      <c r="Z20" s="204">
        <v>2</v>
      </c>
      <c r="AA20" s="205">
        <v>3</v>
      </c>
      <c r="AB20" s="206">
        <v>0</v>
      </c>
      <c r="AC20" s="204">
        <v>212</v>
      </c>
      <c r="AD20" s="204">
        <v>174</v>
      </c>
      <c r="AE20" s="204">
        <v>132</v>
      </c>
      <c r="AF20" s="204">
        <v>74</v>
      </c>
      <c r="AG20" s="204">
        <v>51</v>
      </c>
      <c r="AH20" s="205">
        <v>643</v>
      </c>
      <c r="AI20" s="207">
        <v>646</v>
      </c>
    </row>
    <row r="21" spans="2:35" ht="21" customHeight="1" x14ac:dyDescent="0.2">
      <c r="B21" s="92" t="s">
        <v>20</v>
      </c>
      <c r="C21" s="203">
        <v>0</v>
      </c>
      <c r="D21" s="204">
        <v>2</v>
      </c>
      <c r="E21" s="205">
        <v>2</v>
      </c>
      <c r="F21" s="206">
        <v>0</v>
      </c>
      <c r="G21" s="204">
        <v>270</v>
      </c>
      <c r="H21" s="204">
        <v>171</v>
      </c>
      <c r="I21" s="204">
        <v>134</v>
      </c>
      <c r="J21" s="204">
        <v>40</v>
      </c>
      <c r="K21" s="204">
        <v>24</v>
      </c>
      <c r="L21" s="205">
        <v>639</v>
      </c>
      <c r="M21" s="207">
        <v>641</v>
      </c>
      <c r="N21" s="208">
        <v>0</v>
      </c>
      <c r="O21" s="204">
        <v>0</v>
      </c>
      <c r="P21" s="205">
        <v>0</v>
      </c>
      <c r="Q21" s="206">
        <v>0</v>
      </c>
      <c r="R21" s="204">
        <v>5</v>
      </c>
      <c r="S21" s="204">
        <v>4</v>
      </c>
      <c r="T21" s="204">
        <v>4</v>
      </c>
      <c r="U21" s="204">
        <v>0</v>
      </c>
      <c r="V21" s="204">
        <v>1</v>
      </c>
      <c r="W21" s="205">
        <v>14</v>
      </c>
      <c r="X21" s="207">
        <v>14</v>
      </c>
      <c r="Y21" s="208">
        <v>0</v>
      </c>
      <c r="Z21" s="204">
        <v>2</v>
      </c>
      <c r="AA21" s="205">
        <v>2</v>
      </c>
      <c r="AB21" s="206">
        <v>0</v>
      </c>
      <c r="AC21" s="204">
        <v>275</v>
      </c>
      <c r="AD21" s="204">
        <v>175</v>
      </c>
      <c r="AE21" s="204">
        <v>138</v>
      </c>
      <c r="AF21" s="204">
        <v>40</v>
      </c>
      <c r="AG21" s="204">
        <v>25</v>
      </c>
      <c r="AH21" s="205">
        <v>653</v>
      </c>
      <c r="AI21" s="207">
        <v>655</v>
      </c>
    </row>
    <row r="22" spans="2:35" ht="21" customHeight="1" x14ac:dyDescent="0.2">
      <c r="B22" s="92" t="s">
        <v>21</v>
      </c>
      <c r="C22" s="203">
        <v>0</v>
      </c>
      <c r="D22" s="204">
        <v>1</v>
      </c>
      <c r="E22" s="205">
        <v>1</v>
      </c>
      <c r="F22" s="206">
        <v>0</v>
      </c>
      <c r="G22" s="204">
        <v>254</v>
      </c>
      <c r="H22" s="204">
        <v>226</v>
      </c>
      <c r="I22" s="204">
        <v>147</v>
      </c>
      <c r="J22" s="204">
        <v>59</v>
      </c>
      <c r="K22" s="204">
        <v>30</v>
      </c>
      <c r="L22" s="205">
        <v>716</v>
      </c>
      <c r="M22" s="207">
        <v>717</v>
      </c>
      <c r="N22" s="208">
        <v>0</v>
      </c>
      <c r="O22" s="204">
        <v>0</v>
      </c>
      <c r="P22" s="205">
        <v>0</v>
      </c>
      <c r="Q22" s="206">
        <v>0</v>
      </c>
      <c r="R22" s="204">
        <v>1</v>
      </c>
      <c r="S22" s="204">
        <v>6</v>
      </c>
      <c r="T22" s="204">
        <v>4</v>
      </c>
      <c r="U22" s="204">
        <v>1</v>
      </c>
      <c r="V22" s="204">
        <v>1</v>
      </c>
      <c r="W22" s="205">
        <v>13</v>
      </c>
      <c r="X22" s="207">
        <v>13</v>
      </c>
      <c r="Y22" s="208">
        <v>0</v>
      </c>
      <c r="Z22" s="204">
        <v>1</v>
      </c>
      <c r="AA22" s="205">
        <v>1</v>
      </c>
      <c r="AB22" s="206">
        <v>0</v>
      </c>
      <c r="AC22" s="204">
        <v>255</v>
      </c>
      <c r="AD22" s="204">
        <v>232</v>
      </c>
      <c r="AE22" s="204">
        <v>151</v>
      </c>
      <c r="AF22" s="204">
        <v>60</v>
      </c>
      <c r="AG22" s="204">
        <v>31</v>
      </c>
      <c r="AH22" s="205">
        <v>729</v>
      </c>
      <c r="AI22" s="207">
        <v>730</v>
      </c>
    </row>
    <row r="23" spans="2:35" ht="21" customHeight="1" x14ac:dyDescent="0.2">
      <c r="B23" s="92" t="s">
        <v>22</v>
      </c>
      <c r="C23" s="203">
        <v>4</v>
      </c>
      <c r="D23" s="204">
        <v>5</v>
      </c>
      <c r="E23" s="205">
        <v>9</v>
      </c>
      <c r="F23" s="206">
        <v>0</v>
      </c>
      <c r="G23" s="204">
        <v>162</v>
      </c>
      <c r="H23" s="204">
        <v>162</v>
      </c>
      <c r="I23" s="204">
        <v>93</v>
      </c>
      <c r="J23" s="204">
        <v>66</v>
      </c>
      <c r="K23" s="204">
        <v>30</v>
      </c>
      <c r="L23" s="205">
        <v>513</v>
      </c>
      <c r="M23" s="207">
        <v>522</v>
      </c>
      <c r="N23" s="208">
        <v>0</v>
      </c>
      <c r="O23" s="204">
        <v>0</v>
      </c>
      <c r="P23" s="205">
        <v>0</v>
      </c>
      <c r="Q23" s="206">
        <v>0</v>
      </c>
      <c r="R23" s="204">
        <v>1</v>
      </c>
      <c r="S23" s="204">
        <v>1</v>
      </c>
      <c r="T23" s="204">
        <v>1</v>
      </c>
      <c r="U23" s="204">
        <v>0</v>
      </c>
      <c r="V23" s="204">
        <v>0</v>
      </c>
      <c r="W23" s="205">
        <v>3</v>
      </c>
      <c r="X23" s="207">
        <v>3</v>
      </c>
      <c r="Y23" s="208">
        <v>4</v>
      </c>
      <c r="Z23" s="204">
        <v>5</v>
      </c>
      <c r="AA23" s="205">
        <v>9</v>
      </c>
      <c r="AB23" s="206">
        <v>0</v>
      </c>
      <c r="AC23" s="204">
        <v>163</v>
      </c>
      <c r="AD23" s="204">
        <v>163</v>
      </c>
      <c r="AE23" s="204">
        <v>94</v>
      </c>
      <c r="AF23" s="204">
        <v>66</v>
      </c>
      <c r="AG23" s="204">
        <v>30</v>
      </c>
      <c r="AH23" s="205">
        <v>516</v>
      </c>
      <c r="AI23" s="207">
        <v>525</v>
      </c>
    </row>
    <row r="24" spans="2:35" ht="21" customHeight="1" x14ac:dyDescent="0.2">
      <c r="B24" s="92" t="s">
        <v>23</v>
      </c>
      <c r="C24" s="203">
        <v>1</v>
      </c>
      <c r="D24" s="204">
        <v>0</v>
      </c>
      <c r="E24" s="205">
        <v>1</v>
      </c>
      <c r="F24" s="206">
        <v>0</v>
      </c>
      <c r="G24" s="204">
        <v>116</v>
      </c>
      <c r="H24" s="204">
        <v>85</v>
      </c>
      <c r="I24" s="204">
        <v>62</v>
      </c>
      <c r="J24" s="204">
        <v>40</v>
      </c>
      <c r="K24" s="204">
        <v>23</v>
      </c>
      <c r="L24" s="205">
        <v>326</v>
      </c>
      <c r="M24" s="207">
        <v>327</v>
      </c>
      <c r="N24" s="208">
        <v>0</v>
      </c>
      <c r="O24" s="204">
        <v>0</v>
      </c>
      <c r="P24" s="205">
        <v>0</v>
      </c>
      <c r="Q24" s="206">
        <v>0</v>
      </c>
      <c r="R24" s="204">
        <v>1</v>
      </c>
      <c r="S24" s="204">
        <v>0</v>
      </c>
      <c r="T24" s="204">
        <v>2</v>
      </c>
      <c r="U24" s="204">
        <v>0</v>
      </c>
      <c r="V24" s="204">
        <v>0</v>
      </c>
      <c r="W24" s="205">
        <v>3</v>
      </c>
      <c r="X24" s="207">
        <v>3</v>
      </c>
      <c r="Y24" s="208">
        <v>1</v>
      </c>
      <c r="Z24" s="204">
        <v>0</v>
      </c>
      <c r="AA24" s="205">
        <v>1</v>
      </c>
      <c r="AB24" s="206">
        <v>0</v>
      </c>
      <c r="AC24" s="204">
        <v>117</v>
      </c>
      <c r="AD24" s="204">
        <v>85</v>
      </c>
      <c r="AE24" s="204">
        <v>64</v>
      </c>
      <c r="AF24" s="204">
        <v>40</v>
      </c>
      <c r="AG24" s="204">
        <v>23</v>
      </c>
      <c r="AH24" s="205">
        <v>329</v>
      </c>
      <c r="AI24" s="207">
        <v>330</v>
      </c>
    </row>
    <row r="25" spans="2:35" ht="21" customHeight="1" x14ac:dyDescent="0.2">
      <c r="B25" s="92" t="s">
        <v>24</v>
      </c>
      <c r="C25" s="203">
        <v>4</v>
      </c>
      <c r="D25" s="204">
        <v>2</v>
      </c>
      <c r="E25" s="205">
        <v>6</v>
      </c>
      <c r="F25" s="206">
        <v>0</v>
      </c>
      <c r="G25" s="204">
        <v>48</v>
      </c>
      <c r="H25" s="204">
        <v>36</v>
      </c>
      <c r="I25" s="204">
        <v>27</v>
      </c>
      <c r="J25" s="204">
        <v>16</v>
      </c>
      <c r="K25" s="204">
        <v>10</v>
      </c>
      <c r="L25" s="205">
        <v>137</v>
      </c>
      <c r="M25" s="207">
        <v>143</v>
      </c>
      <c r="N25" s="208">
        <v>0</v>
      </c>
      <c r="O25" s="204">
        <v>0</v>
      </c>
      <c r="P25" s="205">
        <v>0</v>
      </c>
      <c r="Q25" s="206">
        <v>0</v>
      </c>
      <c r="R25" s="204">
        <v>0</v>
      </c>
      <c r="S25" s="204">
        <v>0</v>
      </c>
      <c r="T25" s="204">
        <v>0</v>
      </c>
      <c r="U25" s="204">
        <v>0</v>
      </c>
      <c r="V25" s="204">
        <v>0</v>
      </c>
      <c r="W25" s="205">
        <v>0</v>
      </c>
      <c r="X25" s="207">
        <v>0</v>
      </c>
      <c r="Y25" s="208">
        <v>4</v>
      </c>
      <c r="Z25" s="204">
        <v>2</v>
      </c>
      <c r="AA25" s="205">
        <v>6</v>
      </c>
      <c r="AB25" s="206">
        <v>0</v>
      </c>
      <c r="AC25" s="204">
        <v>48</v>
      </c>
      <c r="AD25" s="204">
        <v>36</v>
      </c>
      <c r="AE25" s="204">
        <v>27</v>
      </c>
      <c r="AF25" s="204">
        <v>16</v>
      </c>
      <c r="AG25" s="204">
        <v>10</v>
      </c>
      <c r="AH25" s="205">
        <v>137</v>
      </c>
      <c r="AI25" s="207">
        <v>143</v>
      </c>
    </row>
    <row r="26" spans="2:35" ht="21" customHeight="1" x14ac:dyDescent="0.2">
      <c r="B26" s="92" t="s">
        <v>25</v>
      </c>
      <c r="C26" s="203">
        <v>0</v>
      </c>
      <c r="D26" s="204">
        <v>3</v>
      </c>
      <c r="E26" s="205">
        <v>3</v>
      </c>
      <c r="F26" s="206">
        <v>0</v>
      </c>
      <c r="G26" s="204">
        <v>97</v>
      </c>
      <c r="H26" s="204">
        <v>53</v>
      </c>
      <c r="I26" s="204">
        <v>26</v>
      </c>
      <c r="J26" s="204">
        <v>17</v>
      </c>
      <c r="K26" s="204">
        <v>2</v>
      </c>
      <c r="L26" s="205">
        <v>195</v>
      </c>
      <c r="M26" s="207">
        <v>198</v>
      </c>
      <c r="N26" s="208">
        <v>0</v>
      </c>
      <c r="O26" s="204">
        <v>0</v>
      </c>
      <c r="P26" s="205">
        <v>0</v>
      </c>
      <c r="Q26" s="206">
        <v>0</v>
      </c>
      <c r="R26" s="204">
        <v>0</v>
      </c>
      <c r="S26" s="204">
        <v>1</v>
      </c>
      <c r="T26" s="204">
        <v>1</v>
      </c>
      <c r="U26" s="204">
        <v>1</v>
      </c>
      <c r="V26" s="204">
        <v>0</v>
      </c>
      <c r="W26" s="205">
        <v>3</v>
      </c>
      <c r="X26" s="207">
        <v>3</v>
      </c>
      <c r="Y26" s="208">
        <v>0</v>
      </c>
      <c r="Z26" s="204">
        <v>3</v>
      </c>
      <c r="AA26" s="205">
        <v>3</v>
      </c>
      <c r="AB26" s="206">
        <v>0</v>
      </c>
      <c r="AC26" s="204">
        <v>97</v>
      </c>
      <c r="AD26" s="204">
        <v>54</v>
      </c>
      <c r="AE26" s="204">
        <v>27</v>
      </c>
      <c r="AF26" s="204">
        <v>18</v>
      </c>
      <c r="AG26" s="204">
        <v>2</v>
      </c>
      <c r="AH26" s="205">
        <v>198</v>
      </c>
      <c r="AI26" s="207">
        <v>201</v>
      </c>
    </row>
    <row r="27" spans="2:35" ht="21" customHeight="1" x14ac:dyDescent="0.2">
      <c r="B27" s="92" t="s">
        <v>26</v>
      </c>
      <c r="C27" s="203">
        <v>0</v>
      </c>
      <c r="D27" s="204">
        <v>0</v>
      </c>
      <c r="E27" s="205">
        <v>0</v>
      </c>
      <c r="F27" s="206">
        <v>0</v>
      </c>
      <c r="G27" s="204">
        <v>67</v>
      </c>
      <c r="H27" s="204">
        <v>73</v>
      </c>
      <c r="I27" s="204">
        <v>54</v>
      </c>
      <c r="J27" s="204">
        <v>25</v>
      </c>
      <c r="K27" s="204">
        <v>12</v>
      </c>
      <c r="L27" s="205">
        <v>231</v>
      </c>
      <c r="M27" s="207">
        <v>231</v>
      </c>
      <c r="N27" s="208">
        <v>0</v>
      </c>
      <c r="O27" s="204">
        <v>0</v>
      </c>
      <c r="P27" s="205">
        <v>0</v>
      </c>
      <c r="Q27" s="206">
        <v>0</v>
      </c>
      <c r="R27" s="204">
        <v>0</v>
      </c>
      <c r="S27" s="204">
        <v>0</v>
      </c>
      <c r="T27" s="204">
        <v>0</v>
      </c>
      <c r="U27" s="204">
        <v>0</v>
      </c>
      <c r="V27" s="204">
        <v>0</v>
      </c>
      <c r="W27" s="205">
        <v>0</v>
      </c>
      <c r="X27" s="207">
        <v>0</v>
      </c>
      <c r="Y27" s="208">
        <v>0</v>
      </c>
      <c r="Z27" s="204">
        <v>0</v>
      </c>
      <c r="AA27" s="205">
        <v>0</v>
      </c>
      <c r="AB27" s="206">
        <v>0</v>
      </c>
      <c r="AC27" s="204">
        <v>67</v>
      </c>
      <c r="AD27" s="204">
        <v>73</v>
      </c>
      <c r="AE27" s="204">
        <v>54</v>
      </c>
      <c r="AF27" s="204">
        <v>25</v>
      </c>
      <c r="AG27" s="204">
        <v>12</v>
      </c>
      <c r="AH27" s="205">
        <v>231</v>
      </c>
      <c r="AI27" s="207">
        <v>231</v>
      </c>
    </row>
    <row r="28" spans="2:35" ht="21" customHeight="1" x14ac:dyDescent="0.2">
      <c r="B28" s="92" t="s">
        <v>27</v>
      </c>
      <c r="C28" s="203">
        <v>0</v>
      </c>
      <c r="D28" s="204">
        <v>0</v>
      </c>
      <c r="E28" s="205">
        <v>0</v>
      </c>
      <c r="F28" s="206">
        <v>0</v>
      </c>
      <c r="G28" s="204">
        <v>65</v>
      </c>
      <c r="H28" s="204">
        <v>38</v>
      </c>
      <c r="I28" s="204">
        <v>33</v>
      </c>
      <c r="J28" s="204">
        <v>22</v>
      </c>
      <c r="K28" s="204">
        <v>14</v>
      </c>
      <c r="L28" s="205">
        <v>172</v>
      </c>
      <c r="M28" s="207">
        <v>172</v>
      </c>
      <c r="N28" s="208">
        <v>0</v>
      </c>
      <c r="O28" s="204">
        <v>0</v>
      </c>
      <c r="P28" s="205">
        <v>0</v>
      </c>
      <c r="Q28" s="206">
        <v>0</v>
      </c>
      <c r="R28" s="204">
        <v>1</v>
      </c>
      <c r="S28" s="204">
        <v>0</v>
      </c>
      <c r="T28" s="204">
        <v>1</v>
      </c>
      <c r="U28" s="204">
        <v>0</v>
      </c>
      <c r="V28" s="204">
        <v>0</v>
      </c>
      <c r="W28" s="205">
        <v>2</v>
      </c>
      <c r="X28" s="207">
        <v>2</v>
      </c>
      <c r="Y28" s="208">
        <v>0</v>
      </c>
      <c r="Z28" s="204">
        <v>0</v>
      </c>
      <c r="AA28" s="205">
        <v>0</v>
      </c>
      <c r="AB28" s="206">
        <v>0</v>
      </c>
      <c r="AC28" s="204">
        <v>66</v>
      </c>
      <c r="AD28" s="204">
        <v>38</v>
      </c>
      <c r="AE28" s="204">
        <v>34</v>
      </c>
      <c r="AF28" s="204">
        <v>22</v>
      </c>
      <c r="AG28" s="204">
        <v>14</v>
      </c>
      <c r="AH28" s="205">
        <v>174</v>
      </c>
      <c r="AI28" s="207">
        <v>174</v>
      </c>
    </row>
    <row r="29" spans="2:35" ht="21" customHeight="1" x14ac:dyDescent="0.2">
      <c r="B29" s="92" t="s">
        <v>28</v>
      </c>
      <c r="C29" s="203">
        <v>0</v>
      </c>
      <c r="D29" s="204">
        <v>0</v>
      </c>
      <c r="E29" s="205">
        <v>0</v>
      </c>
      <c r="F29" s="206">
        <v>0</v>
      </c>
      <c r="G29" s="204">
        <v>32</v>
      </c>
      <c r="H29" s="204">
        <v>21</v>
      </c>
      <c r="I29" s="204">
        <v>10</v>
      </c>
      <c r="J29" s="204">
        <v>6</v>
      </c>
      <c r="K29" s="204">
        <v>5</v>
      </c>
      <c r="L29" s="205">
        <v>74</v>
      </c>
      <c r="M29" s="207">
        <v>74</v>
      </c>
      <c r="N29" s="208">
        <v>0</v>
      </c>
      <c r="O29" s="204">
        <v>0</v>
      </c>
      <c r="P29" s="205">
        <v>0</v>
      </c>
      <c r="Q29" s="206">
        <v>0</v>
      </c>
      <c r="R29" s="204">
        <v>0</v>
      </c>
      <c r="S29" s="204">
        <v>0</v>
      </c>
      <c r="T29" s="204">
        <v>1</v>
      </c>
      <c r="U29" s="204">
        <v>0</v>
      </c>
      <c r="V29" s="204">
        <v>1</v>
      </c>
      <c r="W29" s="205">
        <v>2</v>
      </c>
      <c r="X29" s="207">
        <v>2</v>
      </c>
      <c r="Y29" s="208">
        <v>0</v>
      </c>
      <c r="Z29" s="204">
        <v>0</v>
      </c>
      <c r="AA29" s="205">
        <v>0</v>
      </c>
      <c r="AB29" s="206">
        <v>0</v>
      </c>
      <c r="AC29" s="204">
        <v>32</v>
      </c>
      <c r="AD29" s="204">
        <v>21</v>
      </c>
      <c r="AE29" s="204">
        <v>11</v>
      </c>
      <c r="AF29" s="204">
        <v>6</v>
      </c>
      <c r="AG29" s="204">
        <v>6</v>
      </c>
      <c r="AH29" s="205">
        <v>76</v>
      </c>
      <c r="AI29" s="207">
        <v>76</v>
      </c>
    </row>
    <row r="30" spans="2:35" ht="21" customHeight="1" x14ac:dyDescent="0.2">
      <c r="B30" s="92" t="s">
        <v>29</v>
      </c>
      <c r="C30" s="203">
        <v>1</v>
      </c>
      <c r="D30" s="204">
        <v>0</v>
      </c>
      <c r="E30" s="205">
        <v>1</v>
      </c>
      <c r="F30" s="206">
        <v>0</v>
      </c>
      <c r="G30" s="204">
        <v>25</v>
      </c>
      <c r="H30" s="204">
        <v>34</v>
      </c>
      <c r="I30" s="204">
        <v>36</v>
      </c>
      <c r="J30" s="204">
        <v>20</v>
      </c>
      <c r="K30" s="204">
        <v>10</v>
      </c>
      <c r="L30" s="205">
        <v>125</v>
      </c>
      <c r="M30" s="207">
        <v>126</v>
      </c>
      <c r="N30" s="208">
        <v>0</v>
      </c>
      <c r="O30" s="204">
        <v>0</v>
      </c>
      <c r="P30" s="205">
        <v>0</v>
      </c>
      <c r="Q30" s="206">
        <v>0</v>
      </c>
      <c r="R30" s="204">
        <v>0</v>
      </c>
      <c r="S30" s="204">
        <v>1</v>
      </c>
      <c r="T30" s="204">
        <v>0</v>
      </c>
      <c r="U30" s="204">
        <v>0</v>
      </c>
      <c r="V30" s="204">
        <v>0</v>
      </c>
      <c r="W30" s="205">
        <v>1</v>
      </c>
      <c r="X30" s="207">
        <v>1</v>
      </c>
      <c r="Y30" s="208">
        <v>1</v>
      </c>
      <c r="Z30" s="204">
        <v>0</v>
      </c>
      <c r="AA30" s="205">
        <v>1</v>
      </c>
      <c r="AB30" s="206">
        <v>0</v>
      </c>
      <c r="AC30" s="204">
        <v>25</v>
      </c>
      <c r="AD30" s="204">
        <v>35</v>
      </c>
      <c r="AE30" s="204">
        <v>36</v>
      </c>
      <c r="AF30" s="204">
        <v>20</v>
      </c>
      <c r="AG30" s="204">
        <v>10</v>
      </c>
      <c r="AH30" s="205">
        <v>126</v>
      </c>
      <c r="AI30" s="207">
        <v>127</v>
      </c>
    </row>
    <row r="31" spans="2:35" ht="21" customHeight="1" x14ac:dyDescent="0.2">
      <c r="B31" s="92" t="s">
        <v>30</v>
      </c>
      <c r="C31" s="203">
        <v>0</v>
      </c>
      <c r="D31" s="204">
        <v>0</v>
      </c>
      <c r="E31" s="205">
        <v>0</v>
      </c>
      <c r="F31" s="206">
        <v>0</v>
      </c>
      <c r="G31" s="204">
        <v>26</v>
      </c>
      <c r="H31" s="204">
        <v>24</v>
      </c>
      <c r="I31" s="204">
        <v>16</v>
      </c>
      <c r="J31" s="204">
        <v>5</v>
      </c>
      <c r="K31" s="204">
        <v>5</v>
      </c>
      <c r="L31" s="205">
        <v>76</v>
      </c>
      <c r="M31" s="207">
        <v>76</v>
      </c>
      <c r="N31" s="208">
        <v>0</v>
      </c>
      <c r="O31" s="204">
        <v>0</v>
      </c>
      <c r="P31" s="205">
        <v>0</v>
      </c>
      <c r="Q31" s="206">
        <v>0</v>
      </c>
      <c r="R31" s="204">
        <v>1</v>
      </c>
      <c r="S31" s="204">
        <v>1</v>
      </c>
      <c r="T31" s="204">
        <v>0</v>
      </c>
      <c r="U31" s="204">
        <v>0</v>
      </c>
      <c r="V31" s="204">
        <v>0</v>
      </c>
      <c r="W31" s="205">
        <v>2</v>
      </c>
      <c r="X31" s="207">
        <v>2</v>
      </c>
      <c r="Y31" s="208">
        <v>0</v>
      </c>
      <c r="Z31" s="204">
        <v>0</v>
      </c>
      <c r="AA31" s="205">
        <v>0</v>
      </c>
      <c r="AB31" s="206">
        <v>0</v>
      </c>
      <c r="AC31" s="204">
        <v>27</v>
      </c>
      <c r="AD31" s="204">
        <v>25</v>
      </c>
      <c r="AE31" s="204">
        <v>16</v>
      </c>
      <c r="AF31" s="204">
        <v>5</v>
      </c>
      <c r="AG31" s="204">
        <v>5</v>
      </c>
      <c r="AH31" s="205">
        <v>78</v>
      </c>
      <c r="AI31" s="207">
        <v>78</v>
      </c>
    </row>
    <row r="32" spans="2:35" ht="21" customHeight="1" x14ac:dyDescent="0.2">
      <c r="B32" s="92" t="s">
        <v>31</v>
      </c>
      <c r="C32" s="203">
        <v>0</v>
      </c>
      <c r="D32" s="204">
        <v>1</v>
      </c>
      <c r="E32" s="205">
        <v>1</v>
      </c>
      <c r="F32" s="206">
        <v>0</v>
      </c>
      <c r="G32" s="204">
        <v>34</v>
      </c>
      <c r="H32" s="204">
        <v>39</v>
      </c>
      <c r="I32" s="204">
        <v>28</v>
      </c>
      <c r="J32" s="204">
        <v>16</v>
      </c>
      <c r="K32" s="204">
        <v>3</v>
      </c>
      <c r="L32" s="205">
        <v>120</v>
      </c>
      <c r="M32" s="207">
        <v>121</v>
      </c>
      <c r="N32" s="208">
        <v>0</v>
      </c>
      <c r="O32" s="204">
        <v>0</v>
      </c>
      <c r="P32" s="205">
        <v>0</v>
      </c>
      <c r="Q32" s="206">
        <v>0</v>
      </c>
      <c r="R32" s="204">
        <v>0</v>
      </c>
      <c r="S32" s="204">
        <v>0</v>
      </c>
      <c r="T32" s="204">
        <v>0</v>
      </c>
      <c r="U32" s="204">
        <v>0</v>
      </c>
      <c r="V32" s="204">
        <v>0</v>
      </c>
      <c r="W32" s="205">
        <v>0</v>
      </c>
      <c r="X32" s="207">
        <v>0</v>
      </c>
      <c r="Y32" s="208">
        <v>0</v>
      </c>
      <c r="Z32" s="204">
        <v>1</v>
      </c>
      <c r="AA32" s="205">
        <v>1</v>
      </c>
      <c r="AB32" s="206">
        <v>0</v>
      </c>
      <c r="AC32" s="204">
        <v>34</v>
      </c>
      <c r="AD32" s="204">
        <v>39</v>
      </c>
      <c r="AE32" s="204">
        <v>28</v>
      </c>
      <c r="AF32" s="204">
        <v>16</v>
      </c>
      <c r="AG32" s="204">
        <v>3</v>
      </c>
      <c r="AH32" s="205">
        <v>120</v>
      </c>
      <c r="AI32" s="207">
        <v>121</v>
      </c>
    </row>
    <row r="33" spans="2:35" ht="21" customHeight="1" x14ac:dyDescent="0.2">
      <c r="B33" s="92" t="s">
        <v>32</v>
      </c>
      <c r="C33" s="203">
        <v>1</v>
      </c>
      <c r="D33" s="204">
        <v>3</v>
      </c>
      <c r="E33" s="205">
        <v>4</v>
      </c>
      <c r="F33" s="206">
        <v>0</v>
      </c>
      <c r="G33" s="204">
        <v>73</v>
      </c>
      <c r="H33" s="204">
        <v>43</v>
      </c>
      <c r="I33" s="204">
        <v>33</v>
      </c>
      <c r="J33" s="204">
        <v>27</v>
      </c>
      <c r="K33" s="204">
        <v>17</v>
      </c>
      <c r="L33" s="205">
        <v>193</v>
      </c>
      <c r="M33" s="207">
        <v>197</v>
      </c>
      <c r="N33" s="208">
        <v>0</v>
      </c>
      <c r="O33" s="204">
        <v>0</v>
      </c>
      <c r="P33" s="205">
        <v>0</v>
      </c>
      <c r="Q33" s="206">
        <v>0</v>
      </c>
      <c r="R33" s="204">
        <v>0</v>
      </c>
      <c r="S33" s="204">
        <v>0</v>
      </c>
      <c r="T33" s="204">
        <v>1</v>
      </c>
      <c r="U33" s="204">
        <v>0</v>
      </c>
      <c r="V33" s="204">
        <v>0</v>
      </c>
      <c r="W33" s="205">
        <v>1</v>
      </c>
      <c r="X33" s="207">
        <v>1</v>
      </c>
      <c r="Y33" s="208">
        <v>1</v>
      </c>
      <c r="Z33" s="204">
        <v>3</v>
      </c>
      <c r="AA33" s="205">
        <v>4</v>
      </c>
      <c r="AB33" s="206">
        <v>0</v>
      </c>
      <c r="AC33" s="204">
        <v>73</v>
      </c>
      <c r="AD33" s="204">
        <v>43</v>
      </c>
      <c r="AE33" s="204">
        <v>34</v>
      </c>
      <c r="AF33" s="204">
        <v>27</v>
      </c>
      <c r="AG33" s="204">
        <v>17</v>
      </c>
      <c r="AH33" s="205">
        <v>194</v>
      </c>
      <c r="AI33" s="207">
        <v>198</v>
      </c>
    </row>
    <row r="34" spans="2:35" ht="21" customHeight="1" x14ac:dyDescent="0.2">
      <c r="B34" s="92" t="s">
        <v>33</v>
      </c>
      <c r="C34" s="203">
        <v>0</v>
      </c>
      <c r="D34" s="204">
        <v>1</v>
      </c>
      <c r="E34" s="205">
        <v>1</v>
      </c>
      <c r="F34" s="206">
        <v>0</v>
      </c>
      <c r="G34" s="204">
        <v>29</v>
      </c>
      <c r="H34" s="204">
        <v>14</v>
      </c>
      <c r="I34" s="204">
        <v>12</v>
      </c>
      <c r="J34" s="204">
        <v>5</v>
      </c>
      <c r="K34" s="204">
        <v>3</v>
      </c>
      <c r="L34" s="205">
        <v>63</v>
      </c>
      <c r="M34" s="207">
        <v>64</v>
      </c>
      <c r="N34" s="208">
        <v>0</v>
      </c>
      <c r="O34" s="204">
        <v>0</v>
      </c>
      <c r="P34" s="205">
        <v>0</v>
      </c>
      <c r="Q34" s="206">
        <v>0</v>
      </c>
      <c r="R34" s="204">
        <v>0</v>
      </c>
      <c r="S34" s="204">
        <v>0</v>
      </c>
      <c r="T34" s="204">
        <v>0</v>
      </c>
      <c r="U34" s="204">
        <v>0</v>
      </c>
      <c r="V34" s="204">
        <v>0</v>
      </c>
      <c r="W34" s="205">
        <v>0</v>
      </c>
      <c r="X34" s="207">
        <v>0</v>
      </c>
      <c r="Y34" s="208">
        <v>0</v>
      </c>
      <c r="Z34" s="204">
        <v>1</v>
      </c>
      <c r="AA34" s="205">
        <v>1</v>
      </c>
      <c r="AB34" s="206">
        <v>0</v>
      </c>
      <c r="AC34" s="204">
        <v>29</v>
      </c>
      <c r="AD34" s="204">
        <v>14</v>
      </c>
      <c r="AE34" s="204">
        <v>12</v>
      </c>
      <c r="AF34" s="204">
        <v>5</v>
      </c>
      <c r="AG34" s="204">
        <v>3</v>
      </c>
      <c r="AH34" s="205">
        <v>63</v>
      </c>
      <c r="AI34" s="207">
        <v>64</v>
      </c>
    </row>
    <row r="35" spans="2:35" ht="21" customHeight="1" x14ac:dyDescent="0.2">
      <c r="B35" s="92" t="s">
        <v>34</v>
      </c>
      <c r="C35" s="203">
        <v>1</v>
      </c>
      <c r="D35" s="204">
        <v>3</v>
      </c>
      <c r="E35" s="205">
        <v>4</v>
      </c>
      <c r="F35" s="206">
        <v>0</v>
      </c>
      <c r="G35" s="204">
        <v>34</v>
      </c>
      <c r="H35" s="204">
        <v>19</v>
      </c>
      <c r="I35" s="204">
        <v>13</v>
      </c>
      <c r="J35" s="204">
        <v>8</v>
      </c>
      <c r="K35" s="204">
        <v>7</v>
      </c>
      <c r="L35" s="205">
        <v>81</v>
      </c>
      <c r="M35" s="207">
        <v>85</v>
      </c>
      <c r="N35" s="208">
        <v>0</v>
      </c>
      <c r="O35" s="204">
        <v>0</v>
      </c>
      <c r="P35" s="205">
        <v>0</v>
      </c>
      <c r="Q35" s="206">
        <v>0</v>
      </c>
      <c r="R35" s="204">
        <v>0</v>
      </c>
      <c r="S35" s="204">
        <v>0</v>
      </c>
      <c r="T35" s="204">
        <v>0</v>
      </c>
      <c r="U35" s="204">
        <v>0</v>
      </c>
      <c r="V35" s="204">
        <v>1</v>
      </c>
      <c r="W35" s="205">
        <v>1</v>
      </c>
      <c r="X35" s="207">
        <v>1</v>
      </c>
      <c r="Y35" s="208">
        <v>1</v>
      </c>
      <c r="Z35" s="204">
        <v>3</v>
      </c>
      <c r="AA35" s="205">
        <v>4</v>
      </c>
      <c r="AB35" s="206">
        <v>0</v>
      </c>
      <c r="AC35" s="204">
        <v>34</v>
      </c>
      <c r="AD35" s="204">
        <v>19</v>
      </c>
      <c r="AE35" s="204">
        <v>13</v>
      </c>
      <c r="AF35" s="204">
        <v>8</v>
      </c>
      <c r="AG35" s="204">
        <v>8</v>
      </c>
      <c r="AH35" s="205">
        <v>82</v>
      </c>
      <c r="AI35" s="207">
        <v>86</v>
      </c>
    </row>
    <row r="36" spans="2:35" ht="21" customHeight="1" x14ac:dyDescent="0.2">
      <c r="B36" s="92" t="s">
        <v>35</v>
      </c>
      <c r="C36" s="203">
        <v>2</v>
      </c>
      <c r="D36" s="204">
        <v>4</v>
      </c>
      <c r="E36" s="205">
        <v>6</v>
      </c>
      <c r="F36" s="206">
        <v>0</v>
      </c>
      <c r="G36" s="204">
        <v>42</v>
      </c>
      <c r="H36" s="204">
        <v>31</v>
      </c>
      <c r="I36" s="204">
        <v>33</v>
      </c>
      <c r="J36" s="204">
        <v>23</v>
      </c>
      <c r="K36" s="204">
        <v>9</v>
      </c>
      <c r="L36" s="205">
        <v>138</v>
      </c>
      <c r="M36" s="207">
        <v>144</v>
      </c>
      <c r="N36" s="208">
        <v>0</v>
      </c>
      <c r="O36" s="204">
        <v>0</v>
      </c>
      <c r="P36" s="205">
        <v>0</v>
      </c>
      <c r="Q36" s="206">
        <v>0</v>
      </c>
      <c r="R36" s="204">
        <v>0</v>
      </c>
      <c r="S36" s="204">
        <v>0</v>
      </c>
      <c r="T36" s="204">
        <v>0</v>
      </c>
      <c r="U36" s="204">
        <v>1</v>
      </c>
      <c r="V36" s="204">
        <v>0</v>
      </c>
      <c r="W36" s="205">
        <v>1</v>
      </c>
      <c r="X36" s="207">
        <v>1</v>
      </c>
      <c r="Y36" s="208">
        <v>2</v>
      </c>
      <c r="Z36" s="204">
        <v>4</v>
      </c>
      <c r="AA36" s="205">
        <v>6</v>
      </c>
      <c r="AB36" s="206">
        <v>0</v>
      </c>
      <c r="AC36" s="204">
        <v>42</v>
      </c>
      <c r="AD36" s="204">
        <v>31</v>
      </c>
      <c r="AE36" s="204">
        <v>33</v>
      </c>
      <c r="AF36" s="204">
        <v>24</v>
      </c>
      <c r="AG36" s="204">
        <v>9</v>
      </c>
      <c r="AH36" s="205">
        <v>139</v>
      </c>
      <c r="AI36" s="207">
        <v>145</v>
      </c>
    </row>
    <row r="37" spans="2:35" ht="21" customHeight="1" x14ac:dyDescent="0.2">
      <c r="B37" s="92" t="s">
        <v>36</v>
      </c>
      <c r="C37" s="203">
        <v>0</v>
      </c>
      <c r="D37" s="204">
        <v>0</v>
      </c>
      <c r="E37" s="205">
        <v>0</v>
      </c>
      <c r="F37" s="206">
        <v>0</v>
      </c>
      <c r="G37" s="204">
        <v>91</v>
      </c>
      <c r="H37" s="204">
        <v>80</v>
      </c>
      <c r="I37" s="204">
        <v>58</v>
      </c>
      <c r="J37" s="204">
        <v>22</v>
      </c>
      <c r="K37" s="204">
        <v>20</v>
      </c>
      <c r="L37" s="205">
        <v>271</v>
      </c>
      <c r="M37" s="207">
        <v>271</v>
      </c>
      <c r="N37" s="208">
        <v>0</v>
      </c>
      <c r="O37" s="204">
        <v>0</v>
      </c>
      <c r="P37" s="205">
        <v>0</v>
      </c>
      <c r="Q37" s="206">
        <v>0</v>
      </c>
      <c r="R37" s="204">
        <v>0</v>
      </c>
      <c r="S37" s="204">
        <v>0</v>
      </c>
      <c r="T37" s="204">
        <v>2</v>
      </c>
      <c r="U37" s="204">
        <v>1</v>
      </c>
      <c r="V37" s="204">
        <v>2</v>
      </c>
      <c r="W37" s="205">
        <v>5</v>
      </c>
      <c r="X37" s="207">
        <v>5</v>
      </c>
      <c r="Y37" s="208">
        <v>0</v>
      </c>
      <c r="Z37" s="204">
        <v>0</v>
      </c>
      <c r="AA37" s="205">
        <v>0</v>
      </c>
      <c r="AB37" s="206">
        <v>0</v>
      </c>
      <c r="AC37" s="204">
        <v>91</v>
      </c>
      <c r="AD37" s="204">
        <v>80</v>
      </c>
      <c r="AE37" s="204">
        <v>60</v>
      </c>
      <c r="AF37" s="204">
        <v>23</v>
      </c>
      <c r="AG37" s="204">
        <v>22</v>
      </c>
      <c r="AH37" s="205">
        <v>276</v>
      </c>
      <c r="AI37" s="207">
        <v>276</v>
      </c>
    </row>
    <row r="38" spans="2:35" ht="21" customHeight="1" thickBot="1" x14ac:dyDescent="0.25">
      <c r="B38" s="94" t="s">
        <v>37</v>
      </c>
      <c r="C38" s="209">
        <v>0</v>
      </c>
      <c r="D38" s="210">
        <v>0</v>
      </c>
      <c r="E38" s="211">
        <v>0</v>
      </c>
      <c r="F38" s="212">
        <v>0</v>
      </c>
      <c r="G38" s="210">
        <v>14</v>
      </c>
      <c r="H38" s="210">
        <v>11</v>
      </c>
      <c r="I38" s="210">
        <v>8</v>
      </c>
      <c r="J38" s="210">
        <v>9</v>
      </c>
      <c r="K38" s="210">
        <v>4</v>
      </c>
      <c r="L38" s="211">
        <v>46</v>
      </c>
      <c r="M38" s="213">
        <v>46</v>
      </c>
      <c r="N38" s="214">
        <v>0</v>
      </c>
      <c r="O38" s="210">
        <v>0</v>
      </c>
      <c r="P38" s="211">
        <v>0</v>
      </c>
      <c r="Q38" s="212">
        <v>0</v>
      </c>
      <c r="R38" s="210">
        <v>0</v>
      </c>
      <c r="S38" s="210">
        <v>0</v>
      </c>
      <c r="T38" s="210">
        <v>0</v>
      </c>
      <c r="U38" s="210">
        <v>0</v>
      </c>
      <c r="V38" s="210">
        <v>0</v>
      </c>
      <c r="W38" s="211">
        <v>0</v>
      </c>
      <c r="X38" s="213">
        <v>0</v>
      </c>
      <c r="Y38" s="214">
        <v>0</v>
      </c>
      <c r="Z38" s="210">
        <v>0</v>
      </c>
      <c r="AA38" s="211">
        <v>0</v>
      </c>
      <c r="AB38" s="212">
        <v>0</v>
      </c>
      <c r="AC38" s="210">
        <v>14</v>
      </c>
      <c r="AD38" s="210">
        <v>11</v>
      </c>
      <c r="AE38" s="210">
        <v>8</v>
      </c>
      <c r="AF38" s="210">
        <v>9</v>
      </c>
      <c r="AG38" s="210">
        <v>4</v>
      </c>
      <c r="AH38" s="211">
        <v>46</v>
      </c>
      <c r="AI38" s="213">
        <v>46</v>
      </c>
    </row>
    <row r="39" spans="2:35" x14ac:dyDescent="0.2">
      <c r="AA39" s="56"/>
      <c r="AB39" s="56"/>
      <c r="AC39" s="56"/>
      <c r="AD39" s="56"/>
      <c r="AE39" s="56"/>
      <c r="AF39" s="56"/>
      <c r="AG39" s="56"/>
      <c r="AH39" s="56"/>
      <c r="AI39" s="56"/>
    </row>
  </sheetData>
  <mergeCells count="5">
    <mergeCell ref="H1:I1"/>
    <mergeCell ref="K1:L1"/>
    <mergeCell ref="C3:M3"/>
    <mergeCell ref="N3:X3"/>
    <mergeCell ref="Y3:AI3"/>
  </mergeCells>
  <phoneticPr fontId="4"/>
  <pageMargins left="0.35433070866141736" right="0.27559055118110237" top="0.35433070866141736" bottom="0.43307086614173229" header="0.19685039370078741" footer="0.19685039370078741"/>
  <pageSetup paperSize="9" scale="51" orientation="landscape" r:id="rId1"/>
  <headerFooter alignWithMargins="0">
    <oddFooter>&amp;L&amp;20&amp;A&amp;C&amp;P/&amp;N</oddFooter>
  </headerFooter>
  <colBreaks count="1" manualBreakCount="1">
    <brk id="24" max="1048575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CW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4" width="9" style="161"/>
    <col min="5" max="5" width="10.33203125" style="161" customWidth="1"/>
    <col min="6" max="6" width="7.6640625" style="161" customWidth="1"/>
    <col min="7" max="7" width="8.44140625" style="161" customWidth="1"/>
    <col min="8" max="8" width="8.77734375" style="161" customWidth="1"/>
    <col min="9" max="16" width="9" style="161"/>
    <col min="17" max="17" width="7.21875" style="161" customWidth="1"/>
    <col min="18" max="27" width="9" style="161"/>
    <col min="28" max="28" width="7.6640625" style="161" customWidth="1"/>
    <col min="29" max="38" width="9" style="161"/>
    <col min="39" max="39" width="7.6640625" style="161" customWidth="1"/>
    <col min="40" max="49" width="9" style="161"/>
    <col min="50" max="50" width="7.6640625" style="161" customWidth="1"/>
    <col min="51" max="60" width="9" style="161"/>
    <col min="61" max="61" width="7.21875" style="161" customWidth="1"/>
    <col min="62" max="71" width="9" style="161"/>
    <col min="72" max="72" width="7.21875" style="161" customWidth="1"/>
    <col min="73" max="82" width="9" style="161"/>
    <col min="83" max="83" width="7.33203125" style="161" customWidth="1"/>
    <col min="84" max="93" width="9" style="161"/>
    <col min="94" max="94" width="7.44140625" style="161" customWidth="1"/>
    <col min="95" max="16384" width="9" style="161"/>
  </cols>
  <sheetData>
    <row r="1" spans="2:101" ht="24" customHeight="1" x14ac:dyDescent="0.2">
      <c r="B1" s="128" t="s">
        <v>122</v>
      </c>
      <c r="I1" s="441">
        <f>第１表!F2</f>
        <v>7</v>
      </c>
      <c r="J1" s="441"/>
      <c r="K1" s="15">
        <f>第１表!G2</f>
        <v>1</v>
      </c>
      <c r="L1" s="445">
        <f>IF(K1&lt;3,K1+12-2,K1-2)</f>
        <v>11</v>
      </c>
      <c r="M1" s="445"/>
    </row>
    <row r="2" spans="2:101" s="57" customFormat="1" ht="24" customHeight="1" thickBot="1" x14ac:dyDescent="0.25">
      <c r="B2" s="128" t="s">
        <v>129</v>
      </c>
    </row>
    <row r="3" spans="2:101" ht="21" customHeight="1" thickBot="1" x14ac:dyDescent="0.25">
      <c r="B3" s="466"/>
      <c r="C3" s="463" t="s">
        <v>113</v>
      </c>
      <c r="D3" s="464"/>
      <c r="E3" s="464"/>
      <c r="F3" s="464"/>
      <c r="G3" s="464"/>
      <c r="H3" s="464"/>
      <c r="I3" s="464"/>
      <c r="J3" s="464"/>
      <c r="K3" s="464"/>
      <c r="L3" s="464"/>
      <c r="M3" s="465"/>
      <c r="N3" s="463" t="s">
        <v>114</v>
      </c>
      <c r="O3" s="464"/>
      <c r="P3" s="464"/>
      <c r="Q3" s="464"/>
      <c r="R3" s="464"/>
      <c r="S3" s="464"/>
      <c r="T3" s="464"/>
      <c r="U3" s="464"/>
      <c r="V3" s="464"/>
      <c r="W3" s="464"/>
      <c r="X3" s="465"/>
      <c r="Y3" s="463" t="s">
        <v>138</v>
      </c>
      <c r="Z3" s="464"/>
      <c r="AA3" s="464"/>
      <c r="AB3" s="464"/>
      <c r="AC3" s="464"/>
      <c r="AD3" s="464"/>
      <c r="AE3" s="464"/>
      <c r="AF3" s="464"/>
      <c r="AG3" s="464"/>
      <c r="AH3" s="464"/>
      <c r="AI3" s="465"/>
      <c r="AJ3" s="463" t="s">
        <v>90</v>
      </c>
      <c r="AK3" s="464"/>
      <c r="AL3" s="464"/>
      <c r="AM3" s="464"/>
      <c r="AN3" s="464"/>
      <c r="AO3" s="464"/>
      <c r="AP3" s="464"/>
      <c r="AQ3" s="464"/>
      <c r="AR3" s="464"/>
      <c r="AS3" s="464"/>
      <c r="AT3" s="465"/>
      <c r="AU3" s="479" t="s">
        <v>89</v>
      </c>
      <c r="AV3" s="480"/>
      <c r="AW3" s="480"/>
      <c r="AX3" s="480"/>
      <c r="AY3" s="480"/>
      <c r="AZ3" s="480"/>
      <c r="BA3" s="480"/>
      <c r="BB3" s="480"/>
      <c r="BC3" s="480"/>
      <c r="BD3" s="480"/>
      <c r="BE3" s="481"/>
      <c r="BF3" s="479" t="s">
        <v>91</v>
      </c>
      <c r="BG3" s="480"/>
      <c r="BH3" s="480"/>
      <c r="BI3" s="480"/>
      <c r="BJ3" s="480"/>
      <c r="BK3" s="480"/>
      <c r="BL3" s="480"/>
      <c r="BM3" s="480"/>
      <c r="BN3" s="480"/>
      <c r="BO3" s="480"/>
      <c r="BP3" s="481"/>
      <c r="BQ3" s="479" t="s">
        <v>92</v>
      </c>
      <c r="BR3" s="480"/>
      <c r="BS3" s="480"/>
      <c r="BT3" s="480"/>
      <c r="BU3" s="480"/>
      <c r="BV3" s="480"/>
      <c r="BW3" s="480"/>
      <c r="BX3" s="480"/>
      <c r="BY3" s="480"/>
      <c r="BZ3" s="480"/>
      <c r="CA3" s="481"/>
      <c r="CB3" s="479" t="s">
        <v>93</v>
      </c>
      <c r="CC3" s="480"/>
      <c r="CD3" s="480"/>
      <c r="CE3" s="480"/>
      <c r="CF3" s="480"/>
      <c r="CG3" s="480"/>
      <c r="CH3" s="480"/>
      <c r="CI3" s="480"/>
      <c r="CJ3" s="480"/>
      <c r="CK3" s="480"/>
      <c r="CL3" s="481"/>
      <c r="CM3" s="480" t="s">
        <v>137</v>
      </c>
      <c r="CN3" s="480"/>
      <c r="CO3" s="480"/>
      <c r="CP3" s="480"/>
      <c r="CQ3" s="480"/>
      <c r="CR3" s="480"/>
      <c r="CS3" s="480"/>
      <c r="CT3" s="480"/>
      <c r="CU3" s="480"/>
      <c r="CV3" s="480"/>
      <c r="CW3" s="481"/>
    </row>
    <row r="4" spans="2:101" ht="21" customHeight="1" x14ac:dyDescent="0.2">
      <c r="B4" s="467"/>
      <c r="C4" s="471" t="s">
        <v>61</v>
      </c>
      <c r="D4" s="472"/>
      <c r="E4" s="473"/>
      <c r="F4" s="474" t="s">
        <v>62</v>
      </c>
      <c r="G4" s="472"/>
      <c r="H4" s="472"/>
      <c r="I4" s="472"/>
      <c r="J4" s="472"/>
      <c r="K4" s="472"/>
      <c r="L4" s="475"/>
      <c r="M4" s="469" t="s">
        <v>52</v>
      </c>
      <c r="N4" s="471" t="s">
        <v>61</v>
      </c>
      <c r="O4" s="472"/>
      <c r="P4" s="473"/>
      <c r="Q4" s="474" t="s">
        <v>62</v>
      </c>
      <c r="R4" s="472"/>
      <c r="S4" s="472"/>
      <c r="T4" s="472"/>
      <c r="U4" s="472"/>
      <c r="V4" s="472"/>
      <c r="W4" s="473"/>
      <c r="X4" s="469" t="s">
        <v>52</v>
      </c>
      <c r="Y4" s="471" t="s">
        <v>61</v>
      </c>
      <c r="Z4" s="472"/>
      <c r="AA4" s="473"/>
      <c r="AB4" s="474" t="s">
        <v>62</v>
      </c>
      <c r="AC4" s="472"/>
      <c r="AD4" s="472"/>
      <c r="AE4" s="472"/>
      <c r="AF4" s="472"/>
      <c r="AG4" s="472"/>
      <c r="AH4" s="473"/>
      <c r="AI4" s="469" t="s">
        <v>52</v>
      </c>
      <c r="AJ4" s="471" t="s">
        <v>61</v>
      </c>
      <c r="AK4" s="472"/>
      <c r="AL4" s="473"/>
      <c r="AM4" s="474" t="s">
        <v>62</v>
      </c>
      <c r="AN4" s="472"/>
      <c r="AO4" s="472"/>
      <c r="AP4" s="472"/>
      <c r="AQ4" s="472"/>
      <c r="AR4" s="472"/>
      <c r="AS4" s="473"/>
      <c r="AT4" s="469" t="s">
        <v>52</v>
      </c>
      <c r="AU4" s="493" t="s">
        <v>61</v>
      </c>
      <c r="AV4" s="491"/>
      <c r="AW4" s="492"/>
      <c r="AX4" s="490" t="s">
        <v>62</v>
      </c>
      <c r="AY4" s="491"/>
      <c r="AZ4" s="491"/>
      <c r="BA4" s="491"/>
      <c r="BB4" s="491"/>
      <c r="BC4" s="491"/>
      <c r="BD4" s="492"/>
      <c r="BE4" s="488" t="s">
        <v>52</v>
      </c>
      <c r="BF4" s="493" t="s">
        <v>61</v>
      </c>
      <c r="BG4" s="491"/>
      <c r="BH4" s="492"/>
      <c r="BI4" s="490" t="s">
        <v>62</v>
      </c>
      <c r="BJ4" s="491"/>
      <c r="BK4" s="491"/>
      <c r="BL4" s="491"/>
      <c r="BM4" s="491"/>
      <c r="BN4" s="491"/>
      <c r="BO4" s="492"/>
      <c r="BP4" s="488" t="s">
        <v>52</v>
      </c>
      <c r="BQ4" s="493" t="s">
        <v>61</v>
      </c>
      <c r="BR4" s="491"/>
      <c r="BS4" s="492"/>
      <c r="BT4" s="490" t="s">
        <v>62</v>
      </c>
      <c r="BU4" s="491"/>
      <c r="BV4" s="491"/>
      <c r="BW4" s="491"/>
      <c r="BX4" s="491"/>
      <c r="BY4" s="491"/>
      <c r="BZ4" s="492"/>
      <c r="CA4" s="488" t="s">
        <v>52</v>
      </c>
      <c r="CB4" s="493" t="s">
        <v>61</v>
      </c>
      <c r="CC4" s="491"/>
      <c r="CD4" s="492"/>
      <c r="CE4" s="490" t="s">
        <v>62</v>
      </c>
      <c r="CF4" s="491"/>
      <c r="CG4" s="491"/>
      <c r="CH4" s="491"/>
      <c r="CI4" s="491"/>
      <c r="CJ4" s="491"/>
      <c r="CK4" s="492"/>
      <c r="CL4" s="488" t="s">
        <v>52</v>
      </c>
      <c r="CM4" s="493" t="s">
        <v>61</v>
      </c>
      <c r="CN4" s="491"/>
      <c r="CO4" s="492"/>
      <c r="CP4" s="490" t="s">
        <v>62</v>
      </c>
      <c r="CQ4" s="491"/>
      <c r="CR4" s="491"/>
      <c r="CS4" s="491"/>
      <c r="CT4" s="491"/>
      <c r="CU4" s="491"/>
      <c r="CV4" s="492"/>
      <c r="CW4" s="488" t="s">
        <v>52</v>
      </c>
    </row>
    <row r="5" spans="2:101" ht="30" customHeight="1" thickBot="1" x14ac:dyDescent="0.25">
      <c r="B5" s="468"/>
      <c r="C5" s="163" t="s">
        <v>43</v>
      </c>
      <c r="D5" s="168" t="s">
        <v>44</v>
      </c>
      <c r="E5" s="191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7" t="s">
        <v>45</v>
      </c>
      <c r="M5" s="470"/>
      <c r="N5" s="163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  <c r="Y5" s="163" t="s">
        <v>43</v>
      </c>
      <c r="Z5" s="164" t="s">
        <v>44</v>
      </c>
      <c r="AA5" s="168" t="s">
        <v>45</v>
      </c>
      <c r="AB5" s="166" t="s">
        <v>83</v>
      </c>
      <c r="AC5" s="164" t="s">
        <v>47</v>
      </c>
      <c r="AD5" s="164" t="s">
        <v>48</v>
      </c>
      <c r="AE5" s="164" t="s">
        <v>49</v>
      </c>
      <c r="AF5" s="164" t="s">
        <v>50</v>
      </c>
      <c r="AG5" s="164" t="s">
        <v>51</v>
      </c>
      <c r="AH5" s="168" t="s">
        <v>45</v>
      </c>
      <c r="AI5" s="470"/>
      <c r="AJ5" s="163" t="s">
        <v>43</v>
      </c>
      <c r="AK5" s="164" t="s">
        <v>44</v>
      </c>
      <c r="AL5" s="168" t="s">
        <v>45</v>
      </c>
      <c r="AM5" s="166" t="s">
        <v>83</v>
      </c>
      <c r="AN5" s="164" t="s">
        <v>47</v>
      </c>
      <c r="AO5" s="164" t="s">
        <v>48</v>
      </c>
      <c r="AP5" s="164" t="s">
        <v>49</v>
      </c>
      <c r="AQ5" s="164" t="s">
        <v>50</v>
      </c>
      <c r="AR5" s="164" t="s">
        <v>51</v>
      </c>
      <c r="AS5" s="168" t="s">
        <v>45</v>
      </c>
      <c r="AT5" s="470"/>
      <c r="AU5" s="163" t="s">
        <v>43</v>
      </c>
      <c r="AV5" s="164" t="s">
        <v>44</v>
      </c>
      <c r="AW5" s="168" t="s">
        <v>45</v>
      </c>
      <c r="AX5" s="166" t="s">
        <v>83</v>
      </c>
      <c r="AY5" s="164" t="s">
        <v>47</v>
      </c>
      <c r="AZ5" s="164" t="s">
        <v>48</v>
      </c>
      <c r="BA5" s="164" t="s">
        <v>49</v>
      </c>
      <c r="BB5" s="164" t="s">
        <v>50</v>
      </c>
      <c r="BC5" s="164" t="s">
        <v>51</v>
      </c>
      <c r="BD5" s="168" t="s">
        <v>45</v>
      </c>
      <c r="BE5" s="489"/>
      <c r="BF5" s="163" t="s">
        <v>43</v>
      </c>
      <c r="BG5" s="164" t="s">
        <v>44</v>
      </c>
      <c r="BH5" s="168" t="s">
        <v>45</v>
      </c>
      <c r="BI5" s="166" t="s">
        <v>83</v>
      </c>
      <c r="BJ5" s="164" t="s">
        <v>47</v>
      </c>
      <c r="BK5" s="164" t="s">
        <v>48</v>
      </c>
      <c r="BL5" s="164" t="s">
        <v>49</v>
      </c>
      <c r="BM5" s="164" t="s">
        <v>50</v>
      </c>
      <c r="BN5" s="164" t="s">
        <v>51</v>
      </c>
      <c r="BO5" s="168" t="s">
        <v>45</v>
      </c>
      <c r="BP5" s="489"/>
      <c r="BQ5" s="163" t="s">
        <v>43</v>
      </c>
      <c r="BR5" s="164" t="s">
        <v>44</v>
      </c>
      <c r="BS5" s="168" t="s">
        <v>45</v>
      </c>
      <c r="BT5" s="166" t="s">
        <v>83</v>
      </c>
      <c r="BU5" s="164" t="s">
        <v>47</v>
      </c>
      <c r="BV5" s="164" t="s">
        <v>48</v>
      </c>
      <c r="BW5" s="164" t="s">
        <v>49</v>
      </c>
      <c r="BX5" s="164" t="s">
        <v>50</v>
      </c>
      <c r="BY5" s="164" t="s">
        <v>51</v>
      </c>
      <c r="BZ5" s="168" t="s">
        <v>45</v>
      </c>
      <c r="CA5" s="489"/>
      <c r="CB5" s="163" t="s">
        <v>43</v>
      </c>
      <c r="CC5" s="164" t="s">
        <v>44</v>
      </c>
      <c r="CD5" s="168" t="s">
        <v>45</v>
      </c>
      <c r="CE5" s="166" t="s">
        <v>83</v>
      </c>
      <c r="CF5" s="164" t="s">
        <v>47</v>
      </c>
      <c r="CG5" s="164" t="s">
        <v>48</v>
      </c>
      <c r="CH5" s="164" t="s">
        <v>49</v>
      </c>
      <c r="CI5" s="164" t="s">
        <v>50</v>
      </c>
      <c r="CJ5" s="164" t="s">
        <v>51</v>
      </c>
      <c r="CK5" s="168" t="s">
        <v>45</v>
      </c>
      <c r="CL5" s="489"/>
      <c r="CM5" s="163" t="s">
        <v>43</v>
      </c>
      <c r="CN5" s="164" t="s">
        <v>44</v>
      </c>
      <c r="CO5" s="168" t="s">
        <v>45</v>
      </c>
      <c r="CP5" s="166" t="s">
        <v>83</v>
      </c>
      <c r="CQ5" s="164" t="s">
        <v>47</v>
      </c>
      <c r="CR5" s="164" t="s">
        <v>48</v>
      </c>
      <c r="CS5" s="164" t="s">
        <v>49</v>
      </c>
      <c r="CT5" s="164" t="s">
        <v>50</v>
      </c>
      <c r="CU5" s="164" t="s">
        <v>51</v>
      </c>
      <c r="CV5" s="168" t="s">
        <v>45</v>
      </c>
      <c r="CW5" s="489"/>
    </row>
    <row r="6" spans="2:101" ht="21" customHeight="1" x14ac:dyDescent="0.2">
      <c r="B6" s="70" t="s">
        <v>4</v>
      </c>
      <c r="C6" s="169">
        <v>0</v>
      </c>
      <c r="D6" s="175">
        <v>0</v>
      </c>
      <c r="E6" s="192">
        <v>0</v>
      </c>
      <c r="F6" s="172">
        <v>0</v>
      </c>
      <c r="G6" s="170">
        <v>332</v>
      </c>
      <c r="H6" s="170">
        <v>442</v>
      </c>
      <c r="I6" s="170">
        <v>367</v>
      </c>
      <c r="J6" s="170">
        <v>457</v>
      </c>
      <c r="K6" s="170">
        <v>409</v>
      </c>
      <c r="L6" s="173">
        <v>2007</v>
      </c>
      <c r="M6" s="174">
        <v>2007</v>
      </c>
      <c r="N6" s="169">
        <v>0</v>
      </c>
      <c r="O6" s="170">
        <v>0</v>
      </c>
      <c r="P6" s="175">
        <v>0</v>
      </c>
      <c r="Q6" s="172">
        <v>0</v>
      </c>
      <c r="R6" s="170">
        <v>207</v>
      </c>
      <c r="S6" s="170">
        <v>480</v>
      </c>
      <c r="T6" s="170">
        <v>435</v>
      </c>
      <c r="U6" s="170">
        <v>432</v>
      </c>
      <c r="V6" s="170">
        <v>421</v>
      </c>
      <c r="W6" s="175">
        <v>1975</v>
      </c>
      <c r="X6" s="174">
        <v>1975</v>
      </c>
      <c r="Y6" s="169">
        <v>0</v>
      </c>
      <c r="Z6" s="170">
        <v>0</v>
      </c>
      <c r="AA6" s="175">
        <v>0</v>
      </c>
      <c r="AB6" s="172">
        <v>0</v>
      </c>
      <c r="AC6" s="170">
        <v>14875</v>
      </c>
      <c r="AD6" s="170">
        <v>13985</v>
      </c>
      <c r="AE6" s="170">
        <v>6193</v>
      </c>
      <c r="AF6" s="170">
        <v>3058</v>
      </c>
      <c r="AG6" s="170">
        <v>1333</v>
      </c>
      <c r="AH6" s="175">
        <v>39444</v>
      </c>
      <c r="AI6" s="174">
        <v>39444</v>
      </c>
      <c r="AJ6" s="169">
        <v>6</v>
      </c>
      <c r="AK6" s="170">
        <v>8</v>
      </c>
      <c r="AL6" s="175">
        <v>14</v>
      </c>
      <c r="AM6" s="172">
        <v>0</v>
      </c>
      <c r="AN6" s="170">
        <v>832</v>
      </c>
      <c r="AO6" s="170">
        <v>1000</v>
      </c>
      <c r="AP6" s="170">
        <v>1058</v>
      </c>
      <c r="AQ6" s="170">
        <v>554</v>
      </c>
      <c r="AR6" s="170">
        <v>437</v>
      </c>
      <c r="AS6" s="175">
        <v>3881</v>
      </c>
      <c r="AT6" s="174">
        <v>3895</v>
      </c>
      <c r="AU6" s="169">
        <v>172</v>
      </c>
      <c r="AV6" s="170">
        <v>261</v>
      </c>
      <c r="AW6" s="175">
        <v>433</v>
      </c>
      <c r="AX6" s="172">
        <v>0</v>
      </c>
      <c r="AY6" s="170">
        <v>1548</v>
      </c>
      <c r="AZ6" s="170">
        <v>1645</v>
      </c>
      <c r="BA6" s="170">
        <v>1331</v>
      </c>
      <c r="BB6" s="170">
        <v>920</v>
      </c>
      <c r="BC6" s="170">
        <v>545</v>
      </c>
      <c r="BD6" s="175">
        <v>5989</v>
      </c>
      <c r="BE6" s="174">
        <v>6422</v>
      </c>
      <c r="BF6" s="169">
        <v>0</v>
      </c>
      <c r="BG6" s="170">
        <v>36</v>
      </c>
      <c r="BH6" s="175">
        <v>36</v>
      </c>
      <c r="BI6" s="172">
        <v>0</v>
      </c>
      <c r="BJ6" s="170">
        <v>2681</v>
      </c>
      <c r="BK6" s="170">
        <v>3378</v>
      </c>
      <c r="BL6" s="170">
        <v>3720</v>
      </c>
      <c r="BM6" s="170">
        <v>2408</v>
      </c>
      <c r="BN6" s="170">
        <v>1589</v>
      </c>
      <c r="BO6" s="173">
        <v>13776</v>
      </c>
      <c r="BP6" s="174">
        <v>13812</v>
      </c>
      <c r="BQ6" s="169">
        <v>0</v>
      </c>
      <c r="BR6" s="170">
        <v>0</v>
      </c>
      <c r="BS6" s="175">
        <v>0</v>
      </c>
      <c r="BT6" s="172">
        <v>0</v>
      </c>
      <c r="BU6" s="170">
        <v>37</v>
      </c>
      <c r="BV6" s="170">
        <v>42</v>
      </c>
      <c r="BW6" s="170">
        <v>71</v>
      </c>
      <c r="BX6" s="170">
        <v>69</v>
      </c>
      <c r="BY6" s="170">
        <v>51</v>
      </c>
      <c r="BZ6" s="175">
        <v>270</v>
      </c>
      <c r="CA6" s="174">
        <v>270</v>
      </c>
      <c r="CB6" s="169">
        <v>0</v>
      </c>
      <c r="CC6" s="170">
        <v>0</v>
      </c>
      <c r="CD6" s="175">
        <v>0</v>
      </c>
      <c r="CE6" s="172">
        <v>0</v>
      </c>
      <c r="CF6" s="170">
        <v>5</v>
      </c>
      <c r="CG6" s="170">
        <v>27</v>
      </c>
      <c r="CH6" s="170">
        <v>221</v>
      </c>
      <c r="CI6" s="170">
        <v>364</v>
      </c>
      <c r="CJ6" s="170">
        <v>216</v>
      </c>
      <c r="CK6" s="175">
        <v>833</v>
      </c>
      <c r="CL6" s="174">
        <v>833</v>
      </c>
      <c r="CM6" s="169">
        <v>0</v>
      </c>
      <c r="CN6" s="170">
        <v>0</v>
      </c>
      <c r="CO6" s="175">
        <v>0</v>
      </c>
      <c r="CP6" s="172">
        <v>0</v>
      </c>
      <c r="CQ6" s="170">
        <v>233</v>
      </c>
      <c r="CR6" s="170">
        <v>318</v>
      </c>
      <c r="CS6" s="170">
        <v>341</v>
      </c>
      <c r="CT6" s="170">
        <v>435</v>
      </c>
      <c r="CU6" s="170">
        <v>485</v>
      </c>
      <c r="CV6" s="175">
        <v>1812</v>
      </c>
      <c r="CW6" s="174">
        <v>1812</v>
      </c>
    </row>
    <row r="7" spans="2:101" ht="21" customHeight="1" x14ac:dyDescent="0.2">
      <c r="B7" s="81" t="s">
        <v>5</v>
      </c>
      <c r="C7" s="176">
        <v>0</v>
      </c>
      <c r="D7" s="182">
        <v>0</v>
      </c>
      <c r="E7" s="193">
        <v>0</v>
      </c>
      <c r="F7" s="179">
        <v>0</v>
      </c>
      <c r="G7" s="177">
        <v>139</v>
      </c>
      <c r="H7" s="177">
        <v>201</v>
      </c>
      <c r="I7" s="177">
        <v>177</v>
      </c>
      <c r="J7" s="177">
        <v>215</v>
      </c>
      <c r="K7" s="177">
        <v>179</v>
      </c>
      <c r="L7" s="180">
        <v>911</v>
      </c>
      <c r="M7" s="181">
        <v>911</v>
      </c>
      <c r="N7" s="176">
        <v>0</v>
      </c>
      <c r="O7" s="177">
        <v>0</v>
      </c>
      <c r="P7" s="182">
        <v>0</v>
      </c>
      <c r="Q7" s="179">
        <v>0</v>
      </c>
      <c r="R7" s="177">
        <v>115</v>
      </c>
      <c r="S7" s="177">
        <v>363</v>
      </c>
      <c r="T7" s="177">
        <v>322</v>
      </c>
      <c r="U7" s="177">
        <v>323</v>
      </c>
      <c r="V7" s="177">
        <v>317</v>
      </c>
      <c r="W7" s="182">
        <v>1440</v>
      </c>
      <c r="X7" s="181">
        <v>1440</v>
      </c>
      <c r="Y7" s="176">
        <v>0</v>
      </c>
      <c r="Z7" s="177">
        <v>0</v>
      </c>
      <c r="AA7" s="182">
        <v>0</v>
      </c>
      <c r="AB7" s="179">
        <v>0</v>
      </c>
      <c r="AC7" s="177">
        <v>5360</v>
      </c>
      <c r="AD7" s="177">
        <v>6739</v>
      </c>
      <c r="AE7" s="177">
        <v>2884</v>
      </c>
      <c r="AF7" s="177">
        <v>1389</v>
      </c>
      <c r="AG7" s="177">
        <v>624</v>
      </c>
      <c r="AH7" s="182">
        <v>16996</v>
      </c>
      <c r="AI7" s="181">
        <v>16996</v>
      </c>
      <c r="AJ7" s="176">
        <v>3</v>
      </c>
      <c r="AK7" s="177">
        <v>1</v>
      </c>
      <c r="AL7" s="182">
        <v>4</v>
      </c>
      <c r="AM7" s="179">
        <v>0</v>
      </c>
      <c r="AN7" s="177">
        <v>407</v>
      </c>
      <c r="AO7" s="177">
        <v>514</v>
      </c>
      <c r="AP7" s="177">
        <v>543</v>
      </c>
      <c r="AQ7" s="177">
        <v>314</v>
      </c>
      <c r="AR7" s="177">
        <v>237</v>
      </c>
      <c r="AS7" s="182">
        <v>2015</v>
      </c>
      <c r="AT7" s="181">
        <v>2019</v>
      </c>
      <c r="AU7" s="176">
        <v>65</v>
      </c>
      <c r="AV7" s="177">
        <v>110</v>
      </c>
      <c r="AW7" s="182">
        <v>175</v>
      </c>
      <c r="AX7" s="179">
        <v>0</v>
      </c>
      <c r="AY7" s="177">
        <v>585</v>
      </c>
      <c r="AZ7" s="177">
        <v>775</v>
      </c>
      <c r="BA7" s="177">
        <v>543</v>
      </c>
      <c r="BB7" s="177">
        <v>422</v>
      </c>
      <c r="BC7" s="177">
        <v>267</v>
      </c>
      <c r="BD7" s="182">
        <v>2592</v>
      </c>
      <c r="BE7" s="181">
        <v>2767</v>
      </c>
      <c r="BF7" s="176">
        <v>0</v>
      </c>
      <c r="BG7" s="177">
        <v>17</v>
      </c>
      <c r="BH7" s="182">
        <v>17</v>
      </c>
      <c r="BI7" s="179">
        <v>0</v>
      </c>
      <c r="BJ7" s="177">
        <v>1150</v>
      </c>
      <c r="BK7" s="177">
        <v>1451</v>
      </c>
      <c r="BL7" s="177">
        <v>1563</v>
      </c>
      <c r="BM7" s="177">
        <v>1033</v>
      </c>
      <c r="BN7" s="177">
        <v>711</v>
      </c>
      <c r="BO7" s="180">
        <v>5908</v>
      </c>
      <c r="BP7" s="181">
        <v>5925</v>
      </c>
      <c r="BQ7" s="176">
        <v>0</v>
      </c>
      <c r="BR7" s="177">
        <v>0</v>
      </c>
      <c r="BS7" s="182">
        <v>0</v>
      </c>
      <c r="BT7" s="179">
        <v>0</v>
      </c>
      <c r="BU7" s="177">
        <v>1</v>
      </c>
      <c r="BV7" s="177">
        <v>3</v>
      </c>
      <c r="BW7" s="177">
        <v>5</v>
      </c>
      <c r="BX7" s="177">
        <v>1</v>
      </c>
      <c r="BY7" s="177">
        <v>3</v>
      </c>
      <c r="BZ7" s="182">
        <v>13</v>
      </c>
      <c r="CA7" s="181">
        <v>13</v>
      </c>
      <c r="CB7" s="176">
        <v>0</v>
      </c>
      <c r="CC7" s="177">
        <v>0</v>
      </c>
      <c r="CD7" s="182">
        <v>0</v>
      </c>
      <c r="CE7" s="179">
        <v>0</v>
      </c>
      <c r="CF7" s="177">
        <v>3</v>
      </c>
      <c r="CG7" s="177">
        <v>10</v>
      </c>
      <c r="CH7" s="177">
        <v>20</v>
      </c>
      <c r="CI7" s="177">
        <v>44</v>
      </c>
      <c r="CJ7" s="177">
        <v>36</v>
      </c>
      <c r="CK7" s="182">
        <v>113</v>
      </c>
      <c r="CL7" s="181">
        <v>113</v>
      </c>
      <c r="CM7" s="176">
        <v>0</v>
      </c>
      <c r="CN7" s="177">
        <v>0</v>
      </c>
      <c r="CO7" s="182">
        <v>0</v>
      </c>
      <c r="CP7" s="179">
        <v>0</v>
      </c>
      <c r="CQ7" s="177">
        <v>24</v>
      </c>
      <c r="CR7" s="177">
        <v>64</v>
      </c>
      <c r="CS7" s="177">
        <v>59</v>
      </c>
      <c r="CT7" s="177">
        <v>125</v>
      </c>
      <c r="CU7" s="177">
        <v>155</v>
      </c>
      <c r="CV7" s="182">
        <v>427</v>
      </c>
      <c r="CW7" s="181">
        <v>427</v>
      </c>
    </row>
    <row r="8" spans="2:101" ht="21" customHeight="1" x14ac:dyDescent="0.2">
      <c r="B8" s="92" t="s">
        <v>6</v>
      </c>
      <c r="C8" s="176">
        <v>0</v>
      </c>
      <c r="D8" s="182">
        <v>0</v>
      </c>
      <c r="E8" s="193">
        <v>0</v>
      </c>
      <c r="F8" s="179">
        <v>0</v>
      </c>
      <c r="G8" s="177">
        <v>71</v>
      </c>
      <c r="H8" s="177">
        <v>86</v>
      </c>
      <c r="I8" s="177">
        <v>66</v>
      </c>
      <c r="J8" s="177">
        <v>124</v>
      </c>
      <c r="K8" s="177">
        <v>109</v>
      </c>
      <c r="L8" s="180">
        <v>456</v>
      </c>
      <c r="M8" s="181">
        <v>456</v>
      </c>
      <c r="N8" s="176">
        <v>0</v>
      </c>
      <c r="O8" s="177">
        <v>0</v>
      </c>
      <c r="P8" s="182">
        <v>0</v>
      </c>
      <c r="Q8" s="179">
        <v>0</v>
      </c>
      <c r="R8" s="177">
        <v>71</v>
      </c>
      <c r="S8" s="177">
        <v>97</v>
      </c>
      <c r="T8" s="177">
        <v>97</v>
      </c>
      <c r="U8" s="177">
        <v>86</v>
      </c>
      <c r="V8" s="177">
        <v>92</v>
      </c>
      <c r="W8" s="182">
        <v>443</v>
      </c>
      <c r="X8" s="181">
        <v>443</v>
      </c>
      <c r="Y8" s="176">
        <v>0</v>
      </c>
      <c r="Z8" s="177">
        <v>0</v>
      </c>
      <c r="AA8" s="182">
        <v>0</v>
      </c>
      <c r="AB8" s="179">
        <v>0</v>
      </c>
      <c r="AC8" s="177">
        <v>2008</v>
      </c>
      <c r="AD8" s="177">
        <v>1509</v>
      </c>
      <c r="AE8" s="177">
        <v>713</v>
      </c>
      <c r="AF8" s="177">
        <v>393</v>
      </c>
      <c r="AG8" s="177">
        <v>180</v>
      </c>
      <c r="AH8" s="182">
        <v>4803</v>
      </c>
      <c r="AI8" s="181">
        <v>4803</v>
      </c>
      <c r="AJ8" s="176">
        <v>1</v>
      </c>
      <c r="AK8" s="177">
        <v>0</v>
      </c>
      <c r="AL8" s="182">
        <v>1</v>
      </c>
      <c r="AM8" s="179">
        <v>0</v>
      </c>
      <c r="AN8" s="177">
        <v>174</v>
      </c>
      <c r="AO8" s="177">
        <v>223</v>
      </c>
      <c r="AP8" s="177">
        <v>237</v>
      </c>
      <c r="AQ8" s="177">
        <v>115</v>
      </c>
      <c r="AR8" s="177">
        <v>100</v>
      </c>
      <c r="AS8" s="182">
        <v>849</v>
      </c>
      <c r="AT8" s="181">
        <v>850</v>
      </c>
      <c r="AU8" s="176">
        <v>24</v>
      </c>
      <c r="AV8" s="177">
        <v>36</v>
      </c>
      <c r="AW8" s="182">
        <v>60</v>
      </c>
      <c r="AX8" s="179">
        <v>0</v>
      </c>
      <c r="AY8" s="177">
        <v>249</v>
      </c>
      <c r="AZ8" s="177">
        <v>219</v>
      </c>
      <c r="BA8" s="177">
        <v>179</v>
      </c>
      <c r="BB8" s="177">
        <v>112</v>
      </c>
      <c r="BC8" s="177">
        <v>59</v>
      </c>
      <c r="BD8" s="182">
        <v>818</v>
      </c>
      <c r="BE8" s="181">
        <v>878</v>
      </c>
      <c r="BF8" s="176">
        <v>0</v>
      </c>
      <c r="BG8" s="177">
        <v>5</v>
      </c>
      <c r="BH8" s="182">
        <v>5</v>
      </c>
      <c r="BI8" s="179">
        <v>0</v>
      </c>
      <c r="BJ8" s="177">
        <v>489</v>
      </c>
      <c r="BK8" s="177">
        <v>601</v>
      </c>
      <c r="BL8" s="177">
        <v>583</v>
      </c>
      <c r="BM8" s="177">
        <v>370</v>
      </c>
      <c r="BN8" s="177">
        <v>272</v>
      </c>
      <c r="BO8" s="180">
        <v>2315</v>
      </c>
      <c r="BP8" s="181">
        <v>2320</v>
      </c>
      <c r="BQ8" s="176">
        <v>0</v>
      </c>
      <c r="BR8" s="177">
        <v>0</v>
      </c>
      <c r="BS8" s="182">
        <v>0</v>
      </c>
      <c r="BT8" s="179">
        <v>0</v>
      </c>
      <c r="BU8" s="177">
        <v>0</v>
      </c>
      <c r="BV8" s="177">
        <v>0</v>
      </c>
      <c r="BW8" s="177">
        <v>0</v>
      </c>
      <c r="BX8" s="177">
        <v>0</v>
      </c>
      <c r="BY8" s="177">
        <v>0</v>
      </c>
      <c r="BZ8" s="182">
        <v>0</v>
      </c>
      <c r="CA8" s="181">
        <v>0</v>
      </c>
      <c r="CB8" s="176">
        <v>0</v>
      </c>
      <c r="CC8" s="177">
        <v>0</v>
      </c>
      <c r="CD8" s="182">
        <v>0</v>
      </c>
      <c r="CE8" s="179">
        <v>0</v>
      </c>
      <c r="CF8" s="177">
        <v>1</v>
      </c>
      <c r="CG8" s="177">
        <v>11</v>
      </c>
      <c r="CH8" s="177">
        <v>67</v>
      </c>
      <c r="CI8" s="177">
        <v>100</v>
      </c>
      <c r="CJ8" s="177">
        <v>62</v>
      </c>
      <c r="CK8" s="182">
        <v>241</v>
      </c>
      <c r="CL8" s="181">
        <v>241</v>
      </c>
      <c r="CM8" s="176">
        <v>0</v>
      </c>
      <c r="CN8" s="177">
        <v>0</v>
      </c>
      <c r="CO8" s="182">
        <v>0</v>
      </c>
      <c r="CP8" s="179">
        <v>0</v>
      </c>
      <c r="CQ8" s="177">
        <v>80</v>
      </c>
      <c r="CR8" s="177">
        <v>91</v>
      </c>
      <c r="CS8" s="177">
        <v>98</v>
      </c>
      <c r="CT8" s="177">
        <v>83</v>
      </c>
      <c r="CU8" s="177">
        <v>113</v>
      </c>
      <c r="CV8" s="182">
        <v>465</v>
      </c>
      <c r="CW8" s="181">
        <v>465</v>
      </c>
    </row>
    <row r="9" spans="2:101" ht="21" customHeight="1" x14ac:dyDescent="0.2">
      <c r="B9" s="92" t="s">
        <v>14</v>
      </c>
      <c r="C9" s="176">
        <v>0</v>
      </c>
      <c r="D9" s="182">
        <v>0</v>
      </c>
      <c r="E9" s="193">
        <v>0</v>
      </c>
      <c r="F9" s="179">
        <v>0</v>
      </c>
      <c r="G9" s="177">
        <v>29</v>
      </c>
      <c r="H9" s="177">
        <v>52</v>
      </c>
      <c r="I9" s="177">
        <v>36</v>
      </c>
      <c r="J9" s="177">
        <v>41</v>
      </c>
      <c r="K9" s="177">
        <v>44</v>
      </c>
      <c r="L9" s="180">
        <v>202</v>
      </c>
      <c r="M9" s="181">
        <v>202</v>
      </c>
      <c r="N9" s="176">
        <v>0</v>
      </c>
      <c r="O9" s="177">
        <v>0</v>
      </c>
      <c r="P9" s="182">
        <v>0</v>
      </c>
      <c r="Q9" s="179">
        <v>0</v>
      </c>
      <c r="R9" s="177">
        <v>0</v>
      </c>
      <c r="S9" s="177">
        <v>0</v>
      </c>
      <c r="T9" s="177">
        <v>0</v>
      </c>
      <c r="U9" s="177">
        <v>0</v>
      </c>
      <c r="V9" s="177">
        <v>0</v>
      </c>
      <c r="W9" s="182">
        <v>0</v>
      </c>
      <c r="X9" s="181">
        <v>0</v>
      </c>
      <c r="Y9" s="176">
        <v>0</v>
      </c>
      <c r="Z9" s="177">
        <v>0</v>
      </c>
      <c r="AA9" s="182">
        <v>0</v>
      </c>
      <c r="AB9" s="179">
        <v>0</v>
      </c>
      <c r="AC9" s="177">
        <v>1226</v>
      </c>
      <c r="AD9" s="177">
        <v>1266</v>
      </c>
      <c r="AE9" s="177">
        <v>602</v>
      </c>
      <c r="AF9" s="177">
        <v>300</v>
      </c>
      <c r="AG9" s="177">
        <v>115</v>
      </c>
      <c r="AH9" s="182">
        <v>3509</v>
      </c>
      <c r="AI9" s="181">
        <v>3509</v>
      </c>
      <c r="AJ9" s="176">
        <v>0</v>
      </c>
      <c r="AK9" s="177">
        <v>0</v>
      </c>
      <c r="AL9" s="182">
        <v>0</v>
      </c>
      <c r="AM9" s="179">
        <v>0</v>
      </c>
      <c r="AN9" s="177">
        <v>17</v>
      </c>
      <c r="AO9" s="177">
        <v>22</v>
      </c>
      <c r="AP9" s="177">
        <v>25</v>
      </c>
      <c r="AQ9" s="177">
        <v>18</v>
      </c>
      <c r="AR9" s="177">
        <v>17</v>
      </c>
      <c r="AS9" s="182">
        <v>99</v>
      </c>
      <c r="AT9" s="181">
        <v>99</v>
      </c>
      <c r="AU9" s="176">
        <v>17</v>
      </c>
      <c r="AV9" s="177">
        <v>24</v>
      </c>
      <c r="AW9" s="182">
        <v>41</v>
      </c>
      <c r="AX9" s="179">
        <v>0</v>
      </c>
      <c r="AY9" s="177">
        <v>117</v>
      </c>
      <c r="AZ9" s="177">
        <v>146</v>
      </c>
      <c r="BA9" s="177">
        <v>123</v>
      </c>
      <c r="BB9" s="177">
        <v>72</v>
      </c>
      <c r="BC9" s="177">
        <v>39</v>
      </c>
      <c r="BD9" s="182">
        <v>497</v>
      </c>
      <c r="BE9" s="181">
        <v>538</v>
      </c>
      <c r="BF9" s="176">
        <v>0</v>
      </c>
      <c r="BG9" s="177">
        <v>2</v>
      </c>
      <c r="BH9" s="182">
        <v>2</v>
      </c>
      <c r="BI9" s="179">
        <v>0</v>
      </c>
      <c r="BJ9" s="177">
        <v>220</v>
      </c>
      <c r="BK9" s="177">
        <v>309</v>
      </c>
      <c r="BL9" s="177">
        <v>427</v>
      </c>
      <c r="BM9" s="177">
        <v>216</v>
      </c>
      <c r="BN9" s="177">
        <v>124</v>
      </c>
      <c r="BO9" s="180">
        <v>1296</v>
      </c>
      <c r="BP9" s="181">
        <v>1298</v>
      </c>
      <c r="BQ9" s="176">
        <v>0</v>
      </c>
      <c r="BR9" s="177">
        <v>0</v>
      </c>
      <c r="BS9" s="182">
        <v>0</v>
      </c>
      <c r="BT9" s="179">
        <v>0</v>
      </c>
      <c r="BU9" s="177">
        <v>0</v>
      </c>
      <c r="BV9" s="177">
        <v>0</v>
      </c>
      <c r="BW9" s="177">
        <v>0</v>
      </c>
      <c r="BX9" s="177">
        <v>0</v>
      </c>
      <c r="BY9" s="177">
        <v>0</v>
      </c>
      <c r="BZ9" s="182">
        <v>0</v>
      </c>
      <c r="CA9" s="181">
        <v>0</v>
      </c>
      <c r="CB9" s="176">
        <v>0</v>
      </c>
      <c r="CC9" s="177">
        <v>0</v>
      </c>
      <c r="CD9" s="182">
        <v>0</v>
      </c>
      <c r="CE9" s="179">
        <v>0</v>
      </c>
      <c r="CF9" s="177">
        <v>0</v>
      </c>
      <c r="CG9" s="177">
        <v>0</v>
      </c>
      <c r="CH9" s="177">
        <v>13</v>
      </c>
      <c r="CI9" s="177">
        <v>32</v>
      </c>
      <c r="CJ9" s="177">
        <v>10</v>
      </c>
      <c r="CK9" s="182">
        <v>55</v>
      </c>
      <c r="CL9" s="181">
        <v>55</v>
      </c>
      <c r="CM9" s="176">
        <v>0</v>
      </c>
      <c r="CN9" s="177">
        <v>0</v>
      </c>
      <c r="CO9" s="182">
        <v>0</v>
      </c>
      <c r="CP9" s="179">
        <v>0</v>
      </c>
      <c r="CQ9" s="177">
        <v>18</v>
      </c>
      <c r="CR9" s="177">
        <v>36</v>
      </c>
      <c r="CS9" s="177">
        <v>44</v>
      </c>
      <c r="CT9" s="177">
        <v>52</v>
      </c>
      <c r="CU9" s="177">
        <v>40</v>
      </c>
      <c r="CV9" s="182">
        <v>190</v>
      </c>
      <c r="CW9" s="181">
        <v>190</v>
      </c>
    </row>
    <row r="10" spans="2:101" ht="21" customHeight="1" x14ac:dyDescent="0.2">
      <c r="B10" s="92" t="s">
        <v>7</v>
      </c>
      <c r="C10" s="176">
        <v>0</v>
      </c>
      <c r="D10" s="182">
        <v>0</v>
      </c>
      <c r="E10" s="193">
        <v>0</v>
      </c>
      <c r="F10" s="179">
        <v>0</v>
      </c>
      <c r="G10" s="177">
        <v>10</v>
      </c>
      <c r="H10" s="177">
        <v>11</v>
      </c>
      <c r="I10" s="177">
        <v>7</v>
      </c>
      <c r="J10" s="177">
        <v>7</v>
      </c>
      <c r="K10" s="177">
        <v>5</v>
      </c>
      <c r="L10" s="180">
        <v>40</v>
      </c>
      <c r="M10" s="181">
        <v>40</v>
      </c>
      <c r="N10" s="176">
        <v>0</v>
      </c>
      <c r="O10" s="177">
        <v>0</v>
      </c>
      <c r="P10" s="182">
        <v>0</v>
      </c>
      <c r="Q10" s="179">
        <v>0</v>
      </c>
      <c r="R10" s="177">
        <v>0</v>
      </c>
      <c r="S10" s="177">
        <v>0</v>
      </c>
      <c r="T10" s="177">
        <v>0</v>
      </c>
      <c r="U10" s="177">
        <v>0</v>
      </c>
      <c r="V10" s="177">
        <v>0</v>
      </c>
      <c r="W10" s="182">
        <v>0</v>
      </c>
      <c r="X10" s="181">
        <v>0</v>
      </c>
      <c r="Y10" s="176">
        <v>0</v>
      </c>
      <c r="Z10" s="177">
        <v>0</v>
      </c>
      <c r="AA10" s="182">
        <v>0</v>
      </c>
      <c r="AB10" s="179">
        <v>0</v>
      </c>
      <c r="AC10" s="177">
        <v>1251</v>
      </c>
      <c r="AD10" s="177">
        <v>739</v>
      </c>
      <c r="AE10" s="177">
        <v>278</v>
      </c>
      <c r="AF10" s="177">
        <v>122</v>
      </c>
      <c r="AG10" s="177">
        <v>49</v>
      </c>
      <c r="AH10" s="182">
        <v>2439</v>
      </c>
      <c r="AI10" s="181">
        <v>2439</v>
      </c>
      <c r="AJ10" s="176">
        <v>0</v>
      </c>
      <c r="AK10" s="177">
        <v>2</v>
      </c>
      <c r="AL10" s="182">
        <v>2</v>
      </c>
      <c r="AM10" s="179">
        <v>0</v>
      </c>
      <c r="AN10" s="177">
        <v>87</v>
      </c>
      <c r="AO10" s="177">
        <v>98</v>
      </c>
      <c r="AP10" s="177">
        <v>100</v>
      </c>
      <c r="AQ10" s="177">
        <v>28</v>
      </c>
      <c r="AR10" s="177">
        <v>28</v>
      </c>
      <c r="AS10" s="182">
        <v>341</v>
      </c>
      <c r="AT10" s="181">
        <v>343</v>
      </c>
      <c r="AU10" s="176">
        <v>3</v>
      </c>
      <c r="AV10" s="177">
        <v>2</v>
      </c>
      <c r="AW10" s="182">
        <v>5</v>
      </c>
      <c r="AX10" s="179">
        <v>0</v>
      </c>
      <c r="AY10" s="177">
        <v>53</v>
      </c>
      <c r="AZ10" s="177">
        <v>35</v>
      </c>
      <c r="BA10" s="177">
        <v>29</v>
      </c>
      <c r="BB10" s="177">
        <v>25</v>
      </c>
      <c r="BC10" s="177">
        <v>7</v>
      </c>
      <c r="BD10" s="182">
        <v>149</v>
      </c>
      <c r="BE10" s="181">
        <v>154</v>
      </c>
      <c r="BF10" s="176">
        <v>0</v>
      </c>
      <c r="BG10" s="177">
        <v>0</v>
      </c>
      <c r="BH10" s="182">
        <v>0</v>
      </c>
      <c r="BI10" s="179">
        <v>0</v>
      </c>
      <c r="BJ10" s="177">
        <v>145</v>
      </c>
      <c r="BK10" s="177">
        <v>163</v>
      </c>
      <c r="BL10" s="177">
        <v>167</v>
      </c>
      <c r="BM10" s="177">
        <v>126</v>
      </c>
      <c r="BN10" s="177">
        <v>67</v>
      </c>
      <c r="BO10" s="180">
        <v>668</v>
      </c>
      <c r="BP10" s="181">
        <v>668</v>
      </c>
      <c r="BQ10" s="176">
        <v>0</v>
      </c>
      <c r="BR10" s="177">
        <v>0</v>
      </c>
      <c r="BS10" s="182">
        <v>0</v>
      </c>
      <c r="BT10" s="179">
        <v>0</v>
      </c>
      <c r="BU10" s="177">
        <v>0</v>
      </c>
      <c r="BV10" s="177">
        <v>0</v>
      </c>
      <c r="BW10" s="177">
        <v>0</v>
      </c>
      <c r="BX10" s="177">
        <v>0</v>
      </c>
      <c r="BY10" s="177">
        <v>0</v>
      </c>
      <c r="BZ10" s="182">
        <v>0</v>
      </c>
      <c r="CA10" s="181">
        <v>0</v>
      </c>
      <c r="CB10" s="176">
        <v>0</v>
      </c>
      <c r="CC10" s="177">
        <v>0</v>
      </c>
      <c r="CD10" s="182">
        <v>0</v>
      </c>
      <c r="CE10" s="179">
        <v>0</v>
      </c>
      <c r="CF10" s="177">
        <v>0</v>
      </c>
      <c r="CG10" s="177">
        <v>0</v>
      </c>
      <c r="CH10" s="177">
        <v>0</v>
      </c>
      <c r="CI10" s="177">
        <v>0</v>
      </c>
      <c r="CJ10" s="177">
        <v>0</v>
      </c>
      <c r="CK10" s="182">
        <v>0</v>
      </c>
      <c r="CL10" s="181">
        <v>0</v>
      </c>
      <c r="CM10" s="176">
        <v>0</v>
      </c>
      <c r="CN10" s="177">
        <v>0</v>
      </c>
      <c r="CO10" s="182">
        <v>0</v>
      </c>
      <c r="CP10" s="179">
        <v>0</v>
      </c>
      <c r="CQ10" s="177">
        <v>17</v>
      </c>
      <c r="CR10" s="177">
        <v>12</v>
      </c>
      <c r="CS10" s="177">
        <v>13</v>
      </c>
      <c r="CT10" s="177">
        <v>20</v>
      </c>
      <c r="CU10" s="177">
        <v>25</v>
      </c>
      <c r="CV10" s="182">
        <v>87</v>
      </c>
      <c r="CW10" s="181">
        <v>87</v>
      </c>
    </row>
    <row r="11" spans="2:101" ht="21" customHeight="1" x14ac:dyDescent="0.2">
      <c r="B11" s="92" t="s">
        <v>8</v>
      </c>
      <c r="C11" s="176">
        <v>0</v>
      </c>
      <c r="D11" s="182">
        <v>0</v>
      </c>
      <c r="E11" s="193">
        <v>0</v>
      </c>
      <c r="F11" s="179">
        <v>0</v>
      </c>
      <c r="G11" s="177">
        <v>8</v>
      </c>
      <c r="H11" s="177">
        <v>2</v>
      </c>
      <c r="I11" s="177">
        <v>4</v>
      </c>
      <c r="J11" s="177">
        <v>6</v>
      </c>
      <c r="K11" s="177">
        <v>4</v>
      </c>
      <c r="L11" s="180">
        <v>24</v>
      </c>
      <c r="M11" s="181">
        <v>24</v>
      </c>
      <c r="N11" s="176">
        <v>0</v>
      </c>
      <c r="O11" s="177">
        <v>0</v>
      </c>
      <c r="P11" s="182">
        <v>0</v>
      </c>
      <c r="Q11" s="179">
        <v>0</v>
      </c>
      <c r="R11" s="177">
        <v>2</v>
      </c>
      <c r="S11" s="177">
        <v>2</v>
      </c>
      <c r="T11" s="177">
        <v>0</v>
      </c>
      <c r="U11" s="177">
        <v>4</v>
      </c>
      <c r="V11" s="177">
        <v>1</v>
      </c>
      <c r="W11" s="182">
        <v>9</v>
      </c>
      <c r="X11" s="181">
        <v>9</v>
      </c>
      <c r="Y11" s="176">
        <v>0</v>
      </c>
      <c r="Z11" s="177">
        <v>0</v>
      </c>
      <c r="AA11" s="182">
        <v>0</v>
      </c>
      <c r="AB11" s="179">
        <v>0</v>
      </c>
      <c r="AC11" s="177">
        <v>639</v>
      </c>
      <c r="AD11" s="177">
        <v>555</v>
      </c>
      <c r="AE11" s="177">
        <v>217</v>
      </c>
      <c r="AF11" s="177">
        <v>112</v>
      </c>
      <c r="AG11" s="177">
        <v>57</v>
      </c>
      <c r="AH11" s="182">
        <v>1580</v>
      </c>
      <c r="AI11" s="181">
        <v>1580</v>
      </c>
      <c r="AJ11" s="176">
        <v>0</v>
      </c>
      <c r="AK11" s="177">
        <v>0</v>
      </c>
      <c r="AL11" s="182">
        <v>0</v>
      </c>
      <c r="AM11" s="179">
        <v>0</v>
      </c>
      <c r="AN11" s="177">
        <v>9</v>
      </c>
      <c r="AO11" s="177">
        <v>8</v>
      </c>
      <c r="AP11" s="177">
        <v>9</v>
      </c>
      <c r="AQ11" s="177">
        <v>7</v>
      </c>
      <c r="AR11" s="177">
        <v>7</v>
      </c>
      <c r="AS11" s="182">
        <v>40</v>
      </c>
      <c r="AT11" s="181">
        <v>40</v>
      </c>
      <c r="AU11" s="176">
        <v>9</v>
      </c>
      <c r="AV11" s="177">
        <v>14</v>
      </c>
      <c r="AW11" s="182">
        <v>23</v>
      </c>
      <c r="AX11" s="179">
        <v>0</v>
      </c>
      <c r="AY11" s="177">
        <v>64</v>
      </c>
      <c r="AZ11" s="177">
        <v>48</v>
      </c>
      <c r="BA11" s="177">
        <v>42</v>
      </c>
      <c r="BB11" s="177">
        <v>24</v>
      </c>
      <c r="BC11" s="177">
        <v>12</v>
      </c>
      <c r="BD11" s="182">
        <v>190</v>
      </c>
      <c r="BE11" s="181">
        <v>213</v>
      </c>
      <c r="BF11" s="176">
        <v>0</v>
      </c>
      <c r="BG11" s="177">
        <v>0</v>
      </c>
      <c r="BH11" s="182">
        <v>0</v>
      </c>
      <c r="BI11" s="179">
        <v>0</v>
      </c>
      <c r="BJ11" s="177">
        <v>75</v>
      </c>
      <c r="BK11" s="177">
        <v>60</v>
      </c>
      <c r="BL11" s="177">
        <v>98</v>
      </c>
      <c r="BM11" s="177">
        <v>56</v>
      </c>
      <c r="BN11" s="177">
        <v>45</v>
      </c>
      <c r="BO11" s="180">
        <v>334</v>
      </c>
      <c r="BP11" s="181">
        <v>334</v>
      </c>
      <c r="BQ11" s="176">
        <v>0</v>
      </c>
      <c r="BR11" s="177">
        <v>0</v>
      </c>
      <c r="BS11" s="182">
        <v>0</v>
      </c>
      <c r="BT11" s="179">
        <v>0</v>
      </c>
      <c r="BU11" s="177">
        <v>1</v>
      </c>
      <c r="BV11" s="177">
        <v>9</v>
      </c>
      <c r="BW11" s="177">
        <v>15</v>
      </c>
      <c r="BX11" s="177">
        <v>12</v>
      </c>
      <c r="BY11" s="177">
        <v>8</v>
      </c>
      <c r="BZ11" s="182">
        <v>45</v>
      </c>
      <c r="CA11" s="181">
        <v>45</v>
      </c>
      <c r="CB11" s="176">
        <v>0</v>
      </c>
      <c r="CC11" s="177">
        <v>0</v>
      </c>
      <c r="CD11" s="182">
        <v>0</v>
      </c>
      <c r="CE11" s="179">
        <v>0</v>
      </c>
      <c r="CF11" s="177">
        <v>0</v>
      </c>
      <c r="CG11" s="177">
        <v>0</v>
      </c>
      <c r="CH11" s="177">
        <v>12</v>
      </c>
      <c r="CI11" s="177">
        <v>24</v>
      </c>
      <c r="CJ11" s="177">
        <v>4</v>
      </c>
      <c r="CK11" s="182">
        <v>40</v>
      </c>
      <c r="CL11" s="181">
        <v>40</v>
      </c>
      <c r="CM11" s="176">
        <v>0</v>
      </c>
      <c r="CN11" s="177">
        <v>0</v>
      </c>
      <c r="CO11" s="182">
        <v>0</v>
      </c>
      <c r="CP11" s="179">
        <v>0</v>
      </c>
      <c r="CQ11" s="177">
        <v>13</v>
      </c>
      <c r="CR11" s="177">
        <v>16</v>
      </c>
      <c r="CS11" s="177">
        <v>19</v>
      </c>
      <c r="CT11" s="177">
        <v>18</v>
      </c>
      <c r="CU11" s="177">
        <v>8</v>
      </c>
      <c r="CV11" s="182">
        <v>74</v>
      </c>
      <c r="CW11" s="181">
        <v>74</v>
      </c>
    </row>
    <row r="12" spans="2:101" ht="21" customHeight="1" x14ac:dyDescent="0.2">
      <c r="B12" s="92" t="s">
        <v>9</v>
      </c>
      <c r="C12" s="176">
        <v>0</v>
      </c>
      <c r="D12" s="182">
        <v>0</v>
      </c>
      <c r="E12" s="193">
        <v>0</v>
      </c>
      <c r="F12" s="179">
        <v>0</v>
      </c>
      <c r="G12" s="177">
        <v>1</v>
      </c>
      <c r="H12" s="177">
        <v>3</v>
      </c>
      <c r="I12" s="177">
        <v>3</v>
      </c>
      <c r="J12" s="177">
        <v>5</v>
      </c>
      <c r="K12" s="177">
        <v>5</v>
      </c>
      <c r="L12" s="180">
        <v>17</v>
      </c>
      <c r="M12" s="181">
        <v>17</v>
      </c>
      <c r="N12" s="176">
        <v>0</v>
      </c>
      <c r="O12" s="177">
        <v>0</v>
      </c>
      <c r="P12" s="182">
        <v>0</v>
      </c>
      <c r="Q12" s="179">
        <v>0</v>
      </c>
      <c r="R12" s="177">
        <v>0</v>
      </c>
      <c r="S12" s="177">
        <v>0</v>
      </c>
      <c r="T12" s="177">
        <v>0</v>
      </c>
      <c r="U12" s="177">
        <v>0</v>
      </c>
      <c r="V12" s="177">
        <v>0</v>
      </c>
      <c r="W12" s="182">
        <v>0</v>
      </c>
      <c r="X12" s="181">
        <v>0</v>
      </c>
      <c r="Y12" s="176">
        <v>0</v>
      </c>
      <c r="Z12" s="177">
        <v>0</v>
      </c>
      <c r="AA12" s="182">
        <v>0</v>
      </c>
      <c r="AB12" s="179">
        <v>0</v>
      </c>
      <c r="AC12" s="177">
        <v>460</v>
      </c>
      <c r="AD12" s="177">
        <v>322</v>
      </c>
      <c r="AE12" s="177">
        <v>141</v>
      </c>
      <c r="AF12" s="177">
        <v>95</v>
      </c>
      <c r="AG12" s="177">
        <v>32</v>
      </c>
      <c r="AH12" s="182">
        <v>1050</v>
      </c>
      <c r="AI12" s="181">
        <v>1050</v>
      </c>
      <c r="AJ12" s="176">
        <v>0</v>
      </c>
      <c r="AK12" s="177">
        <v>0</v>
      </c>
      <c r="AL12" s="182">
        <v>0</v>
      </c>
      <c r="AM12" s="179">
        <v>0</v>
      </c>
      <c r="AN12" s="177">
        <v>8</v>
      </c>
      <c r="AO12" s="177">
        <v>7</v>
      </c>
      <c r="AP12" s="177">
        <v>11</v>
      </c>
      <c r="AQ12" s="177">
        <v>1</v>
      </c>
      <c r="AR12" s="177">
        <v>3</v>
      </c>
      <c r="AS12" s="182">
        <v>30</v>
      </c>
      <c r="AT12" s="181">
        <v>30</v>
      </c>
      <c r="AU12" s="176">
        <v>5</v>
      </c>
      <c r="AV12" s="177">
        <v>3</v>
      </c>
      <c r="AW12" s="182">
        <v>8</v>
      </c>
      <c r="AX12" s="179">
        <v>0</v>
      </c>
      <c r="AY12" s="177">
        <v>38</v>
      </c>
      <c r="AZ12" s="177">
        <v>32</v>
      </c>
      <c r="BA12" s="177">
        <v>24</v>
      </c>
      <c r="BB12" s="177">
        <v>25</v>
      </c>
      <c r="BC12" s="177">
        <v>15</v>
      </c>
      <c r="BD12" s="182">
        <v>134</v>
      </c>
      <c r="BE12" s="181">
        <v>142</v>
      </c>
      <c r="BF12" s="176">
        <v>0</v>
      </c>
      <c r="BG12" s="177">
        <v>0</v>
      </c>
      <c r="BH12" s="182">
        <v>0</v>
      </c>
      <c r="BI12" s="179">
        <v>0</v>
      </c>
      <c r="BJ12" s="177">
        <v>38</v>
      </c>
      <c r="BK12" s="177">
        <v>55</v>
      </c>
      <c r="BL12" s="177">
        <v>80</v>
      </c>
      <c r="BM12" s="177">
        <v>69</v>
      </c>
      <c r="BN12" s="177">
        <v>30</v>
      </c>
      <c r="BO12" s="180">
        <v>272</v>
      </c>
      <c r="BP12" s="181">
        <v>272</v>
      </c>
      <c r="BQ12" s="176">
        <v>0</v>
      </c>
      <c r="BR12" s="177">
        <v>0</v>
      </c>
      <c r="BS12" s="182">
        <v>0</v>
      </c>
      <c r="BT12" s="179">
        <v>0</v>
      </c>
      <c r="BU12" s="177">
        <v>1</v>
      </c>
      <c r="BV12" s="177">
        <v>4</v>
      </c>
      <c r="BW12" s="177">
        <v>7</v>
      </c>
      <c r="BX12" s="177">
        <v>8</v>
      </c>
      <c r="BY12" s="177">
        <v>4</v>
      </c>
      <c r="BZ12" s="182">
        <v>24</v>
      </c>
      <c r="CA12" s="181">
        <v>24</v>
      </c>
      <c r="CB12" s="176">
        <v>0</v>
      </c>
      <c r="CC12" s="177">
        <v>0</v>
      </c>
      <c r="CD12" s="182">
        <v>0</v>
      </c>
      <c r="CE12" s="179">
        <v>0</v>
      </c>
      <c r="CF12" s="177">
        <v>0</v>
      </c>
      <c r="CG12" s="177">
        <v>0</v>
      </c>
      <c r="CH12" s="177">
        <v>0</v>
      </c>
      <c r="CI12" s="177">
        <v>0</v>
      </c>
      <c r="CJ12" s="177">
        <v>1</v>
      </c>
      <c r="CK12" s="182">
        <v>1</v>
      </c>
      <c r="CL12" s="181">
        <v>1</v>
      </c>
      <c r="CM12" s="176">
        <v>0</v>
      </c>
      <c r="CN12" s="177">
        <v>0</v>
      </c>
      <c r="CO12" s="182">
        <v>0</v>
      </c>
      <c r="CP12" s="179">
        <v>0</v>
      </c>
      <c r="CQ12" s="177">
        <v>5</v>
      </c>
      <c r="CR12" s="177">
        <v>6</v>
      </c>
      <c r="CS12" s="177">
        <v>6</v>
      </c>
      <c r="CT12" s="177">
        <v>13</v>
      </c>
      <c r="CU12" s="177">
        <v>14</v>
      </c>
      <c r="CV12" s="182">
        <v>44</v>
      </c>
      <c r="CW12" s="181">
        <v>44</v>
      </c>
    </row>
    <row r="13" spans="2:101" ht="21" customHeight="1" x14ac:dyDescent="0.2">
      <c r="B13" s="92" t="s">
        <v>10</v>
      </c>
      <c r="C13" s="176">
        <v>0</v>
      </c>
      <c r="D13" s="182">
        <v>0</v>
      </c>
      <c r="E13" s="193">
        <v>0</v>
      </c>
      <c r="F13" s="179">
        <v>0</v>
      </c>
      <c r="G13" s="177">
        <v>18</v>
      </c>
      <c r="H13" s="177">
        <v>14</v>
      </c>
      <c r="I13" s="177">
        <v>10</v>
      </c>
      <c r="J13" s="177">
        <v>9</v>
      </c>
      <c r="K13" s="177">
        <v>12</v>
      </c>
      <c r="L13" s="180">
        <v>63</v>
      </c>
      <c r="M13" s="181">
        <v>63</v>
      </c>
      <c r="N13" s="176">
        <v>0</v>
      </c>
      <c r="O13" s="177">
        <v>0</v>
      </c>
      <c r="P13" s="182">
        <v>0</v>
      </c>
      <c r="Q13" s="179">
        <v>0</v>
      </c>
      <c r="R13" s="177">
        <v>8</v>
      </c>
      <c r="S13" s="177">
        <v>3</v>
      </c>
      <c r="T13" s="177">
        <v>6</v>
      </c>
      <c r="U13" s="177">
        <v>4</v>
      </c>
      <c r="V13" s="177">
        <v>4</v>
      </c>
      <c r="W13" s="182">
        <v>25</v>
      </c>
      <c r="X13" s="181">
        <v>25</v>
      </c>
      <c r="Y13" s="176">
        <v>0</v>
      </c>
      <c r="Z13" s="177">
        <v>0</v>
      </c>
      <c r="AA13" s="182">
        <v>0</v>
      </c>
      <c r="AB13" s="179">
        <v>0</v>
      </c>
      <c r="AC13" s="177">
        <v>607</v>
      </c>
      <c r="AD13" s="177">
        <v>255</v>
      </c>
      <c r="AE13" s="177">
        <v>126</v>
      </c>
      <c r="AF13" s="177">
        <v>63</v>
      </c>
      <c r="AG13" s="177">
        <v>17</v>
      </c>
      <c r="AH13" s="182">
        <v>1068</v>
      </c>
      <c r="AI13" s="181">
        <v>1068</v>
      </c>
      <c r="AJ13" s="176">
        <v>0</v>
      </c>
      <c r="AK13" s="177">
        <v>1</v>
      </c>
      <c r="AL13" s="182">
        <v>1</v>
      </c>
      <c r="AM13" s="179">
        <v>0</v>
      </c>
      <c r="AN13" s="177">
        <v>11</v>
      </c>
      <c r="AO13" s="177">
        <v>15</v>
      </c>
      <c r="AP13" s="177">
        <v>19</v>
      </c>
      <c r="AQ13" s="177">
        <v>15</v>
      </c>
      <c r="AR13" s="177">
        <v>7</v>
      </c>
      <c r="AS13" s="182">
        <v>67</v>
      </c>
      <c r="AT13" s="181">
        <v>68</v>
      </c>
      <c r="AU13" s="176">
        <v>11</v>
      </c>
      <c r="AV13" s="177">
        <v>17</v>
      </c>
      <c r="AW13" s="182">
        <v>28</v>
      </c>
      <c r="AX13" s="179">
        <v>0</v>
      </c>
      <c r="AY13" s="177">
        <v>89</v>
      </c>
      <c r="AZ13" s="177">
        <v>59</v>
      </c>
      <c r="BA13" s="177">
        <v>55</v>
      </c>
      <c r="BB13" s="177">
        <v>47</v>
      </c>
      <c r="BC13" s="177">
        <v>42</v>
      </c>
      <c r="BD13" s="182">
        <v>292</v>
      </c>
      <c r="BE13" s="181">
        <v>320</v>
      </c>
      <c r="BF13" s="176">
        <v>0</v>
      </c>
      <c r="BG13" s="177">
        <v>2</v>
      </c>
      <c r="BH13" s="182">
        <v>2</v>
      </c>
      <c r="BI13" s="179">
        <v>0</v>
      </c>
      <c r="BJ13" s="177">
        <v>115</v>
      </c>
      <c r="BK13" s="177">
        <v>122</v>
      </c>
      <c r="BL13" s="177">
        <v>126</v>
      </c>
      <c r="BM13" s="177">
        <v>86</v>
      </c>
      <c r="BN13" s="177">
        <v>78</v>
      </c>
      <c r="BO13" s="180">
        <v>527</v>
      </c>
      <c r="BP13" s="181">
        <v>529</v>
      </c>
      <c r="BQ13" s="176">
        <v>0</v>
      </c>
      <c r="BR13" s="177">
        <v>0</v>
      </c>
      <c r="BS13" s="182">
        <v>0</v>
      </c>
      <c r="BT13" s="179">
        <v>0</v>
      </c>
      <c r="BU13" s="177">
        <v>31</v>
      </c>
      <c r="BV13" s="177">
        <v>19</v>
      </c>
      <c r="BW13" s="177">
        <v>32</v>
      </c>
      <c r="BX13" s="177">
        <v>31</v>
      </c>
      <c r="BY13" s="177">
        <v>30</v>
      </c>
      <c r="BZ13" s="182">
        <v>143</v>
      </c>
      <c r="CA13" s="181">
        <v>143</v>
      </c>
      <c r="CB13" s="176">
        <v>0</v>
      </c>
      <c r="CC13" s="177">
        <v>0</v>
      </c>
      <c r="CD13" s="182">
        <v>0</v>
      </c>
      <c r="CE13" s="179">
        <v>0</v>
      </c>
      <c r="CF13" s="177">
        <v>0</v>
      </c>
      <c r="CG13" s="177">
        <v>1</v>
      </c>
      <c r="CH13" s="177">
        <v>4</v>
      </c>
      <c r="CI13" s="177">
        <v>19</v>
      </c>
      <c r="CJ13" s="177">
        <v>16</v>
      </c>
      <c r="CK13" s="182">
        <v>40</v>
      </c>
      <c r="CL13" s="181">
        <v>40</v>
      </c>
      <c r="CM13" s="176">
        <v>0</v>
      </c>
      <c r="CN13" s="177">
        <v>0</v>
      </c>
      <c r="CO13" s="182">
        <v>0</v>
      </c>
      <c r="CP13" s="179">
        <v>0</v>
      </c>
      <c r="CQ13" s="177">
        <v>30</v>
      </c>
      <c r="CR13" s="177">
        <v>29</v>
      </c>
      <c r="CS13" s="177">
        <v>20</v>
      </c>
      <c r="CT13" s="177">
        <v>48</v>
      </c>
      <c r="CU13" s="177">
        <v>32</v>
      </c>
      <c r="CV13" s="182">
        <v>159</v>
      </c>
      <c r="CW13" s="181">
        <v>159</v>
      </c>
    </row>
    <row r="14" spans="2:101" ht="21" customHeight="1" x14ac:dyDescent="0.2">
      <c r="B14" s="92" t="s">
        <v>11</v>
      </c>
      <c r="C14" s="176">
        <v>0</v>
      </c>
      <c r="D14" s="182">
        <v>0</v>
      </c>
      <c r="E14" s="193">
        <v>0</v>
      </c>
      <c r="F14" s="179">
        <v>0</v>
      </c>
      <c r="G14" s="177">
        <v>9</v>
      </c>
      <c r="H14" s="177">
        <v>12</v>
      </c>
      <c r="I14" s="177">
        <v>8</v>
      </c>
      <c r="J14" s="177">
        <v>8</v>
      </c>
      <c r="K14" s="177">
        <v>7</v>
      </c>
      <c r="L14" s="180">
        <v>44</v>
      </c>
      <c r="M14" s="181">
        <v>44</v>
      </c>
      <c r="N14" s="176">
        <v>0</v>
      </c>
      <c r="O14" s="177">
        <v>0</v>
      </c>
      <c r="P14" s="182">
        <v>0</v>
      </c>
      <c r="Q14" s="179">
        <v>0</v>
      </c>
      <c r="R14" s="177">
        <v>10</v>
      </c>
      <c r="S14" s="177">
        <v>11</v>
      </c>
      <c r="T14" s="177">
        <v>5</v>
      </c>
      <c r="U14" s="177">
        <v>11</v>
      </c>
      <c r="V14" s="177">
        <v>5</v>
      </c>
      <c r="W14" s="182">
        <v>42</v>
      </c>
      <c r="X14" s="181">
        <v>42</v>
      </c>
      <c r="Y14" s="176">
        <v>0</v>
      </c>
      <c r="Z14" s="177">
        <v>0</v>
      </c>
      <c r="AA14" s="182">
        <v>0</v>
      </c>
      <c r="AB14" s="179">
        <v>0</v>
      </c>
      <c r="AC14" s="177">
        <v>514</v>
      </c>
      <c r="AD14" s="177">
        <v>298</v>
      </c>
      <c r="AE14" s="177">
        <v>175</v>
      </c>
      <c r="AF14" s="177">
        <v>80</v>
      </c>
      <c r="AG14" s="177">
        <v>32</v>
      </c>
      <c r="AH14" s="182">
        <v>1099</v>
      </c>
      <c r="AI14" s="181">
        <v>1099</v>
      </c>
      <c r="AJ14" s="176">
        <v>0</v>
      </c>
      <c r="AK14" s="177">
        <v>0</v>
      </c>
      <c r="AL14" s="182">
        <v>0</v>
      </c>
      <c r="AM14" s="179">
        <v>0</v>
      </c>
      <c r="AN14" s="177">
        <v>24</v>
      </c>
      <c r="AO14" s="177">
        <v>18</v>
      </c>
      <c r="AP14" s="177">
        <v>12</v>
      </c>
      <c r="AQ14" s="177">
        <v>3</v>
      </c>
      <c r="AR14" s="177">
        <v>3</v>
      </c>
      <c r="AS14" s="182">
        <v>60</v>
      </c>
      <c r="AT14" s="181">
        <v>60</v>
      </c>
      <c r="AU14" s="176">
        <v>3</v>
      </c>
      <c r="AV14" s="177">
        <v>3</v>
      </c>
      <c r="AW14" s="182">
        <v>6</v>
      </c>
      <c r="AX14" s="179">
        <v>0</v>
      </c>
      <c r="AY14" s="177">
        <v>39</v>
      </c>
      <c r="AZ14" s="177">
        <v>39</v>
      </c>
      <c r="BA14" s="177">
        <v>33</v>
      </c>
      <c r="BB14" s="177">
        <v>24</v>
      </c>
      <c r="BC14" s="177">
        <v>8</v>
      </c>
      <c r="BD14" s="182">
        <v>143</v>
      </c>
      <c r="BE14" s="181">
        <v>149</v>
      </c>
      <c r="BF14" s="176">
        <v>0</v>
      </c>
      <c r="BG14" s="177">
        <v>2</v>
      </c>
      <c r="BH14" s="182">
        <v>2</v>
      </c>
      <c r="BI14" s="179">
        <v>0</v>
      </c>
      <c r="BJ14" s="177">
        <v>58</v>
      </c>
      <c r="BK14" s="177">
        <v>78</v>
      </c>
      <c r="BL14" s="177">
        <v>81</v>
      </c>
      <c r="BM14" s="177">
        <v>65</v>
      </c>
      <c r="BN14" s="177">
        <v>21</v>
      </c>
      <c r="BO14" s="180">
        <v>303</v>
      </c>
      <c r="BP14" s="181">
        <v>305</v>
      </c>
      <c r="BQ14" s="176">
        <v>0</v>
      </c>
      <c r="BR14" s="177">
        <v>0</v>
      </c>
      <c r="BS14" s="182">
        <v>0</v>
      </c>
      <c r="BT14" s="179">
        <v>0</v>
      </c>
      <c r="BU14" s="177">
        <v>0</v>
      </c>
      <c r="BV14" s="177">
        <v>0</v>
      </c>
      <c r="BW14" s="177">
        <v>0</v>
      </c>
      <c r="BX14" s="177">
        <v>0</v>
      </c>
      <c r="BY14" s="177">
        <v>0</v>
      </c>
      <c r="BZ14" s="182">
        <v>0</v>
      </c>
      <c r="CA14" s="181">
        <v>0</v>
      </c>
      <c r="CB14" s="176">
        <v>0</v>
      </c>
      <c r="CC14" s="177">
        <v>0</v>
      </c>
      <c r="CD14" s="182">
        <v>0</v>
      </c>
      <c r="CE14" s="179">
        <v>0</v>
      </c>
      <c r="CF14" s="177">
        <v>0</v>
      </c>
      <c r="CG14" s="177">
        <v>0</v>
      </c>
      <c r="CH14" s="177">
        <v>0</v>
      </c>
      <c r="CI14" s="177">
        <v>2</v>
      </c>
      <c r="CJ14" s="177">
        <v>0</v>
      </c>
      <c r="CK14" s="182">
        <v>2</v>
      </c>
      <c r="CL14" s="181">
        <v>2</v>
      </c>
      <c r="CM14" s="176">
        <v>0</v>
      </c>
      <c r="CN14" s="177">
        <v>0</v>
      </c>
      <c r="CO14" s="182">
        <v>0</v>
      </c>
      <c r="CP14" s="179">
        <v>0</v>
      </c>
      <c r="CQ14" s="177">
        <v>12</v>
      </c>
      <c r="CR14" s="177">
        <v>7</v>
      </c>
      <c r="CS14" s="177">
        <v>9</v>
      </c>
      <c r="CT14" s="177">
        <v>10</v>
      </c>
      <c r="CU14" s="177">
        <v>8</v>
      </c>
      <c r="CV14" s="182">
        <v>46</v>
      </c>
      <c r="CW14" s="181">
        <v>46</v>
      </c>
    </row>
    <row r="15" spans="2:101" ht="21" customHeight="1" x14ac:dyDescent="0.2">
      <c r="B15" s="92" t="s">
        <v>12</v>
      </c>
      <c r="C15" s="176">
        <v>0</v>
      </c>
      <c r="D15" s="182">
        <v>0</v>
      </c>
      <c r="E15" s="193">
        <v>0</v>
      </c>
      <c r="F15" s="179">
        <v>0</v>
      </c>
      <c r="G15" s="177">
        <v>9</v>
      </c>
      <c r="H15" s="177">
        <v>4</v>
      </c>
      <c r="I15" s="177">
        <v>4</v>
      </c>
      <c r="J15" s="177">
        <v>5</v>
      </c>
      <c r="K15" s="177">
        <v>5</v>
      </c>
      <c r="L15" s="180">
        <v>27</v>
      </c>
      <c r="M15" s="181">
        <v>27</v>
      </c>
      <c r="N15" s="176">
        <v>0</v>
      </c>
      <c r="O15" s="177">
        <v>0</v>
      </c>
      <c r="P15" s="182">
        <v>0</v>
      </c>
      <c r="Q15" s="179">
        <v>0</v>
      </c>
      <c r="R15" s="177">
        <v>0</v>
      </c>
      <c r="S15" s="177">
        <v>0</v>
      </c>
      <c r="T15" s="177">
        <v>0</v>
      </c>
      <c r="U15" s="177">
        <v>0</v>
      </c>
      <c r="V15" s="177">
        <v>0</v>
      </c>
      <c r="W15" s="182">
        <v>0</v>
      </c>
      <c r="X15" s="181">
        <v>0</v>
      </c>
      <c r="Y15" s="176">
        <v>0</v>
      </c>
      <c r="Z15" s="177">
        <v>0</v>
      </c>
      <c r="AA15" s="182">
        <v>0</v>
      </c>
      <c r="AB15" s="179">
        <v>0</v>
      </c>
      <c r="AC15" s="177">
        <v>380</v>
      </c>
      <c r="AD15" s="177">
        <v>250</v>
      </c>
      <c r="AE15" s="177">
        <v>141</v>
      </c>
      <c r="AF15" s="177">
        <v>77</v>
      </c>
      <c r="AG15" s="177">
        <v>29</v>
      </c>
      <c r="AH15" s="182">
        <v>877</v>
      </c>
      <c r="AI15" s="181">
        <v>877</v>
      </c>
      <c r="AJ15" s="176">
        <v>0</v>
      </c>
      <c r="AK15" s="177">
        <v>0</v>
      </c>
      <c r="AL15" s="182">
        <v>0</v>
      </c>
      <c r="AM15" s="179">
        <v>0</v>
      </c>
      <c r="AN15" s="177">
        <v>4</v>
      </c>
      <c r="AO15" s="177">
        <v>1</v>
      </c>
      <c r="AP15" s="177">
        <v>4</v>
      </c>
      <c r="AQ15" s="177">
        <v>0</v>
      </c>
      <c r="AR15" s="177">
        <v>1</v>
      </c>
      <c r="AS15" s="182">
        <v>10</v>
      </c>
      <c r="AT15" s="181">
        <v>10</v>
      </c>
      <c r="AU15" s="176">
        <v>0</v>
      </c>
      <c r="AV15" s="177">
        <v>2</v>
      </c>
      <c r="AW15" s="182">
        <v>2</v>
      </c>
      <c r="AX15" s="179">
        <v>0</v>
      </c>
      <c r="AY15" s="177">
        <v>20</v>
      </c>
      <c r="AZ15" s="177">
        <v>31</v>
      </c>
      <c r="BA15" s="177">
        <v>49</v>
      </c>
      <c r="BB15" s="177">
        <v>42</v>
      </c>
      <c r="BC15" s="177">
        <v>26</v>
      </c>
      <c r="BD15" s="182">
        <v>168</v>
      </c>
      <c r="BE15" s="181">
        <v>170</v>
      </c>
      <c r="BF15" s="176">
        <v>0</v>
      </c>
      <c r="BG15" s="177">
        <v>0</v>
      </c>
      <c r="BH15" s="182">
        <v>0</v>
      </c>
      <c r="BI15" s="179">
        <v>0</v>
      </c>
      <c r="BJ15" s="177">
        <v>43</v>
      </c>
      <c r="BK15" s="177">
        <v>50</v>
      </c>
      <c r="BL15" s="177">
        <v>43</v>
      </c>
      <c r="BM15" s="177">
        <v>31</v>
      </c>
      <c r="BN15" s="177">
        <v>37</v>
      </c>
      <c r="BO15" s="180">
        <v>204</v>
      </c>
      <c r="BP15" s="181">
        <v>204</v>
      </c>
      <c r="BQ15" s="176">
        <v>0</v>
      </c>
      <c r="BR15" s="177">
        <v>0</v>
      </c>
      <c r="BS15" s="182">
        <v>0</v>
      </c>
      <c r="BT15" s="179">
        <v>0</v>
      </c>
      <c r="BU15" s="177">
        <v>0</v>
      </c>
      <c r="BV15" s="177">
        <v>5</v>
      </c>
      <c r="BW15" s="177">
        <v>8</v>
      </c>
      <c r="BX15" s="177">
        <v>10</v>
      </c>
      <c r="BY15" s="177">
        <v>6</v>
      </c>
      <c r="BZ15" s="182">
        <v>29</v>
      </c>
      <c r="CA15" s="181">
        <v>29</v>
      </c>
      <c r="CB15" s="176">
        <v>0</v>
      </c>
      <c r="CC15" s="177">
        <v>0</v>
      </c>
      <c r="CD15" s="182">
        <v>0</v>
      </c>
      <c r="CE15" s="179">
        <v>0</v>
      </c>
      <c r="CF15" s="177">
        <v>0</v>
      </c>
      <c r="CG15" s="177">
        <v>0</v>
      </c>
      <c r="CH15" s="177">
        <v>13</v>
      </c>
      <c r="CI15" s="177">
        <v>13</v>
      </c>
      <c r="CJ15" s="177">
        <v>4</v>
      </c>
      <c r="CK15" s="182">
        <v>30</v>
      </c>
      <c r="CL15" s="181">
        <v>30</v>
      </c>
      <c r="CM15" s="176">
        <v>0</v>
      </c>
      <c r="CN15" s="177">
        <v>0</v>
      </c>
      <c r="CO15" s="182">
        <v>0</v>
      </c>
      <c r="CP15" s="179">
        <v>0</v>
      </c>
      <c r="CQ15" s="177">
        <v>7</v>
      </c>
      <c r="CR15" s="177">
        <v>18</v>
      </c>
      <c r="CS15" s="177">
        <v>21</v>
      </c>
      <c r="CT15" s="177">
        <v>21</v>
      </c>
      <c r="CU15" s="177">
        <v>17</v>
      </c>
      <c r="CV15" s="182">
        <v>84</v>
      </c>
      <c r="CW15" s="181">
        <v>84</v>
      </c>
    </row>
    <row r="16" spans="2:101" ht="21" customHeight="1" x14ac:dyDescent="0.2">
      <c r="B16" s="92" t="s">
        <v>13</v>
      </c>
      <c r="C16" s="176">
        <v>0</v>
      </c>
      <c r="D16" s="182">
        <v>0</v>
      </c>
      <c r="E16" s="193">
        <v>0</v>
      </c>
      <c r="F16" s="179">
        <v>0</v>
      </c>
      <c r="G16" s="177">
        <v>0</v>
      </c>
      <c r="H16" s="177">
        <v>1</v>
      </c>
      <c r="I16" s="177">
        <v>1</v>
      </c>
      <c r="J16" s="177">
        <v>1</v>
      </c>
      <c r="K16" s="177">
        <v>2</v>
      </c>
      <c r="L16" s="180">
        <v>5</v>
      </c>
      <c r="M16" s="181">
        <v>5</v>
      </c>
      <c r="N16" s="176">
        <v>0</v>
      </c>
      <c r="O16" s="177">
        <v>0</v>
      </c>
      <c r="P16" s="182">
        <v>0</v>
      </c>
      <c r="Q16" s="179">
        <v>0</v>
      </c>
      <c r="R16" s="177">
        <v>0</v>
      </c>
      <c r="S16" s="177">
        <v>0</v>
      </c>
      <c r="T16" s="177">
        <v>0</v>
      </c>
      <c r="U16" s="177">
        <v>0</v>
      </c>
      <c r="V16" s="177">
        <v>0</v>
      </c>
      <c r="W16" s="182">
        <v>0</v>
      </c>
      <c r="X16" s="181">
        <v>0</v>
      </c>
      <c r="Y16" s="176">
        <v>0</v>
      </c>
      <c r="Z16" s="177">
        <v>0</v>
      </c>
      <c r="AA16" s="182">
        <v>0</v>
      </c>
      <c r="AB16" s="179">
        <v>0</v>
      </c>
      <c r="AC16" s="177">
        <v>160</v>
      </c>
      <c r="AD16" s="177">
        <v>174</v>
      </c>
      <c r="AE16" s="177">
        <v>79</v>
      </c>
      <c r="AF16" s="177">
        <v>42</v>
      </c>
      <c r="AG16" s="177">
        <v>21</v>
      </c>
      <c r="AH16" s="182">
        <v>476</v>
      </c>
      <c r="AI16" s="181">
        <v>476</v>
      </c>
      <c r="AJ16" s="176">
        <v>0</v>
      </c>
      <c r="AK16" s="177">
        <v>0</v>
      </c>
      <c r="AL16" s="182">
        <v>0</v>
      </c>
      <c r="AM16" s="179">
        <v>0</v>
      </c>
      <c r="AN16" s="177">
        <v>2</v>
      </c>
      <c r="AO16" s="177">
        <v>8</v>
      </c>
      <c r="AP16" s="177">
        <v>8</v>
      </c>
      <c r="AQ16" s="177">
        <v>3</v>
      </c>
      <c r="AR16" s="177">
        <v>7</v>
      </c>
      <c r="AS16" s="182">
        <v>28</v>
      </c>
      <c r="AT16" s="181">
        <v>28</v>
      </c>
      <c r="AU16" s="176">
        <v>5</v>
      </c>
      <c r="AV16" s="177">
        <v>1</v>
      </c>
      <c r="AW16" s="182">
        <v>6</v>
      </c>
      <c r="AX16" s="179">
        <v>0</v>
      </c>
      <c r="AY16" s="177">
        <v>14</v>
      </c>
      <c r="AZ16" s="177">
        <v>10</v>
      </c>
      <c r="BA16" s="177">
        <v>9</v>
      </c>
      <c r="BB16" s="177">
        <v>1</v>
      </c>
      <c r="BC16" s="177">
        <v>5</v>
      </c>
      <c r="BD16" s="182">
        <v>39</v>
      </c>
      <c r="BE16" s="181">
        <v>45</v>
      </c>
      <c r="BF16" s="176">
        <v>0</v>
      </c>
      <c r="BG16" s="177">
        <v>0</v>
      </c>
      <c r="BH16" s="182">
        <v>0</v>
      </c>
      <c r="BI16" s="179">
        <v>0</v>
      </c>
      <c r="BJ16" s="177">
        <v>14</v>
      </c>
      <c r="BK16" s="177">
        <v>12</v>
      </c>
      <c r="BL16" s="177">
        <v>15</v>
      </c>
      <c r="BM16" s="177">
        <v>16</v>
      </c>
      <c r="BN16" s="177">
        <v>15</v>
      </c>
      <c r="BO16" s="180">
        <v>72</v>
      </c>
      <c r="BP16" s="181">
        <v>72</v>
      </c>
      <c r="BQ16" s="176">
        <v>0</v>
      </c>
      <c r="BR16" s="177">
        <v>0</v>
      </c>
      <c r="BS16" s="182">
        <v>0</v>
      </c>
      <c r="BT16" s="179">
        <v>0</v>
      </c>
      <c r="BU16" s="177">
        <v>3</v>
      </c>
      <c r="BV16" s="177">
        <v>2</v>
      </c>
      <c r="BW16" s="177">
        <v>4</v>
      </c>
      <c r="BX16" s="177">
        <v>7</v>
      </c>
      <c r="BY16" s="177">
        <v>0</v>
      </c>
      <c r="BZ16" s="182">
        <v>16</v>
      </c>
      <c r="CA16" s="181">
        <v>16</v>
      </c>
      <c r="CB16" s="176">
        <v>0</v>
      </c>
      <c r="CC16" s="177">
        <v>0</v>
      </c>
      <c r="CD16" s="182">
        <v>0</v>
      </c>
      <c r="CE16" s="179">
        <v>0</v>
      </c>
      <c r="CF16" s="177">
        <v>0</v>
      </c>
      <c r="CG16" s="177">
        <v>0</v>
      </c>
      <c r="CH16" s="177">
        <v>0</v>
      </c>
      <c r="CI16" s="177">
        <v>0</v>
      </c>
      <c r="CJ16" s="177">
        <v>0</v>
      </c>
      <c r="CK16" s="182">
        <v>0</v>
      </c>
      <c r="CL16" s="181">
        <v>0</v>
      </c>
      <c r="CM16" s="176">
        <v>0</v>
      </c>
      <c r="CN16" s="177">
        <v>0</v>
      </c>
      <c r="CO16" s="182">
        <v>0</v>
      </c>
      <c r="CP16" s="179">
        <v>0</v>
      </c>
      <c r="CQ16" s="177">
        <v>0</v>
      </c>
      <c r="CR16" s="177">
        <v>0</v>
      </c>
      <c r="CS16" s="177">
        <v>0</v>
      </c>
      <c r="CT16" s="177">
        <v>0</v>
      </c>
      <c r="CU16" s="177">
        <v>0</v>
      </c>
      <c r="CV16" s="182">
        <v>0</v>
      </c>
      <c r="CW16" s="181">
        <v>0</v>
      </c>
    </row>
    <row r="17" spans="2:101" ht="21" customHeight="1" x14ac:dyDescent="0.2">
      <c r="B17" s="92" t="s">
        <v>15</v>
      </c>
      <c r="C17" s="176">
        <v>0</v>
      </c>
      <c r="D17" s="182">
        <v>0</v>
      </c>
      <c r="E17" s="193">
        <v>0</v>
      </c>
      <c r="F17" s="179">
        <v>0</v>
      </c>
      <c r="G17" s="177">
        <v>2</v>
      </c>
      <c r="H17" s="177">
        <v>1</v>
      </c>
      <c r="I17" s="177">
        <v>2</v>
      </c>
      <c r="J17" s="177">
        <v>1</v>
      </c>
      <c r="K17" s="177">
        <v>6</v>
      </c>
      <c r="L17" s="180">
        <v>12</v>
      </c>
      <c r="M17" s="181">
        <v>12</v>
      </c>
      <c r="N17" s="176">
        <v>0</v>
      </c>
      <c r="O17" s="177">
        <v>0</v>
      </c>
      <c r="P17" s="182">
        <v>0</v>
      </c>
      <c r="Q17" s="179">
        <v>0</v>
      </c>
      <c r="R17" s="177">
        <v>0</v>
      </c>
      <c r="S17" s="177">
        <v>0</v>
      </c>
      <c r="T17" s="177">
        <v>0</v>
      </c>
      <c r="U17" s="177">
        <v>0</v>
      </c>
      <c r="V17" s="177">
        <v>0</v>
      </c>
      <c r="W17" s="182">
        <v>0</v>
      </c>
      <c r="X17" s="181">
        <v>0</v>
      </c>
      <c r="Y17" s="176">
        <v>0</v>
      </c>
      <c r="Z17" s="177">
        <v>0</v>
      </c>
      <c r="AA17" s="182">
        <v>0</v>
      </c>
      <c r="AB17" s="179">
        <v>0</v>
      </c>
      <c r="AC17" s="177">
        <v>222</v>
      </c>
      <c r="AD17" s="177">
        <v>207</v>
      </c>
      <c r="AE17" s="177">
        <v>80</v>
      </c>
      <c r="AF17" s="177">
        <v>42</v>
      </c>
      <c r="AG17" s="177">
        <v>21</v>
      </c>
      <c r="AH17" s="182">
        <v>572</v>
      </c>
      <c r="AI17" s="181">
        <v>572</v>
      </c>
      <c r="AJ17" s="176">
        <v>0</v>
      </c>
      <c r="AK17" s="177">
        <v>1</v>
      </c>
      <c r="AL17" s="182">
        <v>1</v>
      </c>
      <c r="AM17" s="179">
        <v>0</v>
      </c>
      <c r="AN17" s="177">
        <v>6</v>
      </c>
      <c r="AO17" s="177">
        <v>4</v>
      </c>
      <c r="AP17" s="177">
        <v>6</v>
      </c>
      <c r="AQ17" s="177">
        <v>1</v>
      </c>
      <c r="AR17" s="177">
        <v>2</v>
      </c>
      <c r="AS17" s="182">
        <v>19</v>
      </c>
      <c r="AT17" s="181">
        <v>20</v>
      </c>
      <c r="AU17" s="176">
        <v>1</v>
      </c>
      <c r="AV17" s="177">
        <v>12</v>
      </c>
      <c r="AW17" s="182">
        <v>13</v>
      </c>
      <c r="AX17" s="179">
        <v>0</v>
      </c>
      <c r="AY17" s="177">
        <v>19</v>
      </c>
      <c r="AZ17" s="177">
        <v>12</v>
      </c>
      <c r="BA17" s="177">
        <v>1</v>
      </c>
      <c r="BB17" s="177">
        <v>3</v>
      </c>
      <c r="BC17" s="177">
        <v>3</v>
      </c>
      <c r="BD17" s="182">
        <v>38</v>
      </c>
      <c r="BE17" s="181">
        <v>51</v>
      </c>
      <c r="BF17" s="176">
        <v>0</v>
      </c>
      <c r="BG17" s="177">
        <v>0</v>
      </c>
      <c r="BH17" s="182">
        <v>0</v>
      </c>
      <c r="BI17" s="179">
        <v>0</v>
      </c>
      <c r="BJ17" s="177">
        <v>43</v>
      </c>
      <c r="BK17" s="177">
        <v>42</v>
      </c>
      <c r="BL17" s="177">
        <v>35</v>
      </c>
      <c r="BM17" s="177">
        <v>25</v>
      </c>
      <c r="BN17" s="177">
        <v>15</v>
      </c>
      <c r="BO17" s="180">
        <v>160</v>
      </c>
      <c r="BP17" s="181">
        <v>160</v>
      </c>
      <c r="BQ17" s="176">
        <v>0</v>
      </c>
      <c r="BR17" s="177">
        <v>0</v>
      </c>
      <c r="BS17" s="182">
        <v>0</v>
      </c>
      <c r="BT17" s="179">
        <v>0</v>
      </c>
      <c r="BU17" s="177">
        <v>0</v>
      </c>
      <c r="BV17" s="177">
        <v>0</v>
      </c>
      <c r="BW17" s="177">
        <v>0</v>
      </c>
      <c r="BX17" s="177">
        <v>0</v>
      </c>
      <c r="BY17" s="177">
        <v>0</v>
      </c>
      <c r="BZ17" s="182">
        <v>0</v>
      </c>
      <c r="CA17" s="181">
        <v>0</v>
      </c>
      <c r="CB17" s="176">
        <v>0</v>
      </c>
      <c r="CC17" s="177">
        <v>0</v>
      </c>
      <c r="CD17" s="182">
        <v>0</v>
      </c>
      <c r="CE17" s="179">
        <v>0</v>
      </c>
      <c r="CF17" s="177">
        <v>0</v>
      </c>
      <c r="CG17" s="177">
        <v>0</v>
      </c>
      <c r="CH17" s="177">
        <v>9</v>
      </c>
      <c r="CI17" s="177">
        <v>11</v>
      </c>
      <c r="CJ17" s="177">
        <v>9</v>
      </c>
      <c r="CK17" s="182">
        <v>29</v>
      </c>
      <c r="CL17" s="181">
        <v>29</v>
      </c>
      <c r="CM17" s="176">
        <v>0</v>
      </c>
      <c r="CN17" s="177">
        <v>0</v>
      </c>
      <c r="CO17" s="182">
        <v>0</v>
      </c>
      <c r="CP17" s="179">
        <v>0</v>
      </c>
      <c r="CQ17" s="177">
        <v>4</v>
      </c>
      <c r="CR17" s="177">
        <v>10</v>
      </c>
      <c r="CS17" s="177">
        <v>5</v>
      </c>
      <c r="CT17" s="177">
        <v>3</v>
      </c>
      <c r="CU17" s="177">
        <v>1</v>
      </c>
      <c r="CV17" s="182">
        <v>23</v>
      </c>
      <c r="CW17" s="181">
        <v>23</v>
      </c>
    </row>
    <row r="18" spans="2:101" ht="21" customHeight="1" x14ac:dyDescent="0.2">
      <c r="B18" s="92" t="s">
        <v>16</v>
      </c>
      <c r="C18" s="176">
        <v>0</v>
      </c>
      <c r="D18" s="182">
        <v>0</v>
      </c>
      <c r="E18" s="193">
        <v>0</v>
      </c>
      <c r="F18" s="179">
        <v>0</v>
      </c>
      <c r="G18" s="177">
        <v>8</v>
      </c>
      <c r="H18" s="177">
        <v>15</v>
      </c>
      <c r="I18" s="177">
        <v>14</v>
      </c>
      <c r="J18" s="177">
        <v>12</v>
      </c>
      <c r="K18" s="177">
        <v>12</v>
      </c>
      <c r="L18" s="180">
        <v>61</v>
      </c>
      <c r="M18" s="181">
        <v>61</v>
      </c>
      <c r="N18" s="176">
        <v>0</v>
      </c>
      <c r="O18" s="177">
        <v>0</v>
      </c>
      <c r="P18" s="182">
        <v>0</v>
      </c>
      <c r="Q18" s="179">
        <v>0</v>
      </c>
      <c r="R18" s="177">
        <v>0</v>
      </c>
      <c r="S18" s="177">
        <v>3</v>
      </c>
      <c r="T18" s="177">
        <v>2</v>
      </c>
      <c r="U18" s="177">
        <v>1</v>
      </c>
      <c r="V18" s="177">
        <v>1</v>
      </c>
      <c r="W18" s="182">
        <v>7</v>
      </c>
      <c r="X18" s="181">
        <v>7</v>
      </c>
      <c r="Y18" s="176">
        <v>0</v>
      </c>
      <c r="Z18" s="177">
        <v>0</v>
      </c>
      <c r="AA18" s="182">
        <v>0</v>
      </c>
      <c r="AB18" s="179">
        <v>0</v>
      </c>
      <c r="AC18" s="177">
        <v>166</v>
      </c>
      <c r="AD18" s="177">
        <v>198</v>
      </c>
      <c r="AE18" s="177">
        <v>85</v>
      </c>
      <c r="AF18" s="177">
        <v>38</v>
      </c>
      <c r="AG18" s="177">
        <v>15</v>
      </c>
      <c r="AH18" s="182">
        <v>502</v>
      </c>
      <c r="AI18" s="181">
        <v>502</v>
      </c>
      <c r="AJ18" s="176">
        <v>0</v>
      </c>
      <c r="AK18" s="177">
        <v>0</v>
      </c>
      <c r="AL18" s="182">
        <v>0</v>
      </c>
      <c r="AM18" s="179">
        <v>0</v>
      </c>
      <c r="AN18" s="177">
        <v>4</v>
      </c>
      <c r="AO18" s="177">
        <v>8</v>
      </c>
      <c r="AP18" s="177">
        <v>6</v>
      </c>
      <c r="AQ18" s="177">
        <v>2</v>
      </c>
      <c r="AR18" s="177">
        <v>4</v>
      </c>
      <c r="AS18" s="182">
        <v>24</v>
      </c>
      <c r="AT18" s="181">
        <v>24</v>
      </c>
      <c r="AU18" s="176">
        <v>5</v>
      </c>
      <c r="AV18" s="177">
        <v>3</v>
      </c>
      <c r="AW18" s="182">
        <v>8</v>
      </c>
      <c r="AX18" s="179">
        <v>0</v>
      </c>
      <c r="AY18" s="177">
        <v>24</v>
      </c>
      <c r="AZ18" s="177">
        <v>22</v>
      </c>
      <c r="BA18" s="177">
        <v>15</v>
      </c>
      <c r="BB18" s="177">
        <v>16</v>
      </c>
      <c r="BC18" s="177">
        <v>10</v>
      </c>
      <c r="BD18" s="182">
        <v>87</v>
      </c>
      <c r="BE18" s="181">
        <v>95</v>
      </c>
      <c r="BF18" s="176">
        <v>0</v>
      </c>
      <c r="BG18" s="177">
        <v>1</v>
      </c>
      <c r="BH18" s="182">
        <v>1</v>
      </c>
      <c r="BI18" s="179">
        <v>0</v>
      </c>
      <c r="BJ18" s="177">
        <v>28</v>
      </c>
      <c r="BK18" s="177">
        <v>49</v>
      </c>
      <c r="BL18" s="177">
        <v>41</v>
      </c>
      <c r="BM18" s="177">
        <v>40</v>
      </c>
      <c r="BN18" s="177">
        <v>24</v>
      </c>
      <c r="BO18" s="180">
        <v>182</v>
      </c>
      <c r="BP18" s="181">
        <v>183</v>
      </c>
      <c r="BQ18" s="176">
        <v>0</v>
      </c>
      <c r="BR18" s="177">
        <v>0</v>
      </c>
      <c r="BS18" s="182">
        <v>0</v>
      </c>
      <c r="BT18" s="179">
        <v>0</v>
      </c>
      <c r="BU18" s="177">
        <v>0</v>
      </c>
      <c r="BV18" s="177">
        <v>0</v>
      </c>
      <c r="BW18" s="177">
        <v>0</v>
      </c>
      <c r="BX18" s="177">
        <v>0</v>
      </c>
      <c r="BY18" s="177">
        <v>0</v>
      </c>
      <c r="BZ18" s="182">
        <v>0</v>
      </c>
      <c r="CA18" s="181">
        <v>0</v>
      </c>
      <c r="CB18" s="176">
        <v>0</v>
      </c>
      <c r="CC18" s="177">
        <v>0</v>
      </c>
      <c r="CD18" s="182">
        <v>0</v>
      </c>
      <c r="CE18" s="179">
        <v>0</v>
      </c>
      <c r="CF18" s="177">
        <v>0</v>
      </c>
      <c r="CG18" s="177">
        <v>0</v>
      </c>
      <c r="CH18" s="177">
        <v>8</v>
      </c>
      <c r="CI18" s="177">
        <v>13</v>
      </c>
      <c r="CJ18" s="177">
        <v>8</v>
      </c>
      <c r="CK18" s="182">
        <v>29</v>
      </c>
      <c r="CL18" s="181">
        <v>29</v>
      </c>
      <c r="CM18" s="176">
        <v>0</v>
      </c>
      <c r="CN18" s="177">
        <v>0</v>
      </c>
      <c r="CO18" s="182">
        <v>0</v>
      </c>
      <c r="CP18" s="179">
        <v>0</v>
      </c>
      <c r="CQ18" s="177">
        <v>1</v>
      </c>
      <c r="CR18" s="177">
        <v>6</v>
      </c>
      <c r="CS18" s="177">
        <v>8</v>
      </c>
      <c r="CT18" s="177">
        <v>0</v>
      </c>
      <c r="CU18" s="177">
        <v>9</v>
      </c>
      <c r="CV18" s="182">
        <v>24</v>
      </c>
      <c r="CW18" s="181">
        <v>24</v>
      </c>
    </row>
    <row r="19" spans="2:101" ht="21" customHeight="1" x14ac:dyDescent="0.2">
      <c r="B19" s="92" t="s">
        <v>17</v>
      </c>
      <c r="C19" s="176">
        <v>0</v>
      </c>
      <c r="D19" s="182">
        <v>0</v>
      </c>
      <c r="E19" s="193">
        <v>0</v>
      </c>
      <c r="F19" s="179">
        <v>0</v>
      </c>
      <c r="G19" s="177">
        <v>1</v>
      </c>
      <c r="H19" s="177">
        <v>2</v>
      </c>
      <c r="I19" s="177">
        <v>2</v>
      </c>
      <c r="J19" s="177">
        <v>2</v>
      </c>
      <c r="K19" s="177">
        <v>0</v>
      </c>
      <c r="L19" s="180">
        <v>7</v>
      </c>
      <c r="M19" s="181">
        <v>7</v>
      </c>
      <c r="N19" s="176">
        <v>0</v>
      </c>
      <c r="O19" s="177">
        <v>0</v>
      </c>
      <c r="P19" s="182">
        <v>0</v>
      </c>
      <c r="Q19" s="179">
        <v>0</v>
      </c>
      <c r="R19" s="177">
        <v>0</v>
      </c>
      <c r="S19" s="177">
        <v>0</v>
      </c>
      <c r="T19" s="177">
        <v>0</v>
      </c>
      <c r="U19" s="177">
        <v>0</v>
      </c>
      <c r="V19" s="177">
        <v>0</v>
      </c>
      <c r="W19" s="182">
        <v>0</v>
      </c>
      <c r="X19" s="181">
        <v>0</v>
      </c>
      <c r="Y19" s="176">
        <v>0</v>
      </c>
      <c r="Z19" s="177">
        <v>0</v>
      </c>
      <c r="AA19" s="182">
        <v>0</v>
      </c>
      <c r="AB19" s="179">
        <v>0</v>
      </c>
      <c r="AC19" s="177">
        <v>282</v>
      </c>
      <c r="AD19" s="177">
        <v>388</v>
      </c>
      <c r="AE19" s="177">
        <v>160</v>
      </c>
      <c r="AF19" s="177">
        <v>90</v>
      </c>
      <c r="AG19" s="177">
        <v>32</v>
      </c>
      <c r="AH19" s="182">
        <v>952</v>
      </c>
      <c r="AI19" s="181">
        <v>952</v>
      </c>
      <c r="AJ19" s="176">
        <v>1</v>
      </c>
      <c r="AK19" s="177">
        <v>3</v>
      </c>
      <c r="AL19" s="182">
        <v>4</v>
      </c>
      <c r="AM19" s="179">
        <v>0</v>
      </c>
      <c r="AN19" s="177">
        <v>27</v>
      </c>
      <c r="AO19" s="177">
        <v>25</v>
      </c>
      <c r="AP19" s="177">
        <v>15</v>
      </c>
      <c r="AQ19" s="177">
        <v>14</v>
      </c>
      <c r="AR19" s="177">
        <v>5</v>
      </c>
      <c r="AS19" s="182">
        <v>86</v>
      </c>
      <c r="AT19" s="181">
        <v>90</v>
      </c>
      <c r="AU19" s="176">
        <v>5</v>
      </c>
      <c r="AV19" s="177">
        <v>4</v>
      </c>
      <c r="AW19" s="182">
        <v>9</v>
      </c>
      <c r="AX19" s="179">
        <v>0</v>
      </c>
      <c r="AY19" s="177">
        <v>11</v>
      </c>
      <c r="AZ19" s="177">
        <v>27</v>
      </c>
      <c r="BA19" s="177">
        <v>38</v>
      </c>
      <c r="BB19" s="177">
        <v>25</v>
      </c>
      <c r="BC19" s="177">
        <v>17</v>
      </c>
      <c r="BD19" s="182">
        <v>118</v>
      </c>
      <c r="BE19" s="181">
        <v>127</v>
      </c>
      <c r="BF19" s="176">
        <v>0</v>
      </c>
      <c r="BG19" s="177">
        <v>0</v>
      </c>
      <c r="BH19" s="182">
        <v>0</v>
      </c>
      <c r="BI19" s="179">
        <v>0</v>
      </c>
      <c r="BJ19" s="177">
        <v>36</v>
      </c>
      <c r="BK19" s="177">
        <v>59</v>
      </c>
      <c r="BL19" s="177">
        <v>82</v>
      </c>
      <c r="BM19" s="177">
        <v>44</v>
      </c>
      <c r="BN19" s="177">
        <v>28</v>
      </c>
      <c r="BO19" s="180">
        <v>249</v>
      </c>
      <c r="BP19" s="181">
        <v>249</v>
      </c>
      <c r="BQ19" s="176">
        <v>0</v>
      </c>
      <c r="BR19" s="177">
        <v>0</v>
      </c>
      <c r="BS19" s="182">
        <v>0</v>
      </c>
      <c r="BT19" s="179">
        <v>0</v>
      </c>
      <c r="BU19" s="177">
        <v>0</v>
      </c>
      <c r="BV19" s="177">
        <v>0</v>
      </c>
      <c r="BW19" s="177">
        <v>0</v>
      </c>
      <c r="BX19" s="177">
        <v>0</v>
      </c>
      <c r="BY19" s="177">
        <v>0</v>
      </c>
      <c r="BZ19" s="182">
        <v>0</v>
      </c>
      <c r="CA19" s="181">
        <v>0</v>
      </c>
      <c r="CB19" s="176">
        <v>0</v>
      </c>
      <c r="CC19" s="177">
        <v>0</v>
      </c>
      <c r="CD19" s="182">
        <v>0</v>
      </c>
      <c r="CE19" s="179">
        <v>0</v>
      </c>
      <c r="CF19" s="177">
        <v>0</v>
      </c>
      <c r="CG19" s="177">
        <v>2</v>
      </c>
      <c r="CH19" s="177">
        <v>29</v>
      </c>
      <c r="CI19" s="177">
        <v>50</v>
      </c>
      <c r="CJ19" s="177">
        <v>36</v>
      </c>
      <c r="CK19" s="182">
        <v>117</v>
      </c>
      <c r="CL19" s="181">
        <v>117</v>
      </c>
      <c r="CM19" s="176">
        <v>0</v>
      </c>
      <c r="CN19" s="177">
        <v>0</v>
      </c>
      <c r="CO19" s="182">
        <v>0</v>
      </c>
      <c r="CP19" s="179">
        <v>0</v>
      </c>
      <c r="CQ19" s="177">
        <v>2</v>
      </c>
      <c r="CR19" s="177">
        <v>5</v>
      </c>
      <c r="CS19" s="177">
        <v>12</v>
      </c>
      <c r="CT19" s="177">
        <v>9</v>
      </c>
      <c r="CU19" s="177">
        <v>14</v>
      </c>
      <c r="CV19" s="182">
        <v>42</v>
      </c>
      <c r="CW19" s="181">
        <v>42</v>
      </c>
    </row>
    <row r="20" spans="2:101" ht="21" customHeight="1" x14ac:dyDescent="0.2">
      <c r="B20" s="92" t="s">
        <v>18</v>
      </c>
      <c r="C20" s="176">
        <v>0</v>
      </c>
      <c r="D20" s="182">
        <v>0</v>
      </c>
      <c r="E20" s="193">
        <v>0</v>
      </c>
      <c r="F20" s="179">
        <v>0</v>
      </c>
      <c r="G20" s="177">
        <v>8</v>
      </c>
      <c r="H20" s="177">
        <v>11</v>
      </c>
      <c r="I20" s="177">
        <v>6</v>
      </c>
      <c r="J20" s="177">
        <v>6</v>
      </c>
      <c r="K20" s="177">
        <v>8</v>
      </c>
      <c r="L20" s="180">
        <v>39</v>
      </c>
      <c r="M20" s="181">
        <v>39</v>
      </c>
      <c r="N20" s="176">
        <v>0</v>
      </c>
      <c r="O20" s="177">
        <v>0</v>
      </c>
      <c r="P20" s="182">
        <v>0</v>
      </c>
      <c r="Q20" s="179">
        <v>0</v>
      </c>
      <c r="R20" s="177">
        <v>0</v>
      </c>
      <c r="S20" s="177">
        <v>0</v>
      </c>
      <c r="T20" s="177">
        <v>0</v>
      </c>
      <c r="U20" s="177">
        <v>0</v>
      </c>
      <c r="V20" s="177">
        <v>1</v>
      </c>
      <c r="W20" s="182">
        <v>1</v>
      </c>
      <c r="X20" s="181">
        <v>1</v>
      </c>
      <c r="Y20" s="176">
        <v>0</v>
      </c>
      <c r="Z20" s="177">
        <v>0</v>
      </c>
      <c r="AA20" s="182">
        <v>0</v>
      </c>
      <c r="AB20" s="179">
        <v>0</v>
      </c>
      <c r="AC20" s="177">
        <v>314</v>
      </c>
      <c r="AD20" s="177">
        <v>216</v>
      </c>
      <c r="AE20" s="177">
        <v>89</v>
      </c>
      <c r="AF20" s="177">
        <v>41</v>
      </c>
      <c r="AG20" s="177">
        <v>14</v>
      </c>
      <c r="AH20" s="182">
        <v>674</v>
      </c>
      <c r="AI20" s="181">
        <v>674</v>
      </c>
      <c r="AJ20" s="176">
        <v>0</v>
      </c>
      <c r="AK20" s="177">
        <v>0</v>
      </c>
      <c r="AL20" s="182">
        <v>0</v>
      </c>
      <c r="AM20" s="179">
        <v>0</v>
      </c>
      <c r="AN20" s="177">
        <v>10</v>
      </c>
      <c r="AO20" s="177">
        <v>15</v>
      </c>
      <c r="AP20" s="177">
        <v>22</v>
      </c>
      <c r="AQ20" s="177">
        <v>11</v>
      </c>
      <c r="AR20" s="177">
        <v>6</v>
      </c>
      <c r="AS20" s="182">
        <v>64</v>
      </c>
      <c r="AT20" s="181">
        <v>64</v>
      </c>
      <c r="AU20" s="176">
        <v>5</v>
      </c>
      <c r="AV20" s="177">
        <v>9</v>
      </c>
      <c r="AW20" s="182">
        <v>14</v>
      </c>
      <c r="AX20" s="179">
        <v>0</v>
      </c>
      <c r="AY20" s="177">
        <v>56</v>
      </c>
      <c r="AZ20" s="177">
        <v>38</v>
      </c>
      <c r="BA20" s="177">
        <v>50</v>
      </c>
      <c r="BB20" s="177">
        <v>18</v>
      </c>
      <c r="BC20" s="177">
        <v>9</v>
      </c>
      <c r="BD20" s="182">
        <v>171</v>
      </c>
      <c r="BE20" s="181">
        <v>185</v>
      </c>
      <c r="BF20" s="176">
        <v>0</v>
      </c>
      <c r="BG20" s="177">
        <v>3</v>
      </c>
      <c r="BH20" s="182">
        <v>3</v>
      </c>
      <c r="BI20" s="179">
        <v>0</v>
      </c>
      <c r="BJ20" s="177">
        <v>54</v>
      </c>
      <c r="BK20" s="177">
        <v>80</v>
      </c>
      <c r="BL20" s="177">
        <v>98</v>
      </c>
      <c r="BM20" s="177">
        <v>61</v>
      </c>
      <c r="BN20" s="177">
        <v>23</v>
      </c>
      <c r="BO20" s="180">
        <v>316</v>
      </c>
      <c r="BP20" s="181">
        <v>319</v>
      </c>
      <c r="BQ20" s="176">
        <v>0</v>
      </c>
      <c r="BR20" s="177">
        <v>0</v>
      </c>
      <c r="BS20" s="182">
        <v>0</v>
      </c>
      <c r="BT20" s="179">
        <v>0</v>
      </c>
      <c r="BU20" s="177">
        <v>0</v>
      </c>
      <c r="BV20" s="177">
        <v>0</v>
      </c>
      <c r="BW20" s="177">
        <v>0</v>
      </c>
      <c r="BX20" s="177">
        <v>0</v>
      </c>
      <c r="BY20" s="177">
        <v>0</v>
      </c>
      <c r="BZ20" s="182">
        <v>0</v>
      </c>
      <c r="CA20" s="181">
        <v>0</v>
      </c>
      <c r="CB20" s="176">
        <v>0</v>
      </c>
      <c r="CC20" s="177">
        <v>0</v>
      </c>
      <c r="CD20" s="182">
        <v>0</v>
      </c>
      <c r="CE20" s="179">
        <v>0</v>
      </c>
      <c r="CF20" s="177">
        <v>0</v>
      </c>
      <c r="CG20" s="177">
        <v>1</v>
      </c>
      <c r="CH20" s="177">
        <v>7</v>
      </c>
      <c r="CI20" s="177">
        <v>15</v>
      </c>
      <c r="CJ20" s="177">
        <v>5</v>
      </c>
      <c r="CK20" s="182">
        <v>28</v>
      </c>
      <c r="CL20" s="181">
        <v>28</v>
      </c>
      <c r="CM20" s="176">
        <v>0</v>
      </c>
      <c r="CN20" s="177">
        <v>0</v>
      </c>
      <c r="CO20" s="182">
        <v>0</v>
      </c>
      <c r="CP20" s="179">
        <v>0</v>
      </c>
      <c r="CQ20" s="177">
        <v>7</v>
      </c>
      <c r="CR20" s="177">
        <v>9</v>
      </c>
      <c r="CS20" s="177">
        <v>13</v>
      </c>
      <c r="CT20" s="177">
        <v>19</v>
      </c>
      <c r="CU20" s="177">
        <v>31</v>
      </c>
      <c r="CV20" s="182">
        <v>79</v>
      </c>
      <c r="CW20" s="181">
        <v>79</v>
      </c>
    </row>
    <row r="21" spans="2:101" ht="21" customHeight="1" x14ac:dyDescent="0.2">
      <c r="B21" s="92" t="s">
        <v>19</v>
      </c>
      <c r="C21" s="176">
        <v>0</v>
      </c>
      <c r="D21" s="182">
        <v>0</v>
      </c>
      <c r="E21" s="193">
        <v>0</v>
      </c>
      <c r="F21" s="179">
        <v>0</v>
      </c>
      <c r="G21" s="177">
        <v>12</v>
      </c>
      <c r="H21" s="177">
        <v>10</v>
      </c>
      <c r="I21" s="177">
        <v>9</v>
      </c>
      <c r="J21" s="177">
        <v>6</v>
      </c>
      <c r="K21" s="177">
        <v>3</v>
      </c>
      <c r="L21" s="180">
        <v>40</v>
      </c>
      <c r="M21" s="181">
        <v>40</v>
      </c>
      <c r="N21" s="176">
        <v>0</v>
      </c>
      <c r="O21" s="177">
        <v>0</v>
      </c>
      <c r="P21" s="182">
        <v>0</v>
      </c>
      <c r="Q21" s="179">
        <v>0</v>
      </c>
      <c r="R21" s="177">
        <v>1</v>
      </c>
      <c r="S21" s="177">
        <v>1</v>
      </c>
      <c r="T21" s="177">
        <v>3</v>
      </c>
      <c r="U21" s="177">
        <v>3</v>
      </c>
      <c r="V21" s="177">
        <v>0</v>
      </c>
      <c r="W21" s="182">
        <v>8</v>
      </c>
      <c r="X21" s="181">
        <v>8</v>
      </c>
      <c r="Y21" s="176">
        <v>0</v>
      </c>
      <c r="Z21" s="177">
        <v>0</v>
      </c>
      <c r="AA21" s="182">
        <v>0</v>
      </c>
      <c r="AB21" s="179">
        <v>0</v>
      </c>
      <c r="AC21" s="177">
        <v>143</v>
      </c>
      <c r="AD21" s="177">
        <v>89</v>
      </c>
      <c r="AE21" s="177">
        <v>44</v>
      </c>
      <c r="AF21" s="177">
        <v>18</v>
      </c>
      <c r="AG21" s="177">
        <v>11</v>
      </c>
      <c r="AH21" s="182">
        <v>305</v>
      </c>
      <c r="AI21" s="181">
        <v>305</v>
      </c>
      <c r="AJ21" s="176">
        <v>1</v>
      </c>
      <c r="AK21" s="177">
        <v>0</v>
      </c>
      <c r="AL21" s="182">
        <v>1</v>
      </c>
      <c r="AM21" s="179">
        <v>0</v>
      </c>
      <c r="AN21" s="177">
        <v>19</v>
      </c>
      <c r="AO21" s="177">
        <v>15</v>
      </c>
      <c r="AP21" s="177">
        <v>12</v>
      </c>
      <c r="AQ21" s="177">
        <v>5</v>
      </c>
      <c r="AR21" s="177">
        <v>3</v>
      </c>
      <c r="AS21" s="182">
        <v>54</v>
      </c>
      <c r="AT21" s="181">
        <v>55</v>
      </c>
      <c r="AU21" s="176">
        <v>0</v>
      </c>
      <c r="AV21" s="177">
        <v>2</v>
      </c>
      <c r="AW21" s="182">
        <v>2</v>
      </c>
      <c r="AX21" s="179">
        <v>0</v>
      </c>
      <c r="AY21" s="177">
        <v>25</v>
      </c>
      <c r="AZ21" s="177">
        <v>30</v>
      </c>
      <c r="BA21" s="177">
        <v>28</v>
      </c>
      <c r="BB21" s="177">
        <v>17</v>
      </c>
      <c r="BC21" s="177">
        <v>5</v>
      </c>
      <c r="BD21" s="182">
        <v>105</v>
      </c>
      <c r="BE21" s="181">
        <v>107</v>
      </c>
      <c r="BF21" s="176">
        <v>0</v>
      </c>
      <c r="BG21" s="177">
        <v>0</v>
      </c>
      <c r="BH21" s="182">
        <v>0</v>
      </c>
      <c r="BI21" s="179">
        <v>0</v>
      </c>
      <c r="BJ21" s="177">
        <v>15</v>
      </c>
      <c r="BK21" s="177">
        <v>24</v>
      </c>
      <c r="BL21" s="177">
        <v>28</v>
      </c>
      <c r="BM21" s="177">
        <v>18</v>
      </c>
      <c r="BN21" s="177">
        <v>16</v>
      </c>
      <c r="BO21" s="180">
        <v>101</v>
      </c>
      <c r="BP21" s="181">
        <v>101</v>
      </c>
      <c r="BQ21" s="176">
        <v>0</v>
      </c>
      <c r="BR21" s="177">
        <v>0</v>
      </c>
      <c r="BS21" s="182">
        <v>0</v>
      </c>
      <c r="BT21" s="179">
        <v>0</v>
      </c>
      <c r="BU21" s="177">
        <v>0</v>
      </c>
      <c r="BV21" s="177">
        <v>0</v>
      </c>
      <c r="BW21" s="177">
        <v>0</v>
      </c>
      <c r="BX21" s="177">
        <v>0</v>
      </c>
      <c r="BY21" s="177">
        <v>0</v>
      </c>
      <c r="BZ21" s="182">
        <v>0</v>
      </c>
      <c r="CA21" s="181">
        <v>0</v>
      </c>
      <c r="CB21" s="176">
        <v>0</v>
      </c>
      <c r="CC21" s="177">
        <v>0</v>
      </c>
      <c r="CD21" s="182">
        <v>0</v>
      </c>
      <c r="CE21" s="179">
        <v>0</v>
      </c>
      <c r="CF21" s="177">
        <v>0</v>
      </c>
      <c r="CG21" s="177">
        <v>0</v>
      </c>
      <c r="CH21" s="177">
        <v>0</v>
      </c>
      <c r="CI21" s="177">
        <v>0</v>
      </c>
      <c r="CJ21" s="177">
        <v>0</v>
      </c>
      <c r="CK21" s="182">
        <v>0</v>
      </c>
      <c r="CL21" s="181">
        <v>0</v>
      </c>
      <c r="CM21" s="176">
        <v>0</v>
      </c>
      <c r="CN21" s="177">
        <v>0</v>
      </c>
      <c r="CO21" s="182">
        <v>0</v>
      </c>
      <c r="CP21" s="179">
        <v>0</v>
      </c>
      <c r="CQ21" s="177">
        <v>0</v>
      </c>
      <c r="CR21" s="177">
        <v>1</v>
      </c>
      <c r="CS21" s="177">
        <v>2</v>
      </c>
      <c r="CT21" s="177">
        <v>4</v>
      </c>
      <c r="CU21" s="177">
        <v>10</v>
      </c>
      <c r="CV21" s="182">
        <v>17</v>
      </c>
      <c r="CW21" s="181">
        <v>17</v>
      </c>
    </row>
    <row r="22" spans="2:101" ht="21" customHeight="1" x14ac:dyDescent="0.2">
      <c r="B22" s="92" t="s">
        <v>20</v>
      </c>
      <c r="C22" s="176">
        <v>0</v>
      </c>
      <c r="D22" s="182">
        <v>0</v>
      </c>
      <c r="E22" s="193">
        <v>0</v>
      </c>
      <c r="F22" s="179">
        <v>0</v>
      </c>
      <c r="G22" s="177">
        <v>1</v>
      </c>
      <c r="H22" s="177">
        <v>0</v>
      </c>
      <c r="I22" s="177">
        <v>0</v>
      </c>
      <c r="J22" s="177">
        <v>0</v>
      </c>
      <c r="K22" s="177">
        <v>1</v>
      </c>
      <c r="L22" s="180">
        <v>2</v>
      </c>
      <c r="M22" s="181">
        <v>2</v>
      </c>
      <c r="N22" s="176">
        <v>0</v>
      </c>
      <c r="O22" s="177">
        <v>0</v>
      </c>
      <c r="P22" s="182">
        <v>0</v>
      </c>
      <c r="Q22" s="179">
        <v>0</v>
      </c>
      <c r="R22" s="177">
        <v>0</v>
      </c>
      <c r="S22" s="177">
        <v>0</v>
      </c>
      <c r="T22" s="177">
        <v>0</v>
      </c>
      <c r="U22" s="177">
        <v>0</v>
      </c>
      <c r="V22" s="177">
        <v>0</v>
      </c>
      <c r="W22" s="182">
        <v>0</v>
      </c>
      <c r="X22" s="181">
        <v>0</v>
      </c>
      <c r="Y22" s="176">
        <v>0</v>
      </c>
      <c r="Z22" s="177">
        <v>0</v>
      </c>
      <c r="AA22" s="182">
        <v>0</v>
      </c>
      <c r="AB22" s="179">
        <v>0</v>
      </c>
      <c r="AC22" s="177">
        <v>237</v>
      </c>
      <c r="AD22" s="177">
        <v>126</v>
      </c>
      <c r="AE22" s="177">
        <v>61</v>
      </c>
      <c r="AF22" s="177">
        <v>21</v>
      </c>
      <c r="AG22" s="177">
        <v>8</v>
      </c>
      <c r="AH22" s="182">
        <v>453</v>
      </c>
      <c r="AI22" s="181">
        <v>453</v>
      </c>
      <c r="AJ22" s="176">
        <v>0</v>
      </c>
      <c r="AK22" s="177">
        <v>0</v>
      </c>
      <c r="AL22" s="182">
        <v>0</v>
      </c>
      <c r="AM22" s="179">
        <v>0</v>
      </c>
      <c r="AN22" s="177">
        <v>0</v>
      </c>
      <c r="AO22" s="177">
        <v>1</v>
      </c>
      <c r="AP22" s="177">
        <v>10</v>
      </c>
      <c r="AQ22" s="177">
        <v>4</v>
      </c>
      <c r="AR22" s="177">
        <v>3</v>
      </c>
      <c r="AS22" s="182">
        <v>18</v>
      </c>
      <c r="AT22" s="181">
        <v>18</v>
      </c>
      <c r="AU22" s="176">
        <v>2</v>
      </c>
      <c r="AV22" s="177">
        <v>0</v>
      </c>
      <c r="AW22" s="182">
        <v>2</v>
      </c>
      <c r="AX22" s="179">
        <v>0</v>
      </c>
      <c r="AY22" s="177">
        <v>19</v>
      </c>
      <c r="AZ22" s="177">
        <v>14</v>
      </c>
      <c r="BA22" s="177">
        <v>16</v>
      </c>
      <c r="BB22" s="177">
        <v>4</v>
      </c>
      <c r="BC22" s="177">
        <v>1</v>
      </c>
      <c r="BD22" s="182">
        <v>54</v>
      </c>
      <c r="BE22" s="181">
        <v>56</v>
      </c>
      <c r="BF22" s="176">
        <v>0</v>
      </c>
      <c r="BG22" s="177">
        <v>0</v>
      </c>
      <c r="BH22" s="182">
        <v>0</v>
      </c>
      <c r="BI22" s="179">
        <v>0</v>
      </c>
      <c r="BJ22" s="177">
        <v>20</v>
      </c>
      <c r="BK22" s="177">
        <v>31</v>
      </c>
      <c r="BL22" s="177">
        <v>57</v>
      </c>
      <c r="BM22" s="177">
        <v>13</v>
      </c>
      <c r="BN22" s="177">
        <v>17</v>
      </c>
      <c r="BO22" s="180">
        <v>138</v>
      </c>
      <c r="BP22" s="181">
        <v>138</v>
      </c>
      <c r="BQ22" s="176">
        <v>0</v>
      </c>
      <c r="BR22" s="177">
        <v>0</v>
      </c>
      <c r="BS22" s="182">
        <v>0</v>
      </c>
      <c r="BT22" s="179">
        <v>0</v>
      </c>
      <c r="BU22" s="177">
        <v>0</v>
      </c>
      <c r="BV22" s="177">
        <v>0</v>
      </c>
      <c r="BW22" s="177">
        <v>0</v>
      </c>
      <c r="BX22" s="177">
        <v>0</v>
      </c>
      <c r="BY22" s="177">
        <v>0</v>
      </c>
      <c r="BZ22" s="182">
        <v>0</v>
      </c>
      <c r="CA22" s="181">
        <v>0</v>
      </c>
      <c r="CB22" s="176">
        <v>0</v>
      </c>
      <c r="CC22" s="177">
        <v>0</v>
      </c>
      <c r="CD22" s="182">
        <v>0</v>
      </c>
      <c r="CE22" s="179">
        <v>0</v>
      </c>
      <c r="CF22" s="177">
        <v>0</v>
      </c>
      <c r="CG22" s="177">
        <v>0</v>
      </c>
      <c r="CH22" s="177">
        <v>0</v>
      </c>
      <c r="CI22" s="177">
        <v>0</v>
      </c>
      <c r="CJ22" s="177">
        <v>0</v>
      </c>
      <c r="CK22" s="182">
        <v>0</v>
      </c>
      <c r="CL22" s="181">
        <v>0</v>
      </c>
      <c r="CM22" s="176">
        <v>0</v>
      </c>
      <c r="CN22" s="177">
        <v>0</v>
      </c>
      <c r="CO22" s="182">
        <v>0</v>
      </c>
      <c r="CP22" s="179">
        <v>0</v>
      </c>
      <c r="CQ22" s="177">
        <v>0</v>
      </c>
      <c r="CR22" s="177">
        <v>0</v>
      </c>
      <c r="CS22" s="177">
        <v>0</v>
      </c>
      <c r="CT22" s="177">
        <v>0</v>
      </c>
      <c r="CU22" s="177">
        <v>0</v>
      </c>
      <c r="CV22" s="182">
        <v>0</v>
      </c>
      <c r="CW22" s="181">
        <v>0</v>
      </c>
    </row>
    <row r="23" spans="2:101" ht="21" customHeight="1" x14ac:dyDescent="0.2">
      <c r="B23" s="92" t="s">
        <v>21</v>
      </c>
      <c r="C23" s="176">
        <v>0</v>
      </c>
      <c r="D23" s="182">
        <v>0</v>
      </c>
      <c r="E23" s="193">
        <v>0</v>
      </c>
      <c r="F23" s="179">
        <v>0</v>
      </c>
      <c r="G23" s="177">
        <v>1</v>
      </c>
      <c r="H23" s="177">
        <v>3</v>
      </c>
      <c r="I23" s="177">
        <v>1</v>
      </c>
      <c r="J23" s="177">
        <v>0</v>
      </c>
      <c r="K23" s="177">
        <v>1</v>
      </c>
      <c r="L23" s="180">
        <v>6</v>
      </c>
      <c r="M23" s="181">
        <v>6</v>
      </c>
      <c r="N23" s="176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0</v>
      </c>
      <c r="T23" s="177">
        <v>0</v>
      </c>
      <c r="U23" s="177">
        <v>0</v>
      </c>
      <c r="V23" s="177">
        <v>0</v>
      </c>
      <c r="W23" s="182">
        <v>0</v>
      </c>
      <c r="X23" s="181">
        <v>0</v>
      </c>
      <c r="Y23" s="176">
        <v>0</v>
      </c>
      <c r="Z23" s="177">
        <v>0</v>
      </c>
      <c r="AA23" s="182">
        <v>0</v>
      </c>
      <c r="AB23" s="179">
        <v>0</v>
      </c>
      <c r="AC23" s="177">
        <v>228</v>
      </c>
      <c r="AD23" s="177">
        <v>180</v>
      </c>
      <c r="AE23" s="177">
        <v>91</v>
      </c>
      <c r="AF23" s="177">
        <v>32</v>
      </c>
      <c r="AG23" s="177">
        <v>17</v>
      </c>
      <c r="AH23" s="182">
        <v>548</v>
      </c>
      <c r="AI23" s="181">
        <v>548</v>
      </c>
      <c r="AJ23" s="176">
        <v>0</v>
      </c>
      <c r="AK23" s="177">
        <v>0</v>
      </c>
      <c r="AL23" s="182">
        <v>0</v>
      </c>
      <c r="AM23" s="179">
        <v>0</v>
      </c>
      <c r="AN23" s="177">
        <v>0</v>
      </c>
      <c r="AO23" s="177">
        <v>0</v>
      </c>
      <c r="AP23" s="177">
        <v>0</v>
      </c>
      <c r="AQ23" s="177">
        <v>0</v>
      </c>
      <c r="AR23" s="177">
        <v>0</v>
      </c>
      <c r="AS23" s="182">
        <v>0</v>
      </c>
      <c r="AT23" s="181">
        <v>0</v>
      </c>
      <c r="AU23" s="176">
        <v>0</v>
      </c>
      <c r="AV23" s="177">
        <v>0</v>
      </c>
      <c r="AW23" s="182">
        <v>0</v>
      </c>
      <c r="AX23" s="179">
        <v>0</v>
      </c>
      <c r="AY23" s="177">
        <v>8</v>
      </c>
      <c r="AZ23" s="177">
        <v>5</v>
      </c>
      <c r="BA23" s="177">
        <v>19</v>
      </c>
      <c r="BB23" s="177">
        <v>4</v>
      </c>
      <c r="BC23" s="177">
        <v>3</v>
      </c>
      <c r="BD23" s="182">
        <v>39</v>
      </c>
      <c r="BE23" s="181">
        <v>39</v>
      </c>
      <c r="BF23" s="176">
        <v>0</v>
      </c>
      <c r="BG23" s="177">
        <v>1</v>
      </c>
      <c r="BH23" s="182">
        <v>1</v>
      </c>
      <c r="BI23" s="179">
        <v>0</v>
      </c>
      <c r="BJ23" s="177">
        <v>16</v>
      </c>
      <c r="BK23" s="177">
        <v>40</v>
      </c>
      <c r="BL23" s="177">
        <v>37</v>
      </c>
      <c r="BM23" s="177">
        <v>21</v>
      </c>
      <c r="BN23" s="177">
        <v>7</v>
      </c>
      <c r="BO23" s="180">
        <v>121</v>
      </c>
      <c r="BP23" s="181">
        <v>122</v>
      </c>
      <c r="BQ23" s="176">
        <v>0</v>
      </c>
      <c r="BR23" s="177">
        <v>0</v>
      </c>
      <c r="BS23" s="182">
        <v>0</v>
      </c>
      <c r="BT23" s="179">
        <v>0</v>
      </c>
      <c r="BU23" s="177">
        <v>0</v>
      </c>
      <c r="BV23" s="177">
        <v>0</v>
      </c>
      <c r="BW23" s="177">
        <v>0</v>
      </c>
      <c r="BX23" s="177">
        <v>0</v>
      </c>
      <c r="BY23" s="177">
        <v>0</v>
      </c>
      <c r="BZ23" s="182">
        <v>0</v>
      </c>
      <c r="CA23" s="181">
        <v>0</v>
      </c>
      <c r="CB23" s="176">
        <v>0</v>
      </c>
      <c r="CC23" s="177">
        <v>0</v>
      </c>
      <c r="CD23" s="182">
        <v>0</v>
      </c>
      <c r="CE23" s="179">
        <v>0</v>
      </c>
      <c r="CF23" s="177">
        <v>0</v>
      </c>
      <c r="CG23" s="177">
        <v>0</v>
      </c>
      <c r="CH23" s="177">
        <v>0</v>
      </c>
      <c r="CI23" s="177">
        <v>0</v>
      </c>
      <c r="CJ23" s="177">
        <v>0</v>
      </c>
      <c r="CK23" s="182">
        <v>0</v>
      </c>
      <c r="CL23" s="181">
        <v>0</v>
      </c>
      <c r="CM23" s="176">
        <v>0</v>
      </c>
      <c r="CN23" s="177">
        <v>0</v>
      </c>
      <c r="CO23" s="182">
        <v>0</v>
      </c>
      <c r="CP23" s="179">
        <v>0</v>
      </c>
      <c r="CQ23" s="177">
        <v>0</v>
      </c>
      <c r="CR23" s="177">
        <v>0</v>
      </c>
      <c r="CS23" s="177">
        <v>0</v>
      </c>
      <c r="CT23" s="177">
        <v>0</v>
      </c>
      <c r="CU23" s="177">
        <v>2</v>
      </c>
      <c r="CV23" s="182">
        <v>2</v>
      </c>
      <c r="CW23" s="181">
        <v>2</v>
      </c>
    </row>
    <row r="24" spans="2:101" ht="21" customHeight="1" x14ac:dyDescent="0.2">
      <c r="B24" s="92" t="s">
        <v>22</v>
      </c>
      <c r="C24" s="176">
        <v>0</v>
      </c>
      <c r="D24" s="182">
        <v>0</v>
      </c>
      <c r="E24" s="193">
        <v>0</v>
      </c>
      <c r="F24" s="179">
        <v>0</v>
      </c>
      <c r="G24" s="177">
        <v>0</v>
      </c>
      <c r="H24" s="177">
        <v>6</v>
      </c>
      <c r="I24" s="177">
        <v>6</v>
      </c>
      <c r="J24" s="177">
        <v>4</v>
      </c>
      <c r="K24" s="177">
        <v>0</v>
      </c>
      <c r="L24" s="180">
        <v>16</v>
      </c>
      <c r="M24" s="181">
        <v>16</v>
      </c>
      <c r="N24" s="176">
        <v>0</v>
      </c>
      <c r="O24" s="177">
        <v>0</v>
      </c>
      <c r="P24" s="182">
        <v>0</v>
      </c>
      <c r="Q24" s="179">
        <v>0</v>
      </c>
      <c r="R24" s="177">
        <v>0</v>
      </c>
      <c r="S24" s="177">
        <v>0</v>
      </c>
      <c r="T24" s="177">
        <v>0</v>
      </c>
      <c r="U24" s="177">
        <v>0</v>
      </c>
      <c r="V24" s="177">
        <v>0</v>
      </c>
      <c r="W24" s="182">
        <v>0</v>
      </c>
      <c r="X24" s="181">
        <v>0</v>
      </c>
      <c r="Y24" s="176">
        <v>0</v>
      </c>
      <c r="Z24" s="177">
        <v>0</v>
      </c>
      <c r="AA24" s="182">
        <v>0</v>
      </c>
      <c r="AB24" s="179">
        <v>0</v>
      </c>
      <c r="AC24" s="177">
        <v>133</v>
      </c>
      <c r="AD24" s="177">
        <v>104</v>
      </c>
      <c r="AE24" s="177">
        <v>41</v>
      </c>
      <c r="AF24" s="177">
        <v>21</v>
      </c>
      <c r="AG24" s="177">
        <v>7</v>
      </c>
      <c r="AH24" s="182">
        <v>306</v>
      </c>
      <c r="AI24" s="181">
        <v>306</v>
      </c>
      <c r="AJ24" s="176">
        <v>0</v>
      </c>
      <c r="AK24" s="177">
        <v>0</v>
      </c>
      <c r="AL24" s="182">
        <v>0</v>
      </c>
      <c r="AM24" s="179">
        <v>0</v>
      </c>
      <c r="AN24" s="177">
        <v>2</v>
      </c>
      <c r="AO24" s="177">
        <v>5</v>
      </c>
      <c r="AP24" s="177">
        <v>5</v>
      </c>
      <c r="AQ24" s="177">
        <v>6</v>
      </c>
      <c r="AR24" s="177">
        <v>1</v>
      </c>
      <c r="AS24" s="182">
        <v>19</v>
      </c>
      <c r="AT24" s="181">
        <v>19</v>
      </c>
      <c r="AU24" s="176">
        <v>2</v>
      </c>
      <c r="AV24" s="177">
        <v>4</v>
      </c>
      <c r="AW24" s="182">
        <v>6</v>
      </c>
      <c r="AX24" s="179">
        <v>0</v>
      </c>
      <c r="AY24" s="177">
        <v>20</v>
      </c>
      <c r="AZ24" s="177">
        <v>26</v>
      </c>
      <c r="BA24" s="177">
        <v>18</v>
      </c>
      <c r="BB24" s="177">
        <v>9</v>
      </c>
      <c r="BC24" s="177">
        <v>9</v>
      </c>
      <c r="BD24" s="182">
        <v>82</v>
      </c>
      <c r="BE24" s="181">
        <v>88</v>
      </c>
      <c r="BF24" s="176">
        <v>0</v>
      </c>
      <c r="BG24" s="177">
        <v>1</v>
      </c>
      <c r="BH24" s="182">
        <v>1</v>
      </c>
      <c r="BI24" s="179">
        <v>0</v>
      </c>
      <c r="BJ24" s="177">
        <v>8</v>
      </c>
      <c r="BK24" s="177">
        <v>18</v>
      </c>
      <c r="BL24" s="177">
        <v>17</v>
      </c>
      <c r="BM24" s="177">
        <v>13</v>
      </c>
      <c r="BN24" s="177">
        <v>4</v>
      </c>
      <c r="BO24" s="180">
        <v>60</v>
      </c>
      <c r="BP24" s="181">
        <v>61</v>
      </c>
      <c r="BQ24" s="176">
        <v>0</v>
      </c>
      <c r="BR24" s="177">
        <v>0</v>
      </c>
      <c r="BS24" s="182">
        <v>0</v>
      </c>
      <c r="BT24" s="179">
        <v>0</v>
      </c>
      <c r="BU24" s="177">
        <v>0</v>
      </c>
      <c r="BV24" s="177">
        <v>0</v>
      </c>
      <c r="BW24" s="177">
        <v>0</v>
      </c>
      <c r="BX24" s="177">
        <v>0</v>
      </c>
      <c r="BY24" s="177">
        <v>0</v>
      </c>
      <c r="BZ24" s="182">
        <v>0</v>
      </c>
      <c r="CA24" s="181">
        <v>0</v>
      </c>
      <c r="CB24" s="176">
        <v>0</v>
      </c>
      <c r="CC24" s="177">
        <v>0</v>
      </c>
      <c r="CD24" s="182">
        <v>0</v>
      </c>
      <c r="CE24" s="179">
        <v>0</v>
      </c>
      <c r="CF24" s="177">
        <v>0</v>
      </c>
      <c r="CG24" s="177">
        <v>2</v>
      </c>
      <c r="CH24" s="177">
        <v>8</v>
      </c>
      <c r="CI24" s="177">
        <v>13</v>
      </c>
      <c r="CJ24" s="177">
        <v>8</v>
      </c>
      <c r="CK24" s="182">
        <v>31</v>
      </c>
      <c r="CL24" s="181">
        <v>31</v>
      </c>
      <c r="CM24" s="176">
        <v>0</v>
      </c>
      <c r="CN24" s="177">
        <v>0</v>
      </c>
      <c r="CO24" s="182">
        <v>0</v>
      </c>
      <c r="CP24" s="179">
        <v>0</v>
      </c>
      <c r="CQ24" s="177">
        <v>0</v>
      </c>
      <c r="CR24" s="177">
        <v>0</v>
      </c>
      <c r="CS24" s="177">
        <v>0</v>
      </c>
      <c r="CT24" s="177">
        <v>0</v>
      </c>
      <c r="CU24" s="177">
        <v>0</v>
      </c>
      <c r="CV24" s="182">
        <v>0</v>
      </c>
      <c r="CW24" s="181">
        <v>0</v>
      </c>
    </row>
    <row r="25" spans="2:101" ht="21" customHeight="1" x14ac:dyDescent="0.2">
      <c r="B25" s="92" t="s">
        <v>23</v>
      </c>
      <c r="C25" s="176">
        <v>0</v>
      </c>
      <c r="D25" s="182">
        <v>0</v>
      </c>
      <c r="E25" s="193">
        <v>0</v>
      </c>
      <c r="F25" s="179">
        <v>0</v>
      </c>
      <c r="G25" s="177">
        <v>0</v>
      </c>
      <c r="H25" s="177">
        <v>0</v>
      </c>
      <c r="I25" s="177">
        <v>1</v>
      </c>
      <c r="J25" s="177">
        <v>0</v>
      </c>
      <c r="K25" s="177">
        <v>1</v>
      </c>
      <c r="L25" s="180">
        <v>2</v>
      </c>
      <c r="M25" s="181">
        <v>2</v>
      </c>
      <c r="N25" s="176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0</v>
      </c>
      <c r="T25" s="177">
        <v>0</v>
      </c>
      <c r="U25" s="177">
        <v>0</v>
      </c>
      <c r="V25" s="177">
        <v>0</v>
      </c>
      <c r="W25" s="182">
        <v>0</v>
      </c>
      <c r="X25" s="181">
        <v>0</v>
      </c>
      <c r="Y25" s="176">
        <v>0</v>
      </c>
      <c r="Z25" s="177">
        <v>0</v>
      </c>
      <c r="AA25" s="182">
        <v>0</v>
      </c>
      <c r="AB25" s="179">
        <v>0</v>
      </c>
      <c r="AC25" s="177">
        <v>73</v>
      </c>
      <c r="AD25" s="177">
        <v>57</v>
      </c>
      <c r="AE25" s="177">
        <v>29</v>
      </c>
      <c r="AF25" s="177">
        <v>17</v>
      </c>
      <c r="AG25" s="177">
        <v>8</v>
      </c>
      <c r="AH25" s="182">
        <v>184</v>
      </c>
      <c r="AI25" s="181">
        <v>184</v>
      </c>
      <c r="AJ25" s="176">
        <v>0</v>
      </c>
      <c r="AK25" s="177">
        <v>0</v>
      </c>
      <c r="AL25" s="182">
        <v>0</v>
      </c>
      <c r="AM25" s="179">
        <v>0</v>
      </c>
      <c r="AN25" s="177">
        <v>0</v>
      </c>
      <c r="AO25" s="177">
        <v>0</v>
      </c>
      <c r="AP25" s="177">
        <v>2</v>
      </c>
      <c r="AQ25" s="177">
        <v>1</v>
      </c>
      <c r="AR25" s="177">
        <v>0</v>
      </c>
      <c r="AS25" s="182">
        <v>3</v>
      </c>
      <c r="AT25" s="181">
        <v>3</v>
      </c>
      <c r="AU25" s="176">
        <v>1</v>
      </c>
      <c r="AV25" s="177">
        <v>0</v>
      </c>
      <c r="AW25" s="182">
        <v>1</v>
      </c>
      <c r="AX25" s="179">
        <v>0</v>
      </c>
      <c r="AY25" s="177">
        <v>5</v>
      </c>
      <c r="AZ25" s="177">
        <v>3</v>
      </c>
      <c r="BA25" s="177">
        <v>4</v>
      </c>
      <c r="BB25" s="177">
        <v>0</v>
      </c>
      <c r="BC25" s="177">
        <v>0</v>
      </c>
      <c r="BD25" s="182">
        <v>12</v>
      </c>
      <c r="BE25" s="181">
        <v>13</v>
      </c>
      <c r="BF25" s="176">
        <v>0</v>
      </c>
      <c r="BG25" s="177">
        <v>0</v>
      </c>
      <c r="BH25" s="182">
        <v>0</v>
      </c>
      <c r="BI25" s="179">
        <v>0</v>
      </c>
      <c r="BJ25" s="177">
        <v>37</v>
      </c>
      <c r="BK25" s="177">
        <v>23</v>
      </c>
      <c r="BL25" s="177">
        <v>26</v>
      </c>
      <c r="BM25" s="177">
        <v>15</v>
      </c>
      <c r="BN25" s="177">
        <v>12</v>
      </c>
      <c r="BO25" s="180">
        <v>113</v>
      </c>
      <c r="BP25" s="181">
        <v>113</v>
      </c>
      <c r="BQ25" s="176">
        <v>0</v>
      </c>
      <c r="BR25" s="177">
        <v>0</v>
      </c>
      <c r="BS25" s="182">
        <v>0</v>
      </c>
      <c r="BT25" s="179">
        <v>0</v>
      </c>
      <c r="BU25" s="177">
        <v>0</v>
      </c>
      <c r="BV25" s="177">
        <v>0</v>
      </c>
      <c r="BW25" s="177">
        <v>0</v>
      </c>
      <c r="BX25" s="177">
        <v>0</v>
      </c>
      <c r="BY25" s="177">
        <v>0</v>
      </c>
      <c r="BZ25" s="182">
        <v>0</v>
      </c>
      <c r="CA25" s="181">
        <v>0</v>
      </c>
      <c r="CB25" s="176">
        <v>0</v>
      </c>
      <c r="CC25" s="177">
        <v>0</v>
      </c>
      <c r="CD25" s="182">
        <v>0</v>
      </c>
      <c r="CE25" s="179">
        <v>0</v>
      </c>
      <c r="CF25" s="177">
        <v>0</v>
      </c>
      <c r="CG25" s="177">
        <v>0</v>
      </c>
      <c r="CH25" s="177">
        <v>0</v>
      </c>
      <c r="CI25" s="177">
        <v>0</v>
      </c>
      <c r="CJ25" s="177">
        <v>0</v>
      </c>
      <c r="CK25" s="182">
        <v>0</v>
      </c>
      <c r="CL25" s="181">
        <v>0</v>
      </c>
      <c r="CM25" s="176">
        <v>0</v>
      </c>
      <c r="CN25" s="177">
        <v>0</v>
      </c>
      <c r="CO25" s="182">
        <v>0</v>
      </c>
      <c r="CP25" s="179">
        <v>0</v>
      </c>
      <c r="CQ25" s="177">
        <v>2</v>
      </c>
      <c r="CR25" s="177">
        <v>2</v>
      </c>
      <c r="CS25" s="177">
        <v>3</v>
      </c>
      <c r="CT25" s="177">
        <v>7</v>
      </c>
      <c r="CU25" s="177">
        <v>2</v>
      </c>
      <c r="CV25" s="182">
        <v>16</v>
      </c>
      <c r="CW25" s="181">
        <v>16</v>
      </c>
    </row>
    <row r="26" spans="2:101" ht="21" customHeight="1" x14ac:dyDescent="0.2">
      <c r="B26" s="92" t="s">
        <v>24</v>
      </c>
      <c r="C26" s="176">
        <v>0</v>
      </c>
      <c r="D26" s="182">
        <v>0</v>
      </c>
      <c r="E26" s="193">
        <v>0</v>
      </c>
      <c r="F26" s="179">
        <v>0</v>
      </c>
      <c r="G26" s="177">
        <v>1</v>
      </c>
      <c r="H26" s="177">
        <v>1</v>
      </c>
      <c r="I26" s="177">
        <v>2</v>
      </c>
      <c r="J26" s="177">
        <v>3</v>
      </c>
      <c r="K26" s="177">
        <v>2</v>
      </c>
      <c r="L26" s="180">
        <v>9</v>
      </c>
      <c r="M26" s="181">
        <v>9</v>
      </c>
      <c r="N26" s="176">
        <v>0</v>
      </c>
      <c r="O26" s="177">
        <v>0</v>
      </c>
      <c r="P26" s="182">
        <v>0</v>
      </c>
      <c r="Q26" s="179">
        <v>0</v>
      </c>
      <c r="R26" s="177">
        <v>0</v>
      </c>
      <c r="S26" s="177">
        <v>0</v>
      </c>
      <c r="T26" s="177">
        <v>0</v>
      </c>
      <c r="U26" s="177">
        <v>0</v>
      </c>
      <c r="V26" s="177">
        <v>0</v>
      </c>
      <c r="W26" s="182">
        <v>0</v>
      </c>
      <c r="X26" s="181">
        <v>0</v>
      </c>
      <c r="Y26" s="176">
        <v>0</v>
      </c>
      <c r="Z26" s="177">
        <v>0</v>
      </c>
      <c r="AA26" s="182">
        <v>0</v>
      </c>
      <c r="AB26" s="179">
        <v>0</v>
      </c>
      <c r="AC26" s="177">
        <v>24</v>
      </c>
      <c r="AD26" s="177">
        <v>11</v>
      </c>
      <c r="AE26" s="177">
        <v>16</v>
      </c>
      <c r="AF26" s="177">
        <v>6</v>
      </c>
      <c r="AG26" s="177">
        <v>5</v>
      </c>
      <c r="AH26" s="182">
        <v>62</v>
      </c>
      <c r="AI26" s="181">
        <v>62</v>
      </c>
      <c r="AJ26" s="176">
        <v>0</v>
      </c>
      <c r="AK26" s="177">
        <v>0</v>
      </c>
      <c r="AL26" s="182">
        <v>0</v>
      </c>
      <c r="AM26" s="179">
        <v>0</v>
      </c>
      <c r="AN26" s="177">
        <v>7</v>
      </c>
      <c r="AO26" s="177">
        <v>5</v>
      </c>
      <c r="AP26" s="177">
        <v>2</v>
      </c>
      <c r="AQ26" s="177">
        <v>3</v>
      </c>
      <c r="AR26" s="177">
        <v>1</v>
      </c>
      <c r="AS26" s="182">
        <v>18</v>
      </c>
      <c r="AT26" s="181">
        <v>18</v>
      </c>
      <c r="AU26" s="176">
        <v>4</v>
      </c>
      <c r="AV26" s="177">
        <v>2</v>
      </c>
      <c r="AW26" s="182">
        <v>6</v>
      </c>
      <c r="AX26" s="179">
        <v>0</v>
      </c>
      <c r="AY26" s="177">
        <v>14</v>
      </c>
      <c r="AZ26" s="177">
        <v>16</v>
      </c>
      <c r="BA26" s="177">
        <v>4</v>
      </c>
      <c r="BB26" s="177">
        <v>2</v>
      </c>
      <c r="BC26" s="177">
        <v>0</v>
      </c>
      <c r="BD26" s="182">
        <v>36</v>
      </c>
      <c r="BE26" s="181">
        <v>42</v>
      </c>
      <c r="BF26" s="176">
        <v>0</v>
      </c>
      <c r="BG26" s="177">
        <v>0</v>
      </c>
      <c r="BH26" s="182">
        <v>0</v>
      </c>
      <c r="BI26" s="179">
        <v>0</v>
      </c>
      <c r="BJ26" s="177">
        <v>2</v>
      </c>
      <c r="BK26" s="177">
        <v>6</v>
      </c>
      <c r="BL26" s="177">
        <v>5</v>
      </c>
      <c r="BM26" s="177">
        <v>3</v>
      </c>
      <c r="BN26" s="177">
        <v>3</v>
      </c>
      <c r="BO26" s="180">
        <v>19</v>
      </c>
      <c r="BP26" s="181">
        <v>19</v>
      </c>
      <c r="BQ26" s="176">
        <v>0</v>
      </c>
      <c r="BR26" s="177">
        <v>0</v>
      </c>
      <c r="BS26" s="182">
        <v>0</v>
      </c>
      <c r="BT26" s="179">
        <v>0</v>
      </c>
      <c r="BU26" s="177">
        <v>0</v>
      </c>
      <c r="BV26" s="177">
        <v>0</v>
      </c>
      <c r="BW26" s="177">
        <v>0</v>
      </c>
      <c r="BX26" s="177">
        <v>0</v>
      </c>
      <c r="BY26" s="177">
        <v>0</v>
      </c>
      <c r="BZ26" s="182">
        <v>0</v>
      </c>
      <c r="CA26" s="181">
        <v>0</v>
      </c>
      <c r="CB26" s="176">
        <v>0</v>
      </c>
      <c r="CC26" s="177">
        <v>0</v>
      </c>
      <c r="CD26" s="182">
        <v>0</v>
      </c>
      <c r="CE26" s="179">
        <v>0</v>
      </c>
      <c r="CF26" s="177">
        <v>0</v>
      </c>
      <c r="CG26" s="177">
        <v>0</v>
      </c>
      <c r="CH26" s="177">
        <v>0</v>
      </c>
      <c r="CI26" s="177">
        <v>0</v>
      </c>
      <c r="CJ26" s="177">
        <v>0</v>
      </c>
      <c r="CK26" s="182">
        <v>0</v>
      </c>
      <c r="CL26" s="181">
        <v>0</v>
      </c>
      <c r="CM26" s="176">
        <v>0</v>
      </c>
      <c r="CN26" s="177">
        <v>0</v>
      </c>
      <c r="CO26" s="182">
        <v>0</v>
      </c>
      <c r="CP26" s="179">
        <v>0</v>
      </c>
      <c r="CQ26" s="177">
        <v>0</v>
      </c>
      <c r="CR26" s="177">
        <v>0</v>
      </c>
      <c r="CS26" s="177">
        <v>0</v>
      </c>
      <c r="CT26" s="177">
        <v>0</v>
      </c>
      <c r="CU26" s="177">
        <v>0</v>
      </c>
      <c r="CV26" s="182">
        <v>0</v>
      </c>
      <c r="CW26" s="181">
        <v>0</v>
      </c>
    </row>
    <row r="27" spans="2:101" ht="21" customHeight="1" x14ac:dyDescent="0.2">
      <c r="B27" s="92" t="s">
        <v>25</v>
      </c>
      <c r="C27" s="176">
        <v>0</v>
      </c>
      <c r="D27" s="182">
        <v>0</v>
      </c>
      <c r="E27" s="193">
        <v>0</v>
      </c>
      <c r="F27" s="179">
        <v>0</v>
      </c>
      <c r="G27" s="177">
        <v>0</v>
      </c>
      <c r="H27" s="177">
        <v>0</v>
      </c>
      <c r="I27" s="177">
        <v>0</v>
      </c>
      <c r="J27" s="177">
        <v>0</v>
      </c>
      <c r="K27" s="177">
        <v>0</v>
      </c>
      <c r="L27" s="180">
        <v>0</v>
      </c>
      <c r="M27" s="181">
        <v>0</v>
      </c>
      <c r="N27" s="176">
        <v>0</v>
      </c>
      <c r="O27" s="177">
        <v>0</v>
      </c>
      <c r="P27" s="182">
        <v>0</v>
      </c>
      <c r="Q27" s="179">
        <v>0</v>
      </c>
      <c r="R27" s="177">
        <v>0</v>
      </c>
      <c r="S27" s="177">
        <v>0</v>
      </c>
      <c r="T27" s="177">
        <v>0</v>
      </c>
      <c r="U27" s="177">
        <v>0</v>
      </c>
      <c r="V27" s="177">
        <v>0</v>
      </c>
      <c r="W27" s="182">
        <v>0</v>
      </c>
      <c r="X27" s="181">
        <v>0</v>
      </c>
      <c r="Y27" s="176">
        <v>0</v>
      </c>
      <c r="Z27" s="177">
        <v>0</v>
      </c>
      <c r="AA27" s="182">
        <v>0</v>
      </c>
      <c r="AB27" s="179">
        <v>0</v>
      </c>
      <c r="AC27" s="177">
        <v>80</v>
      </c>
      <c r="AD27" s="177">
        <v>44</v>
      </c>
      <c r="AE27" s="177">
        <v>16</v>
      </c>
      <c r="AF27" s="177">
        <v>9</v>
      </c>
      <c r="AG27" s="177">
        <v>0</v>
      </c>
      <c r="AH27" s="182">
        <v>149</v>
      </c>
      <c r="AI27" s="181">
        <v>149</v>
      </c>
      <c r="AJ27" s="176">
        <v>0</v>
      </c>
      <c r="AK27" s="177">
        <v>0</v>
      </c>
      <c r="AL27" s="182">
        <v>0</v>
      </c>
      <c r="AM27" s="179">
        <v>0</v>
      </c>
      <c r="AN27" s="177">
        <v>0</v>
      </c>
      <c r="AO27" s="177">
        <v>0</v>
      </c>
      <c r="AP27" s="177">
        <v>0</v>
      </c>
      <c r="AQ27" s="177">
        <v>0</v>
      </c>
      <c r="AR27" s="177">
        <v>0</v>
      </c>
      <c r="AS27" s="182">
        <v>0</v>
      </c>
      <c r="AT27" s="181">
        <v>0</v>
      </c>
      <c r="AU27" s="176">
        <v>0</v>
      </c>
      <c r="AV27" s="177">
        <v>3</v>
      </c>
      <c r="AW27" s="182">
        <v>3</v>
      </c>
      <c r="AX27" s="179">
        <v>0</v>
      </c>
      <c r="AY27" s="177">
        <v>7</v>
      </c>
      <c r="AZ27" s="177">
        <v>4</v>
      </c>
      <c r="BA27" s="177">
        <v>1</v>
      </c>
      <c r="BB27" s="177">
        <v>4</v>
      </c>
      <c r="BC27" s="177">
        <v>0</v>
      </c>
      <c r="BD27" s="182">
        <v>16</v>
      </c>
      <c r="BE27" s="181">
        <v>19</v>
      </c>
      <c r="BF27" s="176">
        <v>0</v>
      </c>
      <c r="BG27" s="177">
        <v>0</v>
      </c>
      <c r="BH27" s="182">
        <v>0</v>
      </c>
      <c r="BI27" s="179">
        <v>0</v>
      </c>
      <c r="BJ27" s="177">
        <v>10</v>
      </c>
      <c r="BK27" s="177">
        <v>6</v>
      </c>
      <c r="BL27" s="177">
        <v>10</v>
      </c>
      <c r="BM27" s="177">
        <v>5</v>
      </c>
      <c r="BN27" s="177">
        <v>2</v>
      </c>
      <c r="BO27" s="180">
        <v>33</v>
      </c>
      <c r="BP27" s="181">
        <v>33</v>
      </c>
      <c r="BQ27" s="176">
        <v>0</v>
      </c>
      <c r="BR27" s="177">
        <v>0</v>
      </c>
      <c r="BS27" s="182">
        <v>0</v>
      </c>
      <c r="BT27" s="179">
        <v>0</v>
      </c>
      <c r="BU27" s="177">
        <v>0</v>
      </c>
      <c r="BV27" s="177">
        <v>0</v>
      </c>
      <c r="BW27" s="177">
        <v>0</v>
      </c>
      <c r="BX27" s="177">
        <v>0</v>
      </c>
      <c r="BY27" s="177">
        <v>0</v>
      </c>
      <c r="BZ27" s="182">
        <v>0</v>
      </c>
      <c r="CA27" s="181">
        <v>0</v>
      </c>
      <c r="CB27" s="176">
        <v>0</v>
      </c>
      <c r="CC27" s="177">
        <v>0</v>
      </c>
      <c r="CD27" s="182">
        <v>0</v>
      </c>
      <c r="CE27" s="179">
        <v>0</v>
      </c>
      <c r="CF27" s="177">
        <v>0</v>
      </c>
      <c r="CG27" s="177">
        <v>0</v>
      </c>
      <c r="CH27" s="177">
        <v>0</v>
      </c>
      <c r="CI27" s="177">
        <v>0</v>
      </c>
      <c r="CJ27" s="177">
        <v>0</v>
      </c>
      <c r="CK27" s="182">
        <v>0</v>
      </c>
      <c r="CL27" s="181">
        <v>0</v>
      </c>
      <c r="CM27" s="176">
        <v>0</v>
      </c>
      <c r="CN27" s="177">
        <v>0</v>
      </c>
      <c r="CO27" s="182">
        <v>0</v>
      </c>
      <c r="CP27" s="179">
        <v>0</v>
      </c>
      <c r="CQ27" s="177">
        <v>0</v>
      </c>
      <c r="CR27" s="177">
        <v>0</v>
      </c>
      <c r="CS27" s="177">
        <v>0</v>
      </c>
      <c r="CT27" s="177">
        <v>0</v>
      </c>
      <c r="CU27" s="177">
        <v>0</v>
      </c>
      <c r="CV27" s="182">
        <v>0</v>
      </c>
      <c r="CW27" s="181">
        <v>0</v>
      </c>
    </row>
    <row r="28" spans="2:101" ht="21" customHeight="1" x14ac:dyDescent="0.2">
      <c r="B28" s="92" t="s">
        <v>26</v>
      </c>
      <c r="C28" s="176">
        <v>0</v>
      </c>
      <c r="D28" s="182">
        <v>0</v>
      </c>
      <c r="E28" s="193">
        <v>0</v>
      </c>
      <c r="F28" s="179">
        <v>0</v>
      </c>
      <c r="G28" s="177">
        <v>0</v>
      </c>
      <c r="H28" s="177">
        <v>0</v>
      </c>
      <c r="I28" s="177">
        <v>0</v>
      </c>
      <c r="J28" s="177">
        <v>0</v>
      </c>
      <c r="K28" s="177">
        <v>0</v>
      </c>
      <c r="L28" s="180">
        <v>0</v>
      </c>
      <c r="M28" s="181">
        <v>0</v>
      </c>
      <c r="N28" s="176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0</v>
      </c>
      <c r="U28" s="177">
        <v>0</v>
      </c>
      <c r="V28" s="177">
        <v>0</v>
      </c>
      <c r="W28" s="182">
        <v>0</v>
      </c>
      <c r="X28" s="181">
        <v>0</v>
      </c>
      <c r="Y28" s="176">
        <v>0</v>
      </c>
      <c r="Z28" s="177">
        <v>0</v>
      </c>
      <c r="AA28" s="182">
        <v>0</v>
      </c>
      <c r="AB28" s="179">
        <v>0</v>
      </c>
      <c r="AC28" s="177">
        <v>56</v>
      </c>
      <c r="AD28" s="177">
        <v>55</v>
      </c>
      <c r="AE28" s="177">
        <v>28</v>
      </c>
      <c r="AF28" s="177">
        <v>12</v>
      </c>
      <c r="AG28" s="177">
        <v>7</v>
      </c>
      <c r="AH28" s="182">
        <v>158</v>
      </c>
      <c r="AI28" s="181">
        <v>158</v>
      </c>
      <c r="AJ28" s="176">
        <v>0</v>
      </c>
      <c r="AK28" s="177">
        <v>0</v>
      </c>
      <c r="AL28" s="182">
        <v>0</v>
      </c>
      <c r="AM28" s="179">
        <v>0</v>
      </c>
      <c r="AN28" s="177">
        <v>0</v>
      </c>
      <c r="AO28" s="177">
        <v>0</v>
      </c>
      <c r="AP28" s="177">
        <v>0</v>
      </c>
      <c r="AQ28" s="177">
        <v>0</v>
      </c>
      <c r="AR28" s="177">
        <v>0</v>
      </c>
      <c r="AS28" s="182">
        <v>0</v>
      </c>
      <c r="AT28" s="181">
        <v>0</v>
      </c>
      <c r="AU28" s="176">
        <v>0</v>
      </c>
      <c r="AV28" s="177">
        <v>0</v>
      </c>
      <c r="AW28" s="182">
        <v>0</v>
      </c>
      <c r="AX28" s="179">
        <v>0</v>
      </c>
      <c r="AY28" s="177">
        <v>5</v>
      </c>
      <c r="AZ28" s="177">
        <v>7</v>
      </c>
      <c r="BA28" s="177">
        <v>7</v>
      </c>
      <c r="BB28" s="177">
        <v>1</v>
      </c>
      <c r="BC28" s="177">
        <v>2</v>
      </c>
      <c r="BD28" s="182">
        <v>22</v>
      </c>
      <c r="BE28" s="181">
        <v>22</v>
      </c>
      <c r="BF28" s="176">
        <v>0</v>
      </c>
      <c r="BG28" s="177">
        <v>0</v>
      </c>
      <c r="BH28" s="182">
        <v>0</v>
      </c>
      <c r="BI28" s="179">
        <v>0</v>
      </c>
      <c r="BJ28" s="177">
        <v>6</v>
      </c>
      <c r="BK28" s="177">
        <v>11</v>
      </c>
      <c r="BL28" s="177">
        <v>20</v>
      </c>
      <c r="BM28" s="177">
        <v>12</v>
      </c>
      <c r="BN28" s="177">
        <v>3</v>
      </c>
      <c r="BO28" s="180">
        <v>52</v>
      </c>
      <c r="BP28" s="181">
        <v>52</v>
      </c>
      <c r="BQ28" s="176">
        <v>0</v>
      </c>
      <c r="BR28" s="177">
        <v>0</v>
      </c>
      <c r="BS28" s="182">
        <v>0</v>
      </c>
      <c r="BT28" s="179">
        <v>0</v>
      </c>
      <c r="BU28" s="177">
        <v>0</v>
      </c>
      <c r="BV28" s="177">
        <v>0</v>
      </c>
      <c r="BW28" s="177">
        <v>0</v>
      </c>
      <c r="BX28" s="177">
        <v>0</v>
      </c>
      <c r="BY28" s="177">
        <v>0</v>
      </c>
      <c r="BZ28" s="182">
        <v>0</v>
      </c>
      <c r="CA28" s="181">
        <v>0</v>
      </c>
      <c r="CB28" s="176">
        <v>0</v>
      </c>
      <c r="CC28" s="177">
        <v>0</v>
      </c>
      <c r="CD28" s="182">
        <v>0</v>
      </c>
      <c r="CE28" s="179">
        <v>0</v>
      </c>
      <c r="CF28" s="177">
        <v>0</v>
      </c>
      <c r="CG28" s="177">
        <v>0</v>
      </c>
      <c r="CH28" s="177">
        <v>0</v>
      </c>
      <c r="CI28" s="177">
        <v>0</v>
      </c>
      <c r="CJ28" s="177">
        <v>0</v>
      </c>
      <c r="CK28" s="182">
        <v>0</v>
      </c>
      <c r="CL28" s="181">
        <v>0</v>
      </c>
      <c r="CM28" s="176">
        <v>0</v>
      </c>
      <c r="CN28" s="177">
        <v>0</v>
      </c>
      <c r="CO28" s="182">
        <v>0</v>
      </c>
      <c r="CP28" s="179">
        <v>0</v>
      </c>
      <c r="CQ28" s="177">
        <v>0</v>
      </c>
      <c r="CR28" s="177">
        <v>0</v>
      </c>
      <c r="CS28" s="177">
        <v>0</v>
      </c>
      <c r="CT28" s="177">
        <v>0</v>
      </c>
      <c r="CU28" s="177">
        <v>0</v>
      </c>
      <c r="CV28" s="182">
        <v>0</v>
      </c>
      <c r="CW28" s="181">
        <v>0</v>
      </c>
    </row>
    <row r="29" spans="2:101" ht="21" customHeight="1" x14ac:dyDescent="0.2">
      <c r="B29" s="92" t="s">
        <v>27</v>
      </c>
      <c r="C29" s="176">
        <v>0</v>
      </c>
      <c r="D29" s="182">
        <v>0</v>
      </c>
      <c r="E29" s="193">
        <v>0</v>
      </c>
      <c r="F29" s="179">
        <v>0</v>
      </c>
      <c r="G29" s="177">
        <v>0</v>
      </c>
      <c r="H29" s="177">
        <v>0</v>
      </c>
      <c r="I29" s="177">
        <v>1</v>
      </c>
      <c r="J29" s="177">
        <v>0</v>
      </c>
      <c r="K29" s="177">
        <v>0</v>
      </c>
      <c r="L29" s="180">
        <v>1</v>
      </c>
      <c r="M29" s="181">
        <v>1</v>
      </c>
      <c r="N29" s="176">
        <v>0</v>
      </c>
      <c r="O29" s="177">
        <v>0</v>
      </c>
      <c r="P29" s="182">
        <v>0</v>
      </c>
      <c r="Q29" s="179">
        <v>0</v>
      </c>
      <c r="R29" s="177">
        <v>0</v>
      </c>
      <c r="S29" s="177">
        <v>0</v>
      </c>
      <c r="T29" s="177">
        <v>0</v>
      </c>
      <c r="U29" s="177">
        <v>0</v>
      </c>
      <c r="V29" s="177">
        <v>0</v>
      </c>
      <c r="W29" s="182">
        <v>0</v>
      </c>
      <c r="X29" s="181">
        <v>0</v>
      </c>
      <c r="Y29" s="176">
        <v>0</v>
      </c>
      <c r="Z29" s="177">
        <v>0</v>
      </c>
      <c r="AA29" s="182">
        <v>0</v>
      </c>
      <c r="AB29" s="179">
        <v>0</v>
      </c>
      <c r="AC29" s="177">
        <v>39</v>
      </c>
      <c r="AD29" s="177">
        <v>17</v>
      </c>
      <c r="AE29" s="177">
        <v>7</v>
      </c>
      <c r="AF29" s="177">
        <v>2</v>
      </c>
      <c r="AG29" s="177">
        <v>1</v>
      </c>
      <c r="AH29" s="182">
        <v>66</v>
      </c>
      <c r="AI29" s="181">
        <v>66</v>
      </c>
      <c r="AJ29" s="176">
        <v>0</v>
      </c>
      <c r="AK29" s="177">
        <v>0</v>
      </c>
      <c r="AL29" s="182">
        <v>0</v>
      </c>
      <c r="AM29" s="179">
        <v>0</v>
      </c>
      <c r="AN29" s="177">
        <v>2</v>
      </c>
      <c r="AO29" s="177">
        <v>2</v>
      </c>
      <c r="AP29" s="177">
        <v>2</v>
      </c>
      <c r="AQ29" s="177">
        <v>1</v>
      </c>
      <c r="AR29" s="177">
        <v>0</v>
      </c>
      <c r="AS29" s="182">
        <v>7</v>
      </c>
      <c r="AT29" s="181">
        <v>7</v>
      </c>
      <c r="AU29" s="176">
        <v>0</v>
      </c>
      <c r="AV29" s="177">
        <v>0</v>
      </c>
      <c r="AW29" s="182">
        <v>0</v>
      </c>
      <c r="AX29" s="179">
        <v>0</v>
      </c>
      <c r="AY29" s="177">
        <v>13</v>
      </c>
      <c r="AZ29" s="177">
        <v>6</v>
      </c>
      <c r="BA29" s="177">
        <v>6</v>
      </c>
      <c r="BB29" s="177">
        <v>3</v>
      </c>
      <c r="BC29" s="177">
        <v>0</v>
      </c>
      <c r="BD29" s="182">
        <v>28</v>
      </c>
      <c r="BE29" s="181">
        <v>28</v>
      </c>
      <c r="BF29" s="176">
        <v>0</v>
      </c>
      <c r="BG29" s="177">
        <v>0</v>
      </c>
      <c r="BH29" s="182">
        <v>0</v>
      </c>
      <c r="BI29" s="179">
        <v>0</v>
      </c>
      <c r="BJ29" s="177">
        <v>7</v>
      </c>
      <c r="BK29" s="177">
        <v>10</v>
      </c>
      <c r="BL29" s="177">
        <v>6</v>
      </c>
      <c r="BM29" s="177">
        <v>5</v>
      </c>
      <c r="BN29" s="177">
        <v>6</v>
      </c>
      <c r="BO29" s="180">
        <v>34</v>
      </c>
      <c r="BP29" s="181">
        <v>34</v>
      </c>
      <c r="BQ29" s="176">
        <v>0</v>
      </c>
      <c r="BR29" s="177">
        <v>0</v>
      </c>
      <c r="BS29" s="182">
        <v>0</v>
      </c>
      <c r="BT29" s="179">
        <v>0</v>
      </c>
      <c r="BU29" s="177">
        <v>0</v>
      </c>
      <c r="BV29" s="177">
        <v>0</v>
      </c>
      <c r="BW29" s="177">
        <v>0</v>
      </c>
      <c r="BX29" s="177">
        <v>0</v>
      </c>
      <c r="BY29" s="177">
        <v>0</v>
      </c>
      <c r="BZ29" s="182">
        <v>0</v>
      </c>
      <c r="CA29" s="181">
        <v>0</v>
      </c>
      <c r="CB29" s="176">
        <v>0</v>
      </c>
      <c r="CC29" s="177">
        <v>0</v>
      </c>
      <c r="CD29" s="182">
        <v>0</v>
      </c>
      <c r="CE29" s="179">
        <v>0</v>
      </c>
      <c r="CF29" s="177">
        <v>0</v>
      </c>
      <c r="CG29" s="177">
        <v>0</v>
      </c>
      <c r="CH29" s="177">
        <v>8</v>
      </c>
      <c r="CI29" s="177">
        <v>11</v>
      </c>
      <c r="CJ29" s="177">
        <v>6</v>
      </c>
      <c r="CK29" s="182">
        <v>25</v>
      </c>
      <c r="CL29" s="181">
        <v>25</v>
      </c>
      <c r="CM29" s="176">
        <v>0</v>
      </c>
      <c r="CN29" s="177">
        <v>0</v>
      </c>
      <c r="CO29" s="182">
        <v>0</v>
      </c>
      <c r="CP29" s="179">
        <v>0</v>
      </c>
      <c r="CQ29" s="177">
        <v>4</v>
      </c>
      <c r="CR29" s="177">
        <v>3</v>
      </c>
      <c r="CS29" s="177">
        <v>2</v>
      </c>
      <c r="CT29" s="177">
        <v>1</v>
      </c>
      <c r="CU29" s="177">
        <v>1</v>
      </c>
      <c r="CV29" s="182">
        <v>11</v>
      </c>
      <c r="CW29" s="181">
        <v>11</v>
      </c>
    </row>
    <row r="30" spans="2:101" ht="21" customHeight="1" x14ac:dyDescent="0.2">
      <c r="B30" s="92" t="s">
        <v>28</v>
      </c>
      <c r="C30" s="176">
        <v>0</v>
      </c>
      <c r="D30" s="182">
        <v>0</v>
      </c>
      <c r="E30" s="193">
        <v>0</v>
      </c>
      <c r="F30" s="179">
        <v>0</v>
      </c>
      <c r="G30" s="177">
        <v>0</v>
      </c>
      <c r="H30" s="177">
        <v>0</v>
      </c>
      <c r="I30" s="177">
        <v>0</v>
      </c>
      <c r="J30" s="177">
        <v>0</v>
      </c>
      <c r="K30" s="177">
        <v>1</v>
      </c>
      <c r="L30" s="180">
        <v>1</v>
      </c>
      <c r="M30" s="181">
        <v>1</v>
      </c>
      <c r="N30" s="176">
        <v>0</v>
      </c>
      <c r="O30" s="177">
        <v>0</v>
      </c>
      <c r="P30" s="182">
        <v>0</v>
      </c>
      <c r="Q30" s="179">
        <v>0</v>
      </c>
      <c r="R30" s="177">
        <v>0</v>
      </c>
      <c r="S30" s="177">
        <v>0</v>
      </c>
      <c r="T30" s="177">
        <v>0</v>
      </c>
      <c r="U30" s="177">
        <v>0</v>
      </c>
      <c r="V30" s="177">
        <v>0</v>
      </c>
      <c r="W30" s="182">
        <v>0</v>
      </c>
      <c r="X30" s="181">
        <v>0</v>
      </c>
      <c r="Y30" s="176">
        <v>0</v>
      </c>
      <c r="Z30" s="177">
        <v>0</v>
      </c>
      <c r="AA30" s="182">
        <v>0</v>
      </c>
      <c r="AB30" s="179">
        <v>0</v>
      </c>
      <c r="AC30" s="177">
        <v>26</v>
      </c>
      <c r="AD30" s="177">
        <v>16</v>
      </c>
      <c r="AE30" s="177">
        <v>3</v>
      </c>
      <c r="AF30" s="177">
        <v>1</v>
      </c>
      <c r="AG30" s="177">
        <v>1</v>
      </c>
      <c r="AH30" s="182">
        <v>47</v>
      </c>
      <c r="AI30" s="181">
        <v>47</v>
      </c>
      <c r="AJ30" s="176">
        <v>0</v>
      </c>
      <c r="AK30" s="177">
        <v>0</v>
      </c>
      <c r="AL30" s="182">
        <v>0</v>
      </c>
      <c r="AM30" s="179">
        <v>0</v>
      </c>
      <c r="AN30" s="177">
        <v>4</v>
      </c>
      <c r="AO30" s="177">
        <v>2</v>
      </c>
      <c r="AP30" s="177">
        <v>2</v>
      </c>
      <c r="AQ30" s="177">
        <v>1</v>
      </c>
      <c r="AR30" s="177">
        <v>0</v>
      </c>
      <c r="AS30" s="182">
        <v>9</v>
      </c>
      <c r="AT30" s="181">
        <v>9</v>
      </c>
      <c r="AU30" s="176">
        <v>0</v>
      </c>
      <c r="AV30" s="177">
        <v>0</v>
      </c>
      <c r="AW30" s="182">
        <v>0</v>
      </c>
      <c r="AX30" s="179">
        <v>0</v>
      </c>
      <c r="AY30" s="177">
        <v>0</v>
      </c>
      <c r="AZ30" s="177">
        <v>0</v>
      </c>
      <c r="BA30" s="177">
        <v>0</v>
      </c>
      <c r="BB30" s="177">
        <v>0</v>
      </c>
      <c r="BC30" s="177">
        <v>0</v>
      </c>
      <c r="BD30" s="182">
        <v>0</v>
      </c>
      <c r="BE30" s="181">
        <v>0</v>
      </c>
      <c r="BF30" s="176">
        <v>0</v>
      </c>
      <c r="BG30" s="177">
        <v>0</v>
      </c>
      <c r="BH30" s="182">
        <v>0</v>
      </c>
      <c r="BI30" s="179">
        <v>0</v>
      </c>
      <c r="BJ30" s="177">
        <v>2</v>
      </c>
      <c r="BK30" s="177">
        <v>5</v>
      </c>
      <c r="BL30" s="177">
        <v>5</v>
      </c>
      <c r="BM30" s="177">
        <v>3</v>
      </c>
      <c r="BN30" s="177">
        <v>4</v>
      </c>
      <c r="BO30" s="180">
        <v>19</v>
      </c>
      <c r="BP30" s="181">
        <v>19</v>
      </c>
      <c r="BQ30" s="176">
        <v>0</v>
      </c>
      <c r="BR30" s="177">
        <v>0</v>
      </c>
      <c r="BS30" s="182">
        <v>0</v>
      </c>
      <c r="BT30" s="179">
        <v>0</v>
      </c>
      <c r="BU30" s="177">
        <v>0</v>
      </c>
      <c r="BV30" s="177">
        <v>0</v>
      </c>
      <c r="BW30" s="177">
        <v>0</v>
      </c>
      <c r="BX30" s="177">
        <v>0</v>
      </c>
      <c r="BY30" s="177">
        <v>0</v>
      </c>
      <c r="BZ30" s="182">
        <v>0</v>
      </c>
      <c r="CA30" s="181">
        <v>0</v>
      </c>
      <c r="CB30" s="176">
        <v>0</v>
      </c>
      <c r="CC30" s="177">
        <v>0</v>
      </c>
      <c r="CD30" s="182">
        <v>0</v>
      </c>
      <c r="CE30" s="179">
        <v>0</v>
      </c>
      <c r="CF30" s="177">
        <v>0</v>
      </c>
      <c r="CG30" s="177">
        <v>0</v>
      </c>
      <c r="CH30" s="177">
        <v>0</v>
      </c>
      <c r="CI30" s="177">
        <v>1</v>
      </c>
      <c r="CJ30" s="177">
        <v>0</v>
      </c>
      <c r="CK30" s="182">
        <v>1</v>
      </c>
      <c r="CL30" s="181">
        <v>1</v>
      </c>
      <c r="CM30" s="176">
        <v>0</v>
      </c>
      <c r="CN30" s="177">
        <v>0</v>
      </c>
      <c r="CO30" s="182">
        <v>0</v>
      </c>
      <c r="CP30" s="179">
        <v>0</v>
      </c>
      <c r="CQ30" s="177">
        <v>0</v>
      </c>
      <c r="CR30" s="177">
        <v>0</v>
      </c>
      <c r="CS30" s="177">
        <v>0</v>
      </c>
      <c r="CT30" s="177">
        <v>0</v>
      </c>
      <c r="CU30" s="177">
        <v>0</v>
      </c>
      <c r="CV30" s="182">
        <v>0</v>
      </c>
      <c r="CW30" s="181">
        <v>0</v>
      </c>
    </row>
    <row r="31" spans="2:101" ht="21" customHeight="1" x14ac:dyDescent="0.2">
      <c r="B31" s="92" t="s">
        <v>29</v>
      </c>
      <c r="C31" s="176">
        <v>0</v>
      </c>
      <c r="D31" s="182">
        <v>0</v>
      </c>
      <c r="E31" s="193">
        <v>0</v>
      </c>
      <c r="F31" s="179">
        <v>0</v>
      </c>
      <c r="G31" s="177">
        <v>2</v>
      </c>
      <c r="H31" s="177">
        <v>0</v>
      </c>
      <c r="I31" s="177">
        <v>1</v>
      </c>
      <c r="J31" s="177">
        <v>0</v>
      </c>
      <c r="K31" s="177">
        <v>0</v>
      </c>
      <c r="L31" s="180">
        <v>3</v>
      </c>
      <c r="M31" s="181">
        <v>3</v>
      </c>
      <c r="N31" s="176">
        <v>0</v>
      </c>
      <c r="O31" s="177">
        <v>0</v>
      </c>
      <c r="P31" s="182">
        <v>0</v>
      </c>
      <c r="Q31" s="179">
        <v>0</v>
      </c>
      <c r="R31" s="177">
        <v>0</v>
      </c>
      <c r="S31" s="177">
        <v>0</v>
      </c>
      <c r="T31" s="177">
        <v>0</v>
      </c>
      <c r="U31" s="177">
        <v>0</v>
      </c>
      <c r="V31" s="177">
        <v>0</v>
      </c>
      <c r="W31" s="182">
        <v>0</v>
      </c>
      <c r="X31" s="181">
        <v>0</v>
      </c>
      <c r="Y31" s="176">
        <v>0</v>
      </c>
      <c r="Z31" s="177">
        <v>0</v>
      </c>
      <c r="AA31" s="182">
        <v>0</v>
      </c>
      <c r="AB31" s="179">
        <v>0</v>
      </c>
      <c r="AC31" s="177">
        <v>13</v>
      </c>
      <c r="AD31" s="177">
        <v>19</v>
      </c>
      <c r="AE31" s="177">
        <v>8</v>
      </c>
      <c r="AF31" s="177">
        <v>2</v>
      </c>
      <c r="AG31" s="177">
        <v>1</v>
      </c>
      <c r="AH31" s="182">
        <v>43</v>
      </c>
      <c r="AI31" s="181">
        <v>43</v>
      </c>
      <c r="AJ31" s="176">
        <v>0</v>
      </c>
      <c r="AK31" s="177">
        <v>0</v>
      </c>
      <c r="AL31" s="182">
        <v>0</v>
      </c>
      <c r="AM31" s="179">
        <v>0</v>
      </c>
      <c r="AN31" s="177">
        <v>2</v>
      </c>
      <c r="AO31" s="177">
        <v>2</v>
      </c>
      <c r="AP31" s="177">
        <v>0</v>
      </c>
      <c r="AQ31" s="177">
        <v>0</v>
      </c>
      <c r="AR31" s="177">
        <v>0</v>
      </c>
      <c r="AS31" s="182">
        <v>4</v>
      </c>
      <c r="AT31" s="181">
        <v>4</v>
      </c>
      <c r="AU31" s="176">
        <v>1</v>
      </c>
      <c r="AV31" s="177">
        <v>0</v>
      </c>
      <c r="AW31" s="182">
        <v>1</v>
      </c>
      <c r="AX31" s="179">
        <v>0</v>
      </c>
      <c r="AY31" s="177">
        <v>2</v>
      </c>
      <c r="AZ31" s="177">
        <v>5</v>
      </c>
      <c r="BA31" s="177">
        <v>6</v>
      </c>
      <c r="BB31" s="177">
        <v>7</v>
      </c>
      <c r="BC31" s="177">
        <v>2</v>
      </c>
      <c r="BD31" s="182">
        <v>22</v>
      </c>
      <c r="BE31" s="181">
        <v>23</v>
      </c>
      <c r="BF31" s="176">
        <v>0</v>
      </c>
      <c r="BG31" s="177">
        <v>0</v>
      </c>
      <c r="BH31" s="182">
        <v>0</v>
      </c>
      <c r="BI31" s="179">
        <v>0</v>
      </c>
      <c r="BJ31" s="177">
        <v>6</v>
      </c>
      <c r="BK31" s="177">
        <v>9</v>
      </c>
      <c r="BL31" s="177">
        <v>8</v>
      </c>
      <c r="BM31" s="177">
        <v>3</v>
      </c>
      <c r="BN31" s="177">
        <v>2</v>
      </c>
      <c r="BO31" s="180">
        <v>28</v>
      </c>
      <c r="BP31" s="181">
        <v>28</v>
      </c>
      <c r="BQ31" s="176">
        <v>0</v>
      </c>
      <c r="BR31" s="177">
        <v>0</v>
      </c>
      <c r="BS31" s="182">
        <v>0</v>
      </c>
      <c r="BT31" s="179">
        <v>0</v>
      </c>
      <c r="BU31" s="177">
        <v>0</v>
      </c>
      <c r="BV31" s="177">
        <v>0</v>
      </c>
      <c r="BW31" s="177">
        <v>0</v>
      </c>
      <c r="BX31" s="177">
        <v>0</v>
      </c>
      <c r="BY31" s="177">
        <v>0</v>
      </c>
      <c r="BZ31" s="182">
        <v>0</v>
      </c>
      <c r="CA31" s="181">
        <v>0</v>
      </c>
      <c r="CB31" s="176">
        <v>0</v>
      </c>
      <c r="CC31" s="177">
        <v>0</v>
      </c>
      <c r="CD31" s="182">
        <v>0</v>
      </c>
      <c r="CE31" s="179">
        <v>0</v>
      </c>
      <c r="CF31" s="177">
        <v>0</v>
      </c>
      <c r="CG31" s="177">
        <v>0</v>
      </c>
      <c r="CH31" s="177">
        <v>12</v>
      </c>
      <c r="CI31" s="177">
        <v>7</v>
      </c>
      <c r="CJ31" s="177">
        <v>5</v>
      </c>
      <c r="CK31" s="182">
        <v>24</v>
      </c>
      <c r="CL31" s="181">
        <v>24</v>
      </c>
      <c r="CM31" s="176">
        <v>0</v>
      </c>
      <c r="CN31" s="177">
        <v>0</v>
      </c>
      <c r="CO31" s="182">
        <v>0</v>
      </c>
      <c r="CP31" s="179">
        <v>0</v>
      </c>
      <c r="CQ31" s="177">
        <v>0</v>
      </c>
      <c r="CR31" s="177">
        <v>0</v>
      </c>
      <c r="CS31" s="177">
        <v>0</v>
      </c>
      <c r="CT31" s="177">
        <v>0</v>
      </c>
      <c r="CU31" s="177">
        <v>0</v>
      </c>
      <c r="CV31" s="182">
        <v>0</v>
      </c>
      <c r="CW31" s="181">
        <v>0</v>
      </c>
    </row>
    <row r="32" spans="2:101" ht="21" customHeight="1" x14ac:dyDescent="0.2">
      <c r="B32" s="92" t="s">
        <v>30</v>
      </c>
      <c r="C32" s="176">
        <v>0</v>
      </c>
      <c r="D32" s="182">
        <v>0</v>
      </c>
      <c r="E32" s="193">
        <v>0</v>
      </c>
      <c r="F32" s="179">
        <v>0</v>
      </c>
      <c r="G32" s="177">
        <v>0</v>
      </c>
      <c r="H32" s="177">
        <v>2</v>
      </c>
      <c r="I32" s="177">
        <v>1</v>
      </c>
      <c r="J32" s="177">
        <v>0</v>
      </c>
      <c r="K32" s="177">
        <v>0</v>
      </c>
      <c r="L32" s="180">
        <v>3</v>
      </c>
      <c r="M32" s="181">
        <v>3</v>
      </c>
      <c r="N32" s="176">
        <v>0</v>
      </c>
      <c r="O32" s="177">
        <v>0</v>
      </c>
      <c r="P32" s="182">
        <v>0</v>
      </c>
      <c r="Q32" s="179">
        <v>0</v>
      </c>
      <c r="R32" s="177">
        <v>0</v>
      </c>
      <c r="S32" s="177">
        <v>0</v>
      </c>
      <c r="T32" s="177">
        <v>0</v>
      </c>
      <c r="U32" s="177">
        <v>0</v>
      </c>
      <c r="V32" s="177">
        <v>0</v>
      </c>
      <c r="W32" s="182">
        <v>0</v>
      </c>
      <c r="X32" s="181">
        <v>0</v>
      </c>
      <c r="Y32" s="176">
        <v>0</v>
      </c>
      <c r="Z32" s="177">
        <v>0</v>
      </c>
      <c r="AA32" s="182">
        <v>0</v>
      </c>
      <c r="AB32" s="179">
        <v>0</v>
      </c>
      <c r="AC32" s="177">
        <v>23</v>
      </c>
      <c r="AD32" s="177">
        <v>16</v>
      </c>
      <c r="AE32" s="177">
        <v>9</v>
      </c>
      <c r="AF32" s="177">
        <v>0</v>
      </c>
      <c r="AG32" s="177">
        <v>3</v>
      </c>
      <c r="AH32" s="182">
        <v>51</v>
      </c>
      <c r="AI32" s="181">
        <v>51</v>
      </c>
      <c r="AJ32" s="176">
        <v>0</v>
      </c>
      <c r="AK32" s="177">
        <v>0</v>
      </c>
      <c r="AL32" s="182">
        <v>0</v>
      </c>
      <c r="AM32" s="179">
        <v>0</v>
      </c>
      <c r="AN32" s="177">
        <v>0</v>
      </c>
      <c r="AO32" s="177">
        <v>1</v>
      </c>
      <c r="AP32" s="177">
        <v>2</v>
      </c>
      <c r="AQ32" s="177">
        <v>0</v>
      </c>
      <c r="AR32" s="177">
        <v>0</v>
      </c>
      <c r="AS32" s="182">
        <v>3</v>
      </c>
      <c r="AT32" s="181">
        <v>3</v>
      </c>
      <c r="AU32" s="176">
        <v>0</v>
      </c>
      <c r="AV32" s="177">
        <v>0</v>
      </c>
      <c r="AW32" s="182">
        <v>0</v>
      </c>
      <c r="AX32" s="179">
        <v>0</v>
      </c>
      <c r="AY32" s="177">
        <v>0</v>
      </c>
      <c r="AZ32" s="177">
        <v>0</v>
      </c>
      <c r="BA32" s="177">
        <v>1</v>
      </c>
      <c r="BB32" s="177">
        <v>0</v>
      </c>
      <c r="BC32" s="177">
        <v>0</v>
      </c>
      <c r="BD32" s="182">
        <v>1</v>
      </c>
      <c r="BE32" s="181">
        <v>1</v>
      </c>
      <c r="BF32" s="176">
        <v>0</v>
      </c>
      <c r="BG32" s="177">
        <v>0</v>
      </c>
      <c r="BH32" s="182">
        <v>0</v>
      </c>
      <c r="BI32" s="179">
        <v>0</v>
      </c>
      <c r="BJ32" s="177">
        <v>3</v>
      </c>
      <c r="BK32" s="177">
        <v>6</v>
      </c>
      <c r="BL32" s="177">
        <v>4</v>
      </c>
      <c r="BM32" s="177">
        <v>5</v>
      </c>
      <c r="BN32" s="177">
        <v>2</v>
      </c>
      <c r="BO32" s="180">
        <v>20</v>
      </c>
      <c r="BP32" s="181">
        <v>20</v>
      </c>
      <c r="BQ32" s="176">
        <v>0</v>
      </c>
      <c r="BR32" s="177">
        <v>0</v>
      </c>
      <c r="BS32" s="182">
        <v>0</v>
      </c>
      <c r="BT32" s="179">
        <v>0</v>
      </c>
      <c r="BU32" s="177">
        <v>0</v>
      </c>
      <c r="BV32" s="177">
        <v>0</v>
      </c>
      <c r="BW32" s="177">
        <v>0</v>
      </c>
      <c r="BX32" s="177">
        <v>0</v>
      </c>
      <c r="BY32" s="177">
        <v>0</v>
      </c>
      <c r="BZ32" s="182">
        <v>0</v>
      </c>
      <c r="CA32" s="181">
        <v>0</v>
      </c>
      <c r="CB32" s="176">
        <v>0</v>
      </c>
      <c r="CC32" s="177">
        <v>0</v>
      </c>
      <c r="CD32" s="182">
        <v>0</v>
      </c>
      <c r="CE32" s="179">
        <v>0</v>
      </c>
      <c r="CF32" s="177">
        <v>0</v>
      </c>
      <c r="CG32" s="177">
        <v>0</v>
      </c>
      <c r="CH32" s="177">
        <v>0</v>
      </c>
      <c r="CI32" s="177">
        <v>0</v>
      </c>
      <c r="CJ32" s="177">
        <v>0</v>
      </c>
      <c r="CK32" s="182">
        <v>0</v>
      </c>
      <c r="CL32" s="181">
        <v>0</v>
      </c>
      <c r="CM32" s="176">
        <v>0</v>
      </c>
      <c r="CN32" s="177">
        <v>0</v>
      </c>
      <c r="CO32" s="182">
        <v>0</v>
      </c>
      <c r="CP32" s="179">
        <v>0</v>
      </c>
      <c r="CQ32" s="177">
        <v>0</v>
      </c>
      <c r="CR32" s="177">
        <v>0</v>
      </c>
      <c r="CS32" s="177">
        <v>0</v>
      </c>
      <c r="CT32" s="177">
        <v>0</v>
      </c>
      <c r="CU32" s="177">
        <v>0</v>
      </c>
      <c r="CV32" s="182">
        <v>0</v>
      </c>
      <c r="CW32" s="181">
        <v>0</v>
      </c>
    </row>
    <row r="33" spans="2:101" ht="21" customHeight="1" x14ac:dyDescent="0.2">
      <c r="B33" s="92" t="s">
        <v>31</v>
      </c>
      <c r="C33" s="176">
        <v>0</v>
      </c>
      <c r="D33" s="182">
        <v>0</v>
      </c>
      <c r="E33" s="193">
        <v>0</v>
      </c>
      <c r="F33" s="179">
        <v>0</v>
      </c>
      <c r="G33" s="177">
        <v>0</v>
      </c>
      <c r="H33" s="177">
        <v>1</v>
      </c>
      <c r="I33" s="177">
        <v>1</v>
      </c>
      <c r="J33" s="177">
        <v>0</v>
      </c>
      <c r="K33" s="177">
        <v>0</v>
      </c>
      <c r="L33" s="180">
        <v>2</v>
      </c>
      <c r="M33" s="181">
        <v>2</v>
      </c>
      <c r="N33" s="176">
        <v>0</v>
      </c>
      <c r="O33" s="177">
        <v>0</v>
      </c>
      <c r="P33" s="182">
        <v>0</v>
      </c>
      <c r="Q33" s="179">
        <v>0</v>
      </c>
      <c r="R33" s="177">
        <v>0</v>
      </c>
      <c r="S33" s="177">
        <v>0</v>
      </c>
      <c r="T33" s="177">
        <v>0</v>
      </c>
      <c r="U33" s="177">
        <v>0</v>
      </c>
      <c r="V33" s="177">
        <v>0</v>
      </c>
      <c r="W33" s="182">
        <v>0</v>
      </c>
      <c r="X33" s="181">
        <v>0</v>
      </c>
      <c r="Y33" s="176">
        <v>0</v>
      </c>
      <c r="Z33" s="177">
        <v>0</v>
      </c>
      <c r="AA33" s="182">
        <v>0</v>
      </c>
      <c r="AB33" s="179">
        <v>0</v>
      </c>
      <c r="AC33" s="177">
        <v>23</v>
      </c>
      <c r="AD33" s="177">
        <v>21</v>
      </c>
      <c r="AE33" s="177">
        <v>5</v>
      </c>
      <c r="AF33" s="177">
        <v>1</v>
      </c>
      <c r="AG33" s="177">
        <v>0</v>
      </c>
      <c r="AH33" s="182">
        <v>50</v>
      </c>
      <c r="AI33" s="181">
        <v>50</v>
      </c>
      <c r="AJ33" s="176">
        <v>0</v>
      </c>
      <c r="AK33" s="177">
        <v>0</v>
      </c>
      <c r="AL33" s="182">
        <v>0</v>
      </c>
      <c r="AM33" s="179">
        <v>0</v>
      </c>
      <c r="AN33" s="177">
        <v>0</v>
      </c>
      <c r="AO33" s="177">
        <v>0</v>
      </c>
      <c r="AP33" s="177">
        <v>2</v>
      </c>
      <c r="AQ33" s="177">
        <v>1</v>
      </c>
      <c r="AR33" s="177">
        <v>0</v>
      </c>
      <c r="AS33" s="182">
        <v>3</v>
      </c>
      <c r="AT33" s="181">
        <v>3</v>
      </c>
      <c r="AU33" s="176">
        <v>0</v>
      </c>
      <c r="AV33" s="177">
        <v>1</v>
      </c>
      <c r="AW33" s="182">
        <v>1</v>
      </c>
      <c r="AX33" s="179">
        <v>0</v>
      </c>
      <c r="AY33" s="177">
        <v>5</v>
      </c>
      <c r="AZ33" s="177">
        <v>6</v>
      </c>
      <c r="BA33" s="177">
        <v>7</v>
      </c>
      <c r="BB33" s="177">
        <v>3</v>
      </c>
      <c r="BC33" s="177">
        <v>0</v>
      </c>
      <c r="BD33" s="182">
        <v>21</v>
      </c>
      <c r="BE33" s="181">
        <v>22</v>
      </c>
      <c r="BF33" s="176">
        <v>0</v>
      </c>
      <c r="BG33" s="177">
        <v>0</v>
      </c>
      <c r="BH33" s="182">
        <v>0</v>
      </c>
      <c r="BI33" s="179">
        <v>0</v>
      </c>
      <c r="BJ33" s="177">
        <v>6</v>
      </c>
      <c r="BK33" s="177">
        <v>11</v>
      </c>
      <c r="BL33" s="177">
        <v>13</v>
      </c>
      <c r="BM33" s="177">
        <v>11</v>
      </c>
      <c r="BN33" s="177">
        <v>2</v>
      </c>
      <c r="BO33" s="180">
        <v>43</v>
      </c>
      <c r="BP33" s="181">
        <v>43</v>
      </c>
      <c r="BQ33" s="176">
        <v>0</v>
      </c>
      <c r="BR33" s="177">
        <v>0</v>
      </c>
      <c r="BS33" s="182">
        <v>0</v>
      </c>
      <c r="BT33" s="179">
        <v>0</v>
      </c>
      <c r="BU33" s="177">
        <v>0</v>
      </c>
      <c r="BV33" s="177">
        <v>0</v>
      </c>
      <c r="BW33" s="177">
        <v>0</v>
      </c>
      <c r="BX33" s="177">
        <v>0</v>
      </c>
      <c r="BY33" s="177">
        <v>0</v>
      </c>
      <c r="BZ33" s="182">
        <v>0</v>
      </c>
      <c r="CA33" s="181">
        <v>0</v>
      </c>
      <c r="CB33" s="176">
        <v>0</v>
      </c>
      <c r="CC33" s="177">
        <v>0</v>
      </c>
      <c r="CD33" s="182">
        <v>0</v>
      </c>
      <c r="CE33" s="179">
        <v>0</v>
      </c>
      <c r="CF33" s="177">
        <v>0</v>
      </c>
      <c r="CG33" s="177">
        <v>0</v>
      </c>
      <c r="CH33" s="177">
        <v>0</v>
      </c>
      <c r="CI33" s="177">
        <v>1</v>
      </c>
      <c r="CJ33" s="177">
        <v>1</v>
      </c>
      <c r="CK33" s="182">
        <v>2</v>
      </c>
      <c r="CL33" s="181">
        <v>2</v>
      </c>
      <c r="CM33" s="176">
        <v>0</v>
      </c>
      <c r="CN33" s="177">
        <v>0</v>
      </c>
      <c r="CO33" s="182">
        <v>0</v>
      </c>
      <c r="CP33" s="179">
        <v>0</v>
      </c>
      <c r="CQ33" s="177">
        <v>0</v>
      </c>
      <c r="CR33" s="177">
        <v>0</v>
      </c>
      <c r="CS33" s="177">
        <v>0</v>
      </c>
      <c r="CT33" s="177">
        <v>0</v>
      </c>
      <c r="CU33" s="177">
        <v>0</v>
      </c>
      <c r="CV33" s="182">
        <v>0</v>
      </c>
      <c r="CW33" s="181">
        <v>0</v>
      </c>
    </row>
    <row r="34" spans="2:101" ht="21" customHeight="1" x14ac:dyDescent="0.2">
      <c r="B34" s="92" t="s">
        <v>32</v>
      </c>
      <c r="C34" s="176">
        <v>0</v>
      </c>
      <c r="D34" s="182">
        <v>0</v>
      </c>
      <c r="E34" s="193">
        <v>0</v>
      </c>
      <c r="F34" s="179">
        <v>0</v>
      </c>
      <c r="G34" s="177">
        <v>1</v>
      </c>
      <c r="H34" s="177">
        <v>4</v>
      </c>
      <c r="I34" s="177">
        <v>1</v>
      </c>
      <c r="J34" s="177">
        <v>1</v>
      </c>
      <c r="K34" s="177">
        <v>0</v>
      </c>
      <c r="L34" s="180">
        <v>7</v>
      </c>
      <c r="M34" s="181">
        <v>7</v>
      </c>
      <c r="N34" s="176">
        <v>0</v>
      </c>
      <c r="O34" s="177">
        <v>0</v>
      </c>
      <c r="P34" s="182">
        <v>0</v>
      </c>
      <c r="Q34" s="179">
        <v>0</v>
      </c>
      <c r="R34" s="177">
        <v>0</v>
      </c>
      <c r="S34" s="177">
        <v>0</v>
      </c>
      <c r="T34" s="177">
        <v>0</v>
      </c>
      <c r="U34" s="177">
        <v>0</v>
      </c>
      <c r="V34" s="177">
        <v>0</v>
      </c>
      <c r="W34" s="182">
        <v>0</v>
      </c>
      <c r="X34" s="181">
        <v>0</v>
      </c>
      <c r="Y34" s="176">
        <v>0</v>
      </c>
      <c r="Z34" s="177">
        <v>0</v>
      </c>
      <c r="AA34" s="182">
        <v>0</v>
      </c>
      <c r="AB34" s="179">
        <v>0</v>
      </c>
      <c r="AC34" s="177">
        <v>50</v>
      </c>
      <c r="AD34" s="177">
        <v>30</v>
      </c>
      <c r="AE34" s="177">
        <v>9</v>
      </c>
      <c r="AF34" s="177">
        <v>4</v>
      </c>
      <c r="AG34" s="177">
        <v>4</v>
      </c>
      <c r="AH34" s="182">
        <v>97</v>
      </c>
      <c r="AI34" s="181">
        <v>97</v>
      </c>
      <c r="AJ34" s="176">
        <v>0</v>
      </c>
      <c r="AK34" s="177">
        <v>0</v>
      </c>
      <c r="AL34" s="182">
        <v>0</v>
      </c>
      <c r="AM34" s="179">
        <v>0</v>
      </c>
      <c r="AN34" s="177">
        <v>5</v>
      </c>
      <c r="AO34" s="177">
        <v>1</v>
      </c>
      <c r="AP34" s="177">
        <v>2</v>
      </c>
      <c r="AQ34" s="177">
        <v>0</v>
      </c>
      <c r="AR34" s="177">
        <v>1</v>
      </c>
      <c r="AS34" s="182">
        <v>9</v>
      </c>
      <c r="AT34" s="181">
        <v>9</v>
      </c>
      <c r="AU34" s="176">
        <v>1</v>
      </c>
      <c r="AV34" s="177">
        <v>2</v>
      </c>
      <c r="AW34" s="182">
        <v>3</v>
      </c>
      <c r="AX34" s="179">
        <v>0</v>
      </c>
      <c r="AY34" s="177">
        <v>12</v>
      </c>
      <c r="AZ34" s="177">
        <v>5</v>
      </c>
      <c r="BA34" s="177">
        <v>4</v>
      </c>
      <c r="BB34" s="177">
        <v>4</v>
      </c>
      <c r="BC34" s="177">
        <v>0</v>
      </c>
      <c r="BD34" s="182">
        <v>25</v>
      </c>
      <c r="BE34" s="181">
        <v>28</v>
      </c>
      <c r="BF34" s="176">
        <v>0</v>
      </c>
      <c r="BG34" s="177">
        <v>1</v>
      </c>
      <c r="BH34" s="182">
        <v>1</v>
      </c>
      <c r="BI34" s="179">
        <v>0</v>
      </c>
      <c r="BJ34" s="177">
        <v>5</v>
      </c>
      <c r="BK34" s="177">
        <v>4</v>
      </c>
      <c r="BL34" s="177">
        <v>7</v>
      </c>
      <c r="BM34" s="177">
        <v>12</v>
      </c>
      <c r="BN34" s="177">
        <v>6</v>
      </c>
      <c r="BO34" s="180">
        <v>34</v>
      </c>
      <c r="BP34" s="181">
        <v>35</v>
      </c>
      <c r="BQ34" s="176">
        <v>0</v>
      </c>
      <c r="BR34" s="177">
        <v>0</v>
      </c>
      <c r="BS34" s="182">
        <v>0</v>
      </c>
      <c r="BT34" s="179">
        <v>0</v>
      </c>
      <c r="BU34" s="177">
        <v>0</v>
      </c>
      <c r="BV34" s="177">
        <v>0</v>
      </c>
      <c r="BW34" s="177">
        <v>0</v>
      </c>
      <c r="BX34" s="177">
        <v>0</v>
      </c>
      <c r="BY34" s="177">
        <v>0</v>
      </c>
      <c r="BZ34" s="182">
        <v>0</v>
      </c>
      <c r="CA34" s="181">
        <v>0</v>
      </c>
      <c r="CB34" s="176">
        <v>0</v>
      </c>
      <c r="CC34" s="177">
        <v>0</v>
      </c>
      <c r="CD34" s="182">
        <v>0</v>
      </c>
      <c r="CE34" s="179">
        <v>0</v>
      </c>
      <c r="CF34" s="177">
        <v>1</v>
      </c>
      <c r="CG34" s="177">
        <v>0</v>
      </c>
      <c r="CH34" s="177">
        <v>11</v>
      </c>
      <c r="CI34" s="177">
        <v>8</v>
      </c>
      <c r="CJ34" s="177">
        <v>5</v>
      </c>
      <c r="CK34" s="182">
        <v>25</v>
      </c>
      <c r="CL34" s="181">
        <v>25</v>
      </c>
      <c r="CM34" s="176">
        <v>0</v>
      </c>
      <c r="CN34" s="177">
        <v>0</v>
      </c>
      <c r="CO34" s="182">
        <v>0</v>
      </c>
      <c r="CP34" s="179">
        <v>0</v>
      </c>
      <c r="CQ34" s="177">
        <v>0</v>
      </c>
      <c r="CR34" s="177">
        <v>0</v>
      </c>
      <c r="CS34" s="177">
        <v>0</v>
      </c>
      <c r="CT34" s="177">
        <v>0</v>
      </c>
      <c r="CU34" s="177">
        <v>0</v>
      </c>
      <c r="CV34" s="182">
        <v>0</v>
      </c>
      <c r="CW34" s="181">
        <v>0</v>
      </c>
    </row>
    <row r="35" spans="2:101" ht="21" customHeight="1" x14ac:dyDescent="0.2">
      <c r="B35" s="92" t="s">
        <v>33</v>
      </c>
      <c r="C35" s="176">
        <v>0</v>
      </c>
      <c r="D35" s="182">
        <v>0</v>
      </c>
      <c r="E35" s="193">
        <v>0</v>
      </c>
      <c r="F35" s="179">
        <v>0</v>
      </c>
      <c r="G35" s="177">
        <v>0</v>
      </c>
      <c r="H35" s="177">
        <v>0</v>
      </c>
      <c r="I35" s="177">
        <v>0</v>
      </c>
      <c r="J35" s="177">
        <v>0</v>
      </c>
      <c r="K35" s="177">
        <v>0</v>
      </c>
      <c r="L35" s="180">
        <v>0</v>
      </c>
      <c r="M35" s="181">
        <v>0</v>
      </c>
      <c r="N35" s="176">
        <v>0</v>
      </c>
      <c r="O35" s="177">
        <v>0</v>
      </c>
      <c r="P35" s="182">
        <v>0</v>
      </c>
      <c r="Q35" s="179">
        <v>0</v>
      </c>
      <c r="R35" s="177">
        <v>0</v>
      </c>
      <c r="S35" s="177">
        <v>0</v>
      </c>
      <c r="T35" s="177">
        <v>0</v>
      </c>
      <c r="U35" s="177">
        <v>0</v>
      </c>
      <c r="V35" s="177">
        <v>0</v>
      </c>
      <c r="W35" s="182">
        <v>0</v>
      </c>
      <c r="X35" s="181">
        <v>0</v>
      </c>
      <c r="Y35" s="176">
        <v>0</v>
      </c>
      <c r="Z35" s="177">
        <v>0</v>
      </c>
      <c r="AA35" s="182">
        <v>0</v>
      </c>
      <c r="AB35" s="179">
        <v>0</v>
      </c>
      <c r="AC35" s="177">
        <v>27</v>
      </c>
      <c r="AD35" s="177">
        <v>12</v>
      </c>
      <c r="AE35" s="177">
        <v>4</v>
      </c>
      <c r="AF35" s="177">
        <v>2</v>
      </c>
      <c r="AG35" s="177">
        <v>2</v>
      </c>
      <c r="AH35" s="182">
        <v>47</v>
      </c>
      <c r="AI35" s="181">
        <v>47</v>
      </c>
      <c r="AJ35" s="176">
        <v>0</v>
      </c>
      <c r="AK35" s="177">
        <v>0</v>
      </c>
      <c r="AL35" s="182">
        <v>0</v>
      </c>
      <c r="AM35" s="179">
        <v>0</v>
      </c>
      <c r="AN35" s="177">
        <v>0</v>
      </c>
      <c r="AO35" s="177">
        <v>0</v>
      </c>
      <c r="AP35" s="177">
        <v>0</v>
      </c>
      <c r="AQ35" s="177">
        <v>0</v>
      </c>
      <c r="AR35" s="177">
        <v>0</v>
      </c>
      <c r="AS35" s="182">
        <v>0</v>
      </c>
      <c r="AT35" s="181">
        <v>0</v>
      </c>
      <c r="AU35" s="176">
        <v>0</v>
      </c>
      <c r="AV35" s="177">
        <v>0</v>
      </c>
      <c r="AW35" s="182">
        <v>0</v>
      </c>
      <c r="AX35" s="179">
        <v>0</v>
      </c>
      <c r="AY35" s="177">
        <v>0</v>
      </c>
      <c r="AZ35" s="177">
        <v>0</v>
      </c>
      <c r="BA35" s="177">
        <v>0</v>
      </c>
      <c r="BB35" s="177">
        <v>0</v>
      </c>
      <c r="BC35" s="177">
        <v>0</v>
      </c>
      <c r="BD35" s="182">
        <v>0</v>
      </c>
      <c r="BE35" s="181">
        <v>0</v>
      </c>
      <c r="BF35" s="176">
        <v>0</v>
      </c>
      <c r="BG35" s="177">
        <v>1</v>
      </c>
      <c r="BH35" s="182">
        <v>1</v>
      </c>
      <c r="BI35" s="179">
        <v>0</v>
      </c>
      <c r="BJ35" s="177">
        <v>2</v>
      </c>
      <c r="BK35" s="177">
        <v>2</v>
      </c>
      <c r="BL35" s="177">
        <v>8</v>
      </c>
      <c r="BM35" s="177">
        <v>3</v>
      </c>
      <c r="BN35" s="177">
        <v>1</v>
      </c>
      <c r="BO35" s="180">
        <v>16</v>
      </c>
      <c r="BP35" s="181">
        <v>17</v>
      </c>
      <c r="BQ35" s="176">
        <v>0</v>
      </c>
      <c r="BR35" s="177">
        <v>0</v>
      </c>
      <c r="BS35" s="182">
        <v>0</v>
      </c>
      <c r="BT35" s="179">
        <v>0</v>
      </c>
      <c r="BU35" s="177">
        <v>0</v>
      </c>
      <c r="BV35" s="177">
        <v>0</v>
      </c>
      <c r="BW35" s="177">
        <v>0</v>
      </c>
      <c r="BX35" s="177">
        <v>0</v>
      </c>
      <c r="BY35" s="177">
        <v>0</v>
      </c>
      <c r="BZ35" s="182">
        <v>0</v>
      </c>
      <c r="CA35" s="181">
        <v>0</v>
      </c>
      <c r="CB35" s="176">
        <v>0</v>
      </c>
      <c r="CC35" s="177">
        <v>0</v>
      </c>
      <c r="CD35" s="182">
        <v>0</v>
      </c>
      <c r="CE35" s="179">
        <v>0</v>
      </c>
      <c r="CF35" s="177">
        <v>0</v>
      </c>
      <c r="CG35" s="177">
        <v>0</v>
      </c>
      <c r="CH35" s="177">
        <v>0</v>
      </c>
      <c r="CI35" s="177">
        <v>0</v>
      </c>
      <c r="CJ35" s="177">
        <v>0</v>
      </c>
      <c r="CK35" s="182">
        <v>0</v>
      </c>
      <c r="CL35" s="181">
        <v>0</v>
      </c>
      <c r="CM35" s="176">
        <v>0</v>
      </c>
      <c r="CN35" s="177">
        <v>0</v>
      </c>
      <c r="CO35" s="182">
        <v>0</v>
      </c>
      <c r="CP35" s="179">
        <v>0</v>
      </c>
      <c r="CQ35" s="177">
        <v>0</v>
      </c>
      <c r="CR35" s="177">
        <v>0</v>
      </c>
      <c r="CS35" s="177">
        <v>0</v>
      </c>
      <c r="CT35" s="177">
        <v>0</v>
      </c>
      <c r="CU35" s="177">
        <v>0</v>
      </c>
      <c r="CV35" s="182">
        <v>0</v>
      </c>
      <c r="CW35" s="181">
        <v>0</v>
      </c>
    </row>
    <row r="36" spans="2:101" ht="21" customHeight="1" x14ac:dyDescent="0.2">
      <c r="B36" s="92" t="s">
        <v>34</v>
      </c>
      <c r="C36" s="176">
        <v>0</v>
      </c>
      <c r="D36" s="182">
        <v>0</v>
      </c>
      <c r="E36" s="193">
        <v>0</v>
      </c>
      <c r="F36" s="179">
        <v>0</v>
      </c>
      <c r="G36" s="177">
        <v>0</v>
      </c>
      <c r="H36" s="177">
        <v>0</v>
      </c>
      <c r="I36" s="177">
        <v>0</v>
      </c>
      <c r="J36" s="177">
        <v>0</v>
      </c>
      <c r="K36" s="177">
        <v>1</v>
      </c>
      <c r="L36" s="180">
        <v>1</v>
      </c>
      <c r="M36" s="181">
        <v>1</v>
      </c>
      <c r="N36" s="176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0</v>
      </c>
      <c r="T36" s="177">
        <v>0</v>
      </c>
      <c r="U36" s="177">
        <v>0</v>
      </c>
      <c r="V36" s="177">
        <v>0</v>
      </c>
      <c r="W36" s="182">
        <v>0</v>
      </c>
      <c r="X36" s="181">
        <v>0</v>
      </c>
      <c r="Y36" s="176">
        <v>0</v>
      </c>
      <c r="Z36" s="177">
        <v>0</v>
      </c>
      <c r="AA36" s="182">
        <v>0</v>
      </c>
      <c r="AB36" s="179">
        <v>0</v>
      </c>
      <c r="AC36" s="177">
        <v>14</v>
      </c>
      <c r="AD36" s="177">
        <v>3</v>
      </c>
      <c r="AE36" s="177">
        <v>1</v>
      </c>
      <c r="AF36" s="177">
        <v>1</v>
      </c>
      <c r="AG36" s="177">
        <v>1</v>
      </c>
      <c r="AH36" s="182">
        <v>20</v>
      </c>
      <c r="AI36" s="181">
        <v>20</v>
      </c>
      <c r="AJ36" s="176">
        <v>0</v>
      </c>
      <c r="AK36" s="177">
        <v>0</v>
      </c>
      <c r="AL36" s="182">
        <v>0</v>
      </c>
      <c r="AM36" s="179">
        <v>0</v>
      </c>
      <c r="AN36" s="177">
        <v>0</v>
      </c>
      <c r="AO36" s="177">
        <v>0</v>
      </c>
      <c r="AP36" s="177">
        <v>0</v>
      </c>
      <c r="AQ36" s="177">
        <v>0</v>
      </c>
      <c r="AR36" s="177">
        <v>1</v>
      </c>
      <c r="AS36" s="182">
        <v>1</v>
      </c>
      <c r="AT36" s="181">
        <v>1</v>
      </c>
      <c r="AU36" s="176">
        <v>1</v>
      </c>
      <c r="AV36" s="177">
        <v>3</v>
      </c>
      <c r="AW36" s="182">
        <v>4</v>
      </c>
      <c r="AX36" s="179">
        <v>0</v>
      </c>
      <c r="AY36" s="177">
        <v>9</v>
      </c>
      <c r="AZ36" s="177">
        <v>6</v>
      </c>
      <c r="BA36" s="177">
        <v>3</v>
      </c>
      <c r="BB36" s="177">
        <v>1</v>
      </c>
      <c r="BC36" s="177">
        <v>1</v>
      </c>
      <c r="BD36" s="182">
        <v>20</v>
      </c>
      <c r="BE36" s="181">
        <v>24</v>
      </c>
      <c r="BF36" s="176">
        <v>0</v>
      </c>
      <c r="BG36" s="177">
        <v>0</v>
      </c>
      <c r="BH36" s="182">
        <v>0</v>
      </c>
      <c r="BI36" s="179">
        <v>0</v>
      </c>
      <c r="BJ36" s="177">
        <v>4</v>
      </c>
      <c r="BK36" s="177">
        <v>7</v>
      </c>
      <c r="BL36" s="177">
        <v>2</v>
      </c>
      <c r="BM36" s="177">
        <v>4</v>
      </c>
      <c r="BN36" s="177">
        <v>1</v>
      </c>
      <c r="BO36" s="180">
        <v>18</v>
      </c>
      <c r="BP36" s="181">
        <v>18</v>
      </c>
      <c r="BQ36" s="176">
        <v>0</v>
      </c>
      <c r="BR36" s="177">
        <v>0</v>
      </c>
      <c r="BS36" s="182">
        <v>0</v>
      </c>
      <c r="BT36" s="179">
        <v>0</v>
      </c>
      <c r="BU36" s="177">
        <v>0</v>
      </c>
      <c r="BV36" s="177">
        <v>0</v>
      </c>
      <c r="BW36" s="177">
        <v>0</v>
      </c>
      <c r="BX36" s="177">
        <v>0</v>
      </c>
      <c r="BY36" s="177">
        <v>0</v>
      </c>
      <c r="BZ36" s="182">
        <v>0</v>
      </c>
      <c r="CA36" s="181">
        <v>0</v>
      </c>
      <c r="CB36" s="176">
        <v>0</v>
      </c>
      <c r="CC36" s="177">
        <v>0</v>
      </c>
      <c r="CD36" s="182">
        <v>0</v>
      </c>
      <c r="CE36" s="179">
        <v>0</v>
      </c>
      <c r="CF36" s="177">
        <v>0</v>
      </c>
      <c r="CG36" s="177">
        <v>0</v>
      </c>
      <c r="CH36" s="177">
        <v>0</v>
      </c>
      <c r="CI36" s="177">
        <v>0</v>
      </c>
      <c r="CJ36" s="177">
        <v>0</v>
      </c>
      <c r="CK36" s="182">
        <v>0</v>
      </c>
      <c r="CL36" s="181">
        <v>0</v>
      </c>
      <c r="CM36" s="176">
        <v>0</v>
      </c>
      <c r="CN36" s="177">
        <v>0</v>
      </c>
      <c r="CO36" s="182">
        <v>0</v>
      </c>
      <c r="CP36" s="179">
        <v>0</v>
      </c>
      <c r="CQ36" s="177">
        <v>7</v>
      </c>
      <c r="CR36" s="177">
        <v>3</v>
      </c>
      <c r="CS36" s="177">
        <v>7</v>
      </c>
      <c r="CT36" s="177">
        <v>2</v>
      </c>
      <c r="CU36" s="177">
        <v>3</v>
      </c>
      <c r="CV36" s="182">
        <v>22</v>
      </c>
      <c r="CW36" s="181">
        <v>22</v>
      </c>
    </row>
    <row r="37" spans="2:101" ht="21" customHeight="1" x14ac:dyDescent="0.2">
      <c r="B37" s="92" t="s">
        <v>35</v>
      </c>
      <c r="C37" s="176">
        <v>0</v>
      </c>
      <c r="D37" s="182">
        <v>0</v>
      </c>
      <c r="E37" s="193">
        <v>0</v>
      </c>
      <c r="F37" s="179">
        <v>0</v>
      </c>
      <c r="G37" s="177">
        <v>1</v>
      </c>
      <c r="H37" s="177">
        <v>0</v>
      </c>
      <c r="I37" s="177">
        <v>2</v>
      </c>
      <c r="J37" s="177">
        <v>0</v>
      </c>
      <c r="K37" s="177">
        <v>1</v>
      </c>
      <c r="L37" s="180">
        <v>4</v>
      </c>
      <c r="M37" s="181">
        <v>4</v>
      </c>
      <c r="N37" s="176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0</v>
      </c>
      <c r="T37" s="177">
        <v>0</v>
      </c>
      <c r="U37" s="177">
        <v>0</v>
      </c>
      <c r="V37" s="177">
        <v>0</v>
      </c>
      <c r="W37" s="182">
        <v>0</v>
      </c>
      <c r="X37" s="181">
        <v>0</v>
      </c>
      <c r="Y37" s="176">
        <v>0</v>
      </c>
      <c r="Z37" s="177">
        <v>0</v>
      </c>
      <c r="AA37" s="182">
        <v>0</v>
      </c>
      <c r="AB37" s="179">
        <v>0</v>
      </c>
      <c r="AC37" s="177">
        <v>18</v>
      </c>
      <c r="AD37" s="177">
        <v>8</v>
      </c>
      <c r="AE37" s="177">
        <v>11</v>
      </c>
      <c r="AF37" s="177">
        <v>9</v>
      </c>
      <c r="AG37" s="177">
        <v>2</v>
      </c>
      <c r="AH37" s="182">
        <v>48</v>
      </c>
      <c r="AI37" s="181">
        <v>48</v>
      </c>
      <c r="AJ37" s="176">
        <v>0</v>
      </c>
      <c r="AK37" s="177">
        <v>0</v>
      </c>
      <c r="AL37" s="182">
        <v>0</v>
      </c>
      <c r="AM37" s="179">
        <v>0</v>
      </c>
      <c r="AN37" s="177">
        <v>0</v>
      </c>
      <c r="AO37" s="177">
        <v>0</v>
      </c>
      <c r="AP37" s="177">
        <v>0</v>
      </c>
      <c r="AQ37" s="177">
        <v>0</v>
      </c>
      <c r="AR37" s="177">
        <v>0</v>
      </c>
      <c r="AS37" s="182">
        <v>0</v>
      </c>
      <c r="AT37" s="181">
        <v>0</v>
      </c>
      <c r="AU37" s="176">
        <v>2</v>
      </c>
      <c r="AV37" s="177">
        <v>4</v>
      </c>
      <c r="AW37" s="182">
        <v>6</v>
      </c>
      <c r="AX37" s="179">
        <v>0</v>
      </c>
      <c r="AY37" s="177">
        <v>10</v>
      </c>
      <c r="AZ37" s="177">
        <v>9</v>
      </c>
      <c r="BA37" s="177">
        <v>9</v>
      </c>
      <c r="BB37" s="177">
        <v>4</v>
      </c>
      <c r="BC37" s="177">
        <v>1</v>
      </c>
      <c r="BD37" s="182">
        <v>33</v>
      </c>
      <c r="BE37" s="181">
        <v>39</v>
      </c>
      <c r="BF37" s="176">
        <v>0</v>
      </c>
      <c r="BG37" s="177">
        <v>0</v>
      </c>
      <c r="BH37" s="182">
        <v>0</v>
      </c>
      <c r="BI37" s="179">
        <v>0</v>
      </c>
      <c r="BJ37" s="177">
        <v>14</v>
      </c>
      <c r="BK37" s="177">
        <v>14</v>
      </c>
      <c r="BL37" s="177">
        <v>12</v>
      </c>
      <c r="BM37" s="177">
        <v>11</v>
      </c>
      <c r="BN37" s="177">
        <v>6</v>
      </c>
      <c r="BO37" s="180">
        <v>57</v>
      </c>
      <c r="BP37" s="181">
        <v>57</v>
      </c>
      <c r="BQ37" s="176">
        <v>0</v>
      </c>
      <c r="BR37" s="177">
        <v>0</v>
      </c>
      <c r="BS37" s="182">
        <v>0</v>
      </c>
      <c r="BT37" s="179">
        <v>0</v>
      </c>
      <c r="BU37" s="177">
        <v>0</v>
      </c>
      <c r="BV37" s="177">
        <v>0</v>
      </c>
      <c r="BW37" s="177">
        <v>0</v>
      </c>
      <c r="BX37" s="177">
        <v>0</v>
      </c>
      <c r="BY37" s="177">
        <v>0</v>
      </c>
      <c r="BZ37" s="182">
        <v>0</v>
      </c>
      <c r="CA37" s="181">
        <v>0</v>
      </c>
      <c r="CB37" s="176">
        <v>0</v>
      </c>
      <c r="CC37" s="177">
        <v>0</v>
      </c>
      <c r="CD37" s="182">
        <v>0</v>
      </c>
      <c r="CE37" s="179">
        <v>0</v>
      </c>
      <c r="CF37" s="177">
        <v>0</v>
      </c>
      <c r="CG37" s="177">
        <v>0</v>
      </c>
      <c r="CH37" s="177">
        <v>0</v>
      </c>
      <c r="CI37" s="177">
        <v>0</v>
      </c>
      <c r="CJ37" s="177">
        <v>0</v>
      </c>
      <c r="CK37" s="182">
        <v>0</v>
      </c>
      <c r="CL37" s="181">
        <v>0</v>
      </c>
      <c r="CM37" s="176">
        <v>0</v>
      </c>
      <c r="CN37" s="177">
        <v>0</v>
      </c>
      <c r="CO37" s="182">
        <v>0</v>
      </c>
      <c r="CP37" s="179">
        <v>0</v>
      </c>
      <c r="CQ37" s="177">
        <v>0</v>
      </c>
      <c r="CR37" s="177">
        <v>0</v>
      </c>
      <c r="CS37" s="177">
        <v>0</v>
      </c>
      <c r="CT37" s="177">
        <v>0</v>
      </c>
      <c r="CU37" s="177">
        <v>0</v>
      </c>
      <c r="CV37" s="182">
        <v>0</v>
      </c>
      <c r="CW37" s="181">
        <v>0</v>
      </c>
    </row>
    <row r="38" spans="2:101" ht="21" customHeight="1" x14ac:dyDescent="0.2">
      <c r="B38" s="92" t="s">
        <v>36</v>
      </c>
      <c r="C38" s="176">
        <v>0</v>
      </c>
      <c r="D38" s="182">
        <v>0</v>
      </c>
      <c r="E38" s="193">
        <v>0</v>
      </c>
      <c r="F38" s="179">
        <v>0</v>
      </c>
      <c r="G38" s="177">
        <v>0</v>
      </c>
      <c r="H38" s="177">
        <v>0</v>
      </c>
      <c r="I38" s="177">
        <v>1</v>
      </c>
      <c r="J38" s="177">
        <v>0</v>
      </c>
      <c r="K38" s="177">
        <v>0</v>
      </c>
      <c r="L38" s="180">
        <v>1</v>
      </c>
      <c r="M38" s="181">
        <v>1</v>
      </c>
      <c r="N38" s="176">
        <v>0</v>
      </c>
      <c r="O38" s="177">
        <v>0</v>
      </c>
      <c r="P38" s="182">
        <v>0</v>
      </c>
      <c r="Q38" s="179">
        <v>0</v>
      </c>
      <c r="R38" s="177">
        <v>0</v>
      </c>
      <c r="S38" s="177">
        <v>0</v>
      </c>
      <c r="T38" s="177">
        <v>0</v>
      </c>
      <c r="U38" s="177">
        <v>0</v>
      </c>
      <c r="V38" s="177">
        <v>0</v>
      </c>
      <c r="W38" s="182">
        <v>0</v>
      </c>
      <c r="X38" s="181">
        <v>0</v>
      </c>
      <c r="Y38" s="176">
        <v>0</v>
      </c>
      <c r="Z38" s="177">
        <v>0</v>
      </c>
      <c r="AA38" s="182">
        <v>0</v>
      </c>
      <c r="AB38" s="179">
        <v>0</v>
      </c>
      <c r="AC38" s="177">
        <v>68</v>
      </c>
      <c r="AD38" s="177">
        <v>51</v>
      </c>
      <c r="AE38" s="177">
        <v>33</v>
      </c>
      <c r="AF38" s="177">
        <v>14</v>
      </c>
      <c r="AG38" s="177">
        <v>15</v>
      </c>
      <c r="AH38" s="182">
        <v>181</v>
      </c>
      <c r="AI38" s="181">
        <v>181</v>
      </c>
      <c r="AJ38" s="176">
        <v>0</v>
      </c>
      <c r="AK38" s="177">
        <v>0</v>
      </c>
      <c r="AL38" s="182">
        <v>0</v>
      </c>
      <c r="AM38" s="179">
        <v>0</v>
      </c>
      <c r="AN38" s="177">
        <v>0</v>
      </c>
      <c r="AO38" s="177">
        <v>0</v>
      </c>
      <c r="AP38" s="177">
        <v>0</v>
      </c>
      <c r="AQ38" s="177">
        <v>0</v>
      </c>
      <c r="AR38" s="177">
        <v>0</v>
      </c>
      <c r="AS38" s="182">
        <v>0</v>
      </c>
      <c r="AT38" s="181">
        <v>0</v>
      </c>
      <c r="AU38" s="176">
        <v>0</v>
      </c>
      <c r="AV38" s="177">
        <v>0</v>
      </c>
      <c r="AW38" s="182">
        <v>0</v>
      </c>
      <c r="AX38" s="179">
        <v>0</v>
      </c>
      <c r="AY38" s="177">
        <v>16</v>
      </c>
      <c r="AZ38" s="177">
        <v>10</v>
      </c>
      <c r="BA38" s="177">
        <v>8</v>
      </c>
      <c r="BB38" s="177">
        <v>1</v>
      </c>
      <c r="BC38" s="177">
        <v>2</v>
      </c>
      <c r="BD38" s="182">
        <v>37</v>
      </c>
      <c r="BE38" s="181">
        <v>37</v>
      </c>
      <c r="BF38" s="176">
        <v>0</v>
      </c>
      <c r="BG38" s="177">
        <v>0</v>
      </c>
      <c r="BH38" s="182">
        <v>0</v>
      </c>
      <c r="BI38" s="179">
        <v>0</v>
      </c>
      <c r="BJ38" s="177">
        <v>7</v>
      </c>
      <c r="BK38" s="177">
        <v>19</v>
      </c>
      <c r="BL38" s="177">
        <v>15</v>
      </c>
      <c r="BM38" s="177">
        <v>7</v>
      </c>
      <c r="BN38" s="177">
        <v>3</v>
      </c>
      <c r="BO38" s="180">
        <v>51</v>
      </c>
      <c r="BP38" s="181">
        <v>51</v>
      </c>
      <c r="BQ38" s="176">
        <v>0</v>
      </c>
      <c r="BR38" s="177">
        <v>0</v>
      </c>
      <c r="BS38" s="182">
        <v>0</v>
      </c>
      <c r="BT38" s="179">
        <v>0</v>
      </c>
      <c r="BU38" s="177">
        <v>0</v>
      </c>
      <c r="BV38" s="177">
        <v>0</v>
      </c>
      <c r="BW38" s="177">
        <v>0</v>
      </c>
      <c r="BX38" s="177">
        <v>0</v>
      </c>
      <c r="BY38" s="177">
        <v>0</v>
      </c>
      <c r="BZ38" s="182">
        <v>0</v>
      </c>
      <c r="CA38" s="181">
        <v>0</v>
      </c>
      <c r="CB38" s="176">
        <v>0</v>
      </c>
      <c r="CC38" s="177">
        <v>0</v>
      </c>
      <c r="CD38" s="182">
        <v>0</v>
      </c>
      <c r="CE38" s="179">
        <v>0</v>
      </c>
      <c r="CF38" s="177">
        <v>0</v>
      </c>
      <c r="CG38" s="177">
        <v>0</v>
      </c>
      <c r="CH38" s="177">
        <v>0</v>
      </c>
      <c r="CI38" s="177">
        <v>0</v>
      </c>
      <c r="CJ38" s="177">
        <v>0</v>
      </c>
      <c r="CK38" s="182">
        <v>0</v>
      </c>
      <c r="CL38" s="181">
        <v>0</v>
      </c>
      <c r="CM38" s="176">
        <v>0</v>
      </c>
      <c r="CN38" s="177">
        <v>0</v>
      </c>
      <c r="CO38" s="182">
        <v>0</v>
      </c>
      <c r="CP38" s="179">
        <v>0</v>
      </c>
      <c r="CQ38" s="177">
        <v>0</v>
      </c>
      <c r="CR38" s="177">
        <v>0</v>
      </c>
      <c r="CS38" s="177">
        <v>0</v>
      </c>
      <c r="CT38" s="177">
        <v>0</v>
      </c>
      <c r="CU38" s="177">
        <v>0</v>
      </c>
      <c r="CV38" s="182">
        <v>0</v>
      </c>
      <c r="CW38" s="181">
        <v>0</v>
      </c>
    </row>
    <row r="39" spans="2:101" ht="21" customHeight="1" thickBot="1" x14ac:dyDescent="0.25">
      <c r="B39" s="94" t="s">
        <v>37</v>
      </c>
      <c r="C39" s="183">
        <v>0</v>
      </c>
      <c r="D39" s="189">
        <v>0</v>
      </c>
      <c r="E39" s="194">
        <v>0</v>
      </c>
      <c r="F39" s="186">
        <v>0</v>
      </c>
      <c r="G39" s="184">
        <v>0</v>
      </c>
      <c r="H39" s="184">
        <v>0</v>
      </c>
      <c r="I39" s="184">
        <v>0</v>
      </c>
      <c r="J39" s="184">
        <v>1</v>
      </c>
      <c r="K39" s="184">
        <v>0</v>
      </c>
      <c r="L39" s="187">
        <v>1</v>
      </c>
      <c r="M39" s="188">
        <v>1</v>
      </c>
      <c r="N39" s="183">
        <v>0</v>
      </c>
      <c r="O39" s="184">
        <v>0</v>
      </c>
      <c r="P39" s="189">
        <v>0</v>
      </c>
      <c r="Q39" s="186">
        <v>0</v>
      </c>
      <c r="R39" s="184">
        <v>0</v>
      </c>
      <c r="S39" s="184">
        <v>0</v>
      </c>
      <c r="T39" s="184">
        <v>0</v>
      </c>
      <c r="U39" s="184">
        <v>0</v>
      </c>
      <c r="V39" s="184">
        <v>0</v>
      </c>
      <c r="W39" s="189">
        <v>0</v>
      </c>
      <c r="X39" s="188">
        <v>0</v>
      </c>
      <c r="Y39" s="183">
        <v>0</v>
      </c>
      <c r="Z39" s="184">
        <v>0</v>
      </c>
      <c r="AA39" s="189">
        <v>0</v>
      </c>
      <c r="AB39" s="186">
        <v>0</v>
      </c>
      <c r="AC39" s="184">
        <v>11</v>
      </c>
      <c r="AD39" s="184">
        <v>10</v>
      </c>
      <c r="AE39" s="184">
        <v>7</v>
      </c>
      <c r="AF39" s="184">
        <v>2</v>
      </c>
      <c r="AG39" s="184">
        <v>2</v>
      </c>
      <c r="AH39" s="189">
        <v>32</v>
      </c>
      <c r="AI39" s="188">
        <v>32</v>
      </c>
      <c r="AJ39" s="183">
        <v>0</v>
      </c>
      <c r="AK39" s="184">
        <v>0</v>
      </c>
      <c r="AL39" s="189">
        <v>0</v>
      </c>
      <c r="AM39" s="186">
        <v>0</v>
      </c>
      <c r="AN39" s="184">
        <v>1</v>
      </c>
      <c r="AO39" s="184">
        <v>0</v>
      </c>
      <c r="AP39" s="184">
        <v>0</v>
      </c>
      <c r="AQ39" s="184">
        <v>0</v>
      </c>
      <c r="AR39" s="184">
        <v>0</v>
      </c>
      <c r="AS39" s="189">
        <v>1</v>
      </c>
      <c r="AT39" s="188">
        <v>1</v>
      </c>
      <c r="AU39" s="183">
        <v>0</v>
      </c>
      <c r="AV39" s="184">
        <v>0</v>
      </c>
      <c r="AW39" s="189">
        <v>0</v>
      </c>
      <c r="AX39" s="186">
        <v>0</v>
      </c>
      <c r="AY39" s="184">
        <v>0</v>
      </c>
      <c r="AZ39" s="184">
        <v>0</v>
      </c>
      <c r="BA39" s="184">
        <v>0</v>
      </c>
      <c r="BB39" s="184">
        <v>0</v>
      </c>
      <c r="BC39" s="184">
        <v>0</v>
      </c>
      <c r="BD39" s="189">
        <v>0</v>
      </c>
      <c r="BE39" s="188">
        <v>0</v>
      </c>
      <c r="BF39" s="183">
        <v>0</v>
      </c>
      <c r="BG39" s="184">
        <v>0</v>
      </c>
      <c r="BH39" s="189">
        <v>0</v>
      </c>
      <c r="BI39" s="186">
        <v>0</v>
      </c>
      <c r="BJ39" s="184">
        <v>3</v>
      </c>
      <c r="BK39" s="184">
        <v>1</v>
      </c>
      <c r="BL39" s="184">
        <v>1</v>
      </c>
      <c r="BM39" s="184">
        <v>6</v>
      </c>
      <c r="BN39" s="184">
        <v>2</v>
      </c>
      <c r="BO39" s="187">
        <v>13</v>
      </c>
      <c r="BP39" s="188">
        <v>13</v>
      </c>
      <c r="BQ39" s="183">
        <v>0</v>
      </c>
      <c r="BR39" s="184">
        <v>0</v>
      </c>
      <c r="BS39" s="189">
        <v>0</v>
      </c>
      <c r="BT39" s="186">
        <v>0</v>
      </c>
      <c r="BU39" s="184">
        <v>0</v>
      </c>
      <c r="BV39" s="184">
        <v>0</v>
      </c>
      <c r="BW39" s="184">
        <v>0</v>
      </c>
      <c r="BX39" s="184">
        <v>0</v>
      </c>
      <c r="BY39" s="184">
        <v>0</v>
      </c>
      <c r="BZ39" s="189">
        <v>0</v>
      </c>
      <c r="CA39" s="188">
        <v>0</v>
      </c>
      <c r="CB39" s="183">
        <v>0</v>
      </c>
      <c r="CC39" s="184">
        <v>0</v>
      </c>
      <c r="CD39" s="189">
        <v>0</v>
      </c>
      <c r="CE39" s="186">
        <v>0</v>
      </c>
      <c r="CF39" s="184">
        <v>0</v>
      </c>
      <c r="CG39" s="184">
        <v>0</v>
      </c>
      <c r="CH39" s="184">
        <v>0</v>
      </c>
      <c r="CI39" s="184">
        <v>0</v>
      </c>
      <c r="CJ39" s="184">
        <v>0</v>
      </c>
      <c r="CK39" s="189">
        <v>0</v>
      </c>
      <c r="CL39" s="188">
        <v>0</v>
      </c>
      <c r="CM39" s="183">
        <v>0</v>
      </c>
      <c r="CN39" s="184">
        <v>0</v>
      </c>
      <c r="CO39" s="189">
        <v>0</v>
      </c>
      <c r="CP39" s="186">
        <v>0</v>
      </c>
      <c r="CQ39" s="184">
        <v>0</v>
      </c>
      <c r="CR39" s="184">
        <v>0</v>
      </c>
      <c r="CS39" s="184">
        <v>0</v>
      </c>
      <c r="CT39" s="184">
        <v>0</v>
      </c>
      <c r="CU39" s="184">
        <v>0</v>
      </c>
      <c r="CV39" s="189">
        <v>0</v>
      </c>
      <c r="CW39" s="188">
        <v>0</v>
      </c>
    </row>
  </sheetData>
  <mergeCells count="39">
    <mergeCell ref="CM3:CW3"/>
    <mergeCell ref="CP4:CV4"/>
    <mergeCell ref="CM4:CO4"/>
    <mergeCell ref="CB4:CD4"/>
    <mergeCell ref="AU4:AW4"/>
    <mergeCell ref="AX4:BD4"/>
    <mergeCell ref="CE4:CK4"/>
    <mergeCell ref="BF4:BH4"/>
    <mergeCell ref="BI4:BO4"/>
    <mergeCell ref="BQ4:BS4"/>
    <mergeCell ref="BT4:BZ4"/>
    <mergeCell ref="CB3:CL3"/>
    <mergeCell ref="CW4:CW5"/>
    <mergeCell ref="CL4:CL5"/>
    <mergeCell ref="B3:B5"/>
    <mergeCell ref="AI4:AI5"/>
    <mergeCell ref="AJ4:AL4"/>
    <mergeCell ref="C3:M3"/>
    <mergeCell ref="N3:X3"/>
    <mergeCell ref="Y3:AI3"/>
    <mergeCell ref="AJ3:AT3"/>
    <mergeCell ref="AM4:AS4"/>
    <mergeCell ref="AT4:AT5"/>
    <mergeCell ref="C4:E4"/>
    <mergeCell ref="F4:L4"/>
    <mergeCell ref="M4:M5"/>
    <mergeCell ref="X4:X5"/>
    <mergeCell ref="Y4:AA4"/>
    <mergeCell ref="AB4:AH4"/>
    <mergeCell ref="N4:P4"/>
    <mergeCell ref="Q4:W4"/>
    <mergeCell ref="AU3:BE3"/>
    <mergeCell ref="I1:J1"/>
    <mergeCell ref="L1:M1"/>
    <mergeCell ref="CA4:CA5"/>
    <mergeCell ref="BF3:BP3"/>
    <mergeCell ref="BQ3:CA3"/>
    <mergeCell ref="BP4:BP5"/>
    <mergeCell ref="BE4:BE5"/>
  </mergeCells>
  <phoneticPr fontId="4"/>
  <pageMargins left="0.70866141732283472" right="0.70866141732283472" top="0.74803149606299213" bottom="0.74803149606299213" header="0.31496062992125984" footer="0.31496062992125984"/>
  <pageSetup paperSize="9" scale="60" orientation="landscape" r:id="rId1"/>
  <headerFooter>
    <oddFooter>&amp;L&amp;20&amp;A&amp;C&amp;P/&amp;N</oddFooter>
  </headerFooter>
  <colBreaks count="3" manualBreakCount="3">
    <brk id="24" max="1048575" man="1"/>
    <brk id="46" max="1048575" man="1"/>
    <brk id="68" max="1048575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CW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4" width="9" style="161"/>
    <col min="5" max="5" width="10.33203125" style="161" customWidth="1"/>
    <col min="6" max="6" width="7.6640625" style="161" customWidth="1"/>
    <col min="7" max="7" width="8.44140625" style="161" customWidth="1"/>
    <col min="8" max="8" width="8.77734375" style="161" customWidth="1"/>
    <col min="9" max="16" width="9" style="161"/>
    <col min="17" max="17" width="7.21875" style="161" customWidth="1"/>
    <col min="18" max="27" width="9" style="161"/>
    <col min="28" max="28" width="7.6640625" style="161" customWidth="1"/>
    <col min="29" max="38" width="9" style="161"/>
    <col min="39" max="39" width="8.5546875" style="161" customWidth="1"/>
    <col min="40" max="49" width="9" style="161"/>
    <col min="50" max="50" width="7.6640625" style="161" customWidth="1"/>
    <col min="51" max="60" width="9" style="161"/>
    <col min="61" max="61" width="7.21875" style="161" customWidth="1"/>
    <col min="62" max="71" width="9" style="161"/>
    <col min="72" max="72" width="7.21875" style="161" customWidth="1"/>
    <col min="73" max="82" width="9" style="161"/>
    <col min="83" max="83" width="7.33203125" style="161" customWidth="1"/>
    <col min="84" max="93" width="9" style="161"/>
    <col min="94" max="94" width="7.44140625" style="161" customWidth="1"/>
    <col min="95" max="16384" width="9" style="161"/>
  </cols>
  <sheetData>
    <row r="1" spans="2:101" ht="24" customHeight="1" x14ac:dyDescent="0.2">
      <c r="B1" s="128" t="s">
        <v>122</v>
      </c>
      <c r="I1" s="441">
        <f>第１表!F2</f>
        <v>7</v>
      </c>
      <c r="J1" s="441"/>
      <c r="K1" s="15">
        <f>第１表!G2</f>
        <v>1</v>
      </c>
      <c r="L1" s="445">
        <f>IF(K1&lt;3,K1+12-2,K1-2)</f>
        <v>11</v>
      </c>
      <c r="M1" s="445"/>
    </row>
    <row r="2" spans="2:101" s="57" customFormat="1" ht="24" customHeight="1" thickBot="1" x14ac:dyDescent="0.25">
      <c r="B2" s="128" t="s">
        <v>127</v>
      </c>
    </row>
    <row r="3" spans="2:101" ht="21" customHeight="1" thickBot="1" x14ac:dyDescent="0.25">
      <c r="B3" s="466"/>
      <c r="C3" s="463" t="s">
        <v>94</v>
      </c>
      <c r="D3" s="464"/>
      <c r="E3" s="464"/>
      <c r="F3" s="464"/>
      <c r="G3" s="464"/>
      <c r="H3" s="464"/>
      <c r="I3" s="464"/>
      <c r="J3" s="464"/>
      <c r="K3" s="464"/>
      <c r="L3" s="464"/>
      <c r="M3" s="465"/>
      <c r="N3" s="463" t="s">
        <v>88</v>
      </c>
      <c r="O3" s="464"/>
      <c r="P3" s="464"/>
      <c r="Q3" s="464"/>
      <c r="R3" s="464"/>
      <c r="S3" s="464"/>
      <c r="T3" s="464"/>
      <c r="U3" s="464"/>
      <c r="V3" s="464"/>
      <c r="W3" s="464"/>
      <c r="X3" s="465"/>
      <c r="Y3" s="463" t="s">
        <v>138</v>
      </c>
      <c r="Z3" s="464"/>
      <c r="AA3" s="464"/>
      <c r="AB3" s="464"/>
      <c r="AC3" s="464"/>
      <c r="AD3" s="464"/>
      <c r="AE3" s="464"/>
      <c r="AF3" s="464"/>
      <c r="AG3" s="464"/>
      <c r="AH3" s="464"/>
      <c r="AI3" s="465"/>
      <c r="AJ3" s="463" t="s">
        <v>90</v>
      </c>
      <c r="AK3" s="464"/>
      <c r="AL3" s="464"/>
      <c r="AM3" s="464"/>
      <c r="AN3" s="464"/>
      <c r="AO3" s="464"/>
      <c r="AP3" s="464"/>
      <c r="AQ3" s="464"/>
      <c r="AR3" s="464"/>
      <c r="AS3" s="464"/>
      <c r="AT3" s="465"/>
      <c r="AU3" s="479" t="s">
        <v>89</v>
      </c>
      <c r="AV3" s="480"/>
      <c r="AW3" s="480"/>
      <c r="AX3" s="480"/>
      <c r="AY3" s="480"/>
      <c r="AZ3" s="480"/>
      <c r="BA3" s="480"/>
      <c r="BB3" s="480"/>
      <c r="BC3" s="480"/>
      <c r="BD3" s="480"/>
      <c r="BE3" s="481"/>
      <c r="BF3" s="479" t="s">
        <v>91</v>
      </c>
      <c r="BG3" s="480"/>
      <c r="BH3" s="480"/>
      <c r="BI3" s="480"/>
      <c r="BJ3" s="480"/>
      <c r="BK3" s="480"/>
      <c r="BL3" s="480"/>
      <c r="BM3" s="480"/>
      <c r="BN3" s="480"/>
      <c r="BO3" s="480"/>
      <c r="BP3" s="481"/>
      <c r="BQ3" s="479" t="s">
        <v>92</v>
      </c>
      <c r="BR3" s="480"/>
      <c r="BS3" s="480"/>
      <c r="BT3" s="480"/>
      <c r="BU3" s="480"/>
      <c r="BV3" s="480"/>
      <c r="BW3" s="480"/>
      <c r="BX3" s="480"/>
      <c r="BY3" s="480"/>
      <c r="BZ3" s="480"/>
      <c r="CA3" s="481"/>
      <c r="CB3" s="479" t="s">
        <v>93</v>
      </c>
      <c r="CC3" s="480"/>
      <c r="CD3" s="480"/>
      <c r="CE3" s="480"/>
      <c r="CF3" s="480"/>
      <c r="CG3" s="480"/>
      <c r="CH3" s="480"/>
      <c r="CI3" s="480"/>
      <c r="CJ3" s="480"/>
      <c r="CK3" s="480"/>
      <c r="CL3" s="481"/>
      <c r="CM3" s="480" t="s">
        <v>137</v>
      </c>
      <c r="CN3" s="480"/>
      <c r="CO3" s="480"/>
      <c r="CP3" s="480"/>
      <c r="CQ3" s="480"/>
      <c r="CR3" s="480"/>
      <c r="CS3" s="480"/>
      <c r="CT3" s="480"/>
      <c r="CU3" s="480"/>
      <c r="CV3" s="480"/>
      <c r="CW3" s="481"/>
    </row>
    <row r="4" spans="2:101" ht="21" customHeight="1" x14ac:dyDescent="0.2">
      <c r="B4" s="467"/>
      <c r="C4" s="471" t="s">
        <v>61</v>
      </c>
      <c r="D4" s="472"/>
      <c r="E4" s="473"/>
      <c r="F4" s="474" t="s">
        <v>62</v>
      </c>
      <c r="G4" s="472"/>
      <c r="H4" s="472"/>
      <c r="I4" s="472"/>
      <c r="J4" s="472"/>
      <c r="K4" s="472"/>
      <c r="L4" s="475"/>
      <c r="M4" s="469" t="s">
        <v>52</v>
      </c>
      <c r="N4" s="471" t="s">
        <v>61</v>
      </c>
      <c r="O4" s="472"/>
      <c r="P4" s="473"/>
      <c r="Q4" s="474" t="s">
        <v>62</v>
      </c>
      <c r="R4" s="472"/>
      <c r="S4" s="472"/>
      <c r="T4" s="472"/>
      <c r="U4" s="472"/>
      <c r="V4" s="472"/>
      <c r="W4" s="473"/>
      <c r="X4" s="469" t="s">
        <v>52</v>
      </c>
      <c r="Y4" s="471" t="s">
        <v>61</v>
      </c>
      <c r="Z4" s="472"/>
      <c r="AA4" s="473"/>
      <c r="AB4" s="474" t="s">
        <v>62</v>
      </c>
      <c r="AC4" s="472"/>
      <c r="AD4" s="472"/>
      <c r="AE4" s="472"/>
      <c r="AF4" s="472"/>
      <c r="AG4" s="472"/>
      <c r="AH4" s="473"/>
      <c r="AI4" s="469" t="s">
        <v>52</v>
      </c>
      <c r="AJ4" s="471" t="s">
        <v>61</v>
      </c>
      <c r="AK4" s="472"/>
      <c r="AL4" s="473"/>
      <c r="AM4" s="474" t="s">
        <v>62</v>
      </c>
      <c r="AN4" s="472"/>
      <c r="AO4" s="472"/>
      <c r="AP4" s="472"/>
      <c r="AQ4" s="472"/>
      <c r="AR4" s="472"/>
      <c r="AS4" s="473"/>
      <c r="AT4" s="469" t="s">
        <v>52</v>
      </c>
      <c r="AU4" s="493" t="s">
        <v>61</v>
      </c>
      <c r="AV4" s="491"/>
      <c r="AW4" s="492"/>
      <c r="AX4" s="490" t="s">
        <v>62</v>
      </c>
      <c r="AY4" s="491"/>
      <c r="AZ4" s="491"/>
      <c r="BA4" s="491"/>
      <c r="BB4" s="491"/>
      <c r="BC4" s="491"/>
      <c r="BD4" s="492"/>
      <c r="BE4" s="488" t="s">
        <v>52</v>
      </c>
      <c r="BF4" s="493" t="s">
        <v>61</v>
      </c>
      <c r="BG4" s="491"/>
      <c r="BH4" s="492"/>
      <c r="BI4" s="490" t="s">
        <v>62</v>
      </c>
      <c r="BJ4" s="491"/>
      <c r="BK4" s="491"/>
      <c r="BL4" s="491"/>
      <c r="BM4" s="491"/>
      <c r="BN4" s="491"/>
      <c r="BO4" s="492"/>
      <c r="BP4" s="488" t="s">
        <v>52</v>
      </c>
      <c r="BQ4" s="493" t="s">
        <v>61</v>
      </c>
      <c r="BR4" s="491"/>
      <c r="BS4" s="492"/>
      <c r="BT4" s="490" t="s">
        <v>62</v>
      </c>
      <c r="BU4" s="491"/>
      <c r="BV4" s="491"/>
      <c r="BW4" s="491"/>
      <c r="BX4" s="491"/>
      <c r="BY4" s="491"/>
      <c r="BZ4" s="492"/>
      <c r="CA4" s="488" t="s">
        <v>52</v>
      </c>
      <c r="CB4" s="493" t="s">
        <v>61</v>
      </c>
      <c r="CC4" s="491"/>
      <c r="CD4" s="492"/>
      <c r="CE4" s="490" t="s">
        <v>62</v>
      </c>
      <c r="CF4" s="491"/>
      <c r="CG4" s="491"/>
      <c r="CH4" s="491"/>
      <c r="CI4" s="491"/>
      <c r="CJ4" s="491"/>
      <c r="CK4" s="492"/>
      <c r="CL4" s="488" t="s">
        <v>52</v>
      </c>
      <c r="CM4" s="493" t="s">
        <v>61</v>
      </c>
      <c r="CN4" s="491"/>
      <c r="CO4" s="492"/>
      <c r="CP4" s="490" t="s">
        <v>62</v>
      </c>
      <c r="CQ4" s="491"/>
      <c r="CR4" s="491"/>
      <c r="CS4" s="491"/>
      <c r="CT4" s="491"/>
      <c r="CU4" s="491"/>
      <c r="CV4" s="492"/>
      <c r="CW4" s="488" t="s">
        <v>52</v>
      </c>
    </row>
    <row r="5" spans="2:101" ht="30" customHeight="1" thickBot="1" x14ac:dyDescent="0.25">
      <c r="B5" s="468"/>
      <c r="C5" s="163" t="s">
        <v>43</v>
      </c>
      <c r="D5" s="168" t="s">
        <v>44</v>
      </c>
      <c r="E5" s="191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7" t="s">
        <v>45</v>
      </c>
      <c r="M5" s="470"/>
      <c r="N5" s="163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  <c r="Y5" s="163" t="s">
        <v>43</v>
      </c>
      <c r="Z5" s="164" t="s">
        <v>44</v>
      </c>
      <c r="AA5" s="168" t="s">
        <v>45</v>
      </c>
      <c r="AB5" s="166" t="s">
        <v>83</v>
      </c>
      <c r="AC5" s="164" t="s">
        <v>47</v>
      </c>
      <c r="AD5" s="164" t="s">
        <v>48</v>
      </c>
      <c r="AE5" s="164" t="s">
        <v>49</v>
      </c>
      <c r="AF5" s="164" t="s">
        <v>50</v>
      </c>
      <c r="AG5" s="164" t="s">
        <v>51</v>
      </c>
      <c r="AH5" s="168" t="s">
        <v>45</v>
      </c>
      <c r="AI5" s="470"/>
      <c r="AJ5" s="163" t="s">
        <v>43</v>
      </c>
      <c r="AK5" s="164" t="s">
        <v>44</v>
      </c>
      <c r="AL5" s="168" t="s">
        <v>45</v>
      </c>
      <c r="AM5" s="166" t="s">
        <v>83</v>
      </c>
      <c r="AN5" s="164" t="s">
        <v>47</v>
      </c>
      <c r="AO5" s="164" t="s">
        <v>48</v>
      </c>
      <c r="AP5" s="164" t="s">
        <v>49</v>
      </c>
      <c r="AQ5" s="164" t="s">
        <v>50</v>
      </c>
      <c r="AR5" s="164" t="s">
        <v>51</v>
      </c>
      <c r="AS5" s="168" t="s">
        <v>45</v>
      </c>
      <c r="AT5" s="470"/>
      <c r="AU5" s="163" t="s">
        <v>43</v>
      </c>
      <c r="AV5" s="164" t="s">
        <v>44</v>
      </c>
      <c r="AW5" s="168" t="s">
        <v>45</v>
      </c>
      <c r="AX5" s="166" t="s">
        <v>83</v>
      </c>
      <c r="AY5" s="164" t="s">
        <v>47</v>
      </c>
      <c r="AZ5" s="164" t="s">
        <v>48</v>
      </c>
      <c r="BA5" s="164" t="s">
        <v>49</v>
      </c>
      <c r="BB5" s="164" t="s">
        <v>50</v>
      </c>
      <c r="BC5" s="164" t="s">
        <v>51</v>
      </c>
      <c r="BD5" s="168" t="s">
        <v>45</v>
      </c>
      <c r="BE5" s="489"/>
      <c r="BF5" s="163" t="s">
        <v>43</v>
      </c>
      <c r="BG5" s="164" t="s">
        <v>44</v>
      </c>
      <c r="BH5" s="168" t="s">
        <v>45</v>
      </c>
      <c r="BI5" s="166" t="s">
        <v>83</v>
      </c>
      <c r="BJ5" s="164" t="s">
        <v>47</v>
      </c>
      <c r="BK5" s="164" t="s">
        <v>48</v>
      </c>
      <c r="BL5" s="164" t="s">
        <v>49</v>
      </c>
      <c r="BM5" s="164" t="s">
        <v>50</v>
      </c>
      <c r="BN5" s="164" t="s">
        <v>51</v>
      </c>
      <c r="BO5" s="168" t="s">
        <v>45</v>
      </c>
      <c r="BP5" s="489"/>
      <c r="BQ5" s="163" t="s">
        <v>43</v>
      </c>
      <c r="BR5" s="164" t="s">
        <v>44</v>
      </c>
      <c r="BS5" s="168" t="s">
        <v>45</v>
      </c>
      <c r="BT5" s="166" t="s">
        <v>83</v>
      </c>
      <c r="BU5" s="164" t="s">
        <v>47</v>
      </c>
      <c r="BV5" s="164" t="s">
        <v>48</v>
      </c>
      <c r="BW5" s="164" t="s">
        <v>49</v>
      </c>
      <c r="BX5" s="164" t="s">
        <v>50</v>
      </c>
      <c r="BY5" s="164" t="s">
        <v>51</v>
      </c>
      <c r="BZ5" s="168" t="s">
        <v>45</v>
      </c>
      <c r="CA5" s="489"/>
      <c r="CB5" s="163" t="s">
        <v>43</v>
      </c>
      <c r="CC5" s="164" t="s">
        <v>44</v>
      </c>
      <c r="CD5" s="168" t="s">
        <v>45</v>
      </c>
      <c r="CE5" s="166" t="s">
        <v>83</v>
      </c>
      <c r="CF5" s="164" t="s">
        <v>47</v>
      </c>
      <c r="CG5" s="164" t="s">
        <v>48</v>
      </c>
      <c r="CH5" s="164" t="s">
        <v>49</v>
      </c>
      <c r="CI5" s="164" t="s">
        <v>50</v>
      </c>
      <c r="CJ5" s="164" t="s">
        <v>51</v>
      </c>
      <c r="CK5" s="168" t="s">
        <v>45</v>
      </c>
      <c r="CL5" s="489"/>
      <c r="CM5" s="163" t="s">
        <v>43</v>
      </c>
      <c r="CN5" s="164" t="s">
        <v>44</v>
      </c>
      <c r="CO5" s="168" t="s">
        <v>45</v>
      </c>
      <c r="CP5" s="166" t="s">
        <v>83</v>
      </c>
      <c r="CQ5" s="164" t="s">
        <v>47</v>
      </c>
      <c r="CR5" s="164" t="s">
        <v>48</v>
      </c>
      <c r="CS5" s="164" t="s">
        <v>49</v>
      </c>
      <c r="CT5" s="164" t="s">
        <v>50</v>
      </c>
      <c r="CU5" s="164" t="s">
        <v>51</v>
      </c>
      <c r="CV5" s="168" t="s">
        <v>45</v>
      </c>
      <c r="CW5" s="489"/>
    </row>
    <row r="6" spans="2:101" ht="21" customHeight="1" x14ac:dyDescent="0.2">
      <c r="B6" s="70" t="s">
        <v>4</v>
      </c>
      <c r="C6" s="169">
        <v>0</v>
      </c>
      <c r="D6" s="175">
        <v>0</v>
      </c>
      <c r="E6" s="192">
        <v>0</v>
      </c>
      <c r="F6" s="172">
        <v>0</v>
      </c>
      <c r="G6" s="170">
        <v>16</v>
      </c>
      <c r="H6" s="170">
        <v>26</v>
      </c>
      <c r="I6" s="170">
        <v>28</v>
      </c>
      <c r="J6" s="170">
        <v>20</v>
      </c>
      <c r="K6" s="170">
        <v>22</v>
      </c>
      <c r="L6" s="173">
        <v>112</v>
      </c>
      <c r="M6" s="174">
        <v>112</v>
      </c>
      <c r="N6" s="169">
        <v>0</v>
      </c>
      <c r="O6" s="170">
        <v>0</v>
      </c>
      <c r="P6" s="175">
        <v>0</v>
      </c>
      <c r="Q6" s="172">
        <v>0</v>
      </c>
      <c r="R6" s="170">
        <v>15</v>
      </c>
      <c r="S6" s="170">
        <v>20</v>
      </c>
      <c r="T6" s="170">
        <v>30</v>
      </c>
      <c r="U6" s="170">
        <v>34</v>
      </c>
      <c r="V6" s="170">
        <v>34</v>
      </c>
      <c r="W6" s="175">
        <v>133</v>
      </c>
      <c r="X6" s="174">
        <v>133</v>
      </c>
      <c r="Y6" s="169">
        <v>0</v>
      </c>
      <c r="Z6" s="170">
        <v>0</v>
      </c>
      <c r="AA6" s="175">
        <v>0</v>
      </c>
      <c r="AB6" s="172">
        <v>0</v>
      </c>
      <c r="AC6" s="170">
        <v>1007</v>
      </c>
      <c r="AD6" s="170">
        <v>956</v>
      </c>
      <c r="AE6" s="170">
        <v>368</v>
      </c>
      <c r="AF6" s="170">
        <v>157</v>
      </c>
      <c r="AG6" s="170">
        <v>76</v>
      </c>
      <c r="AH6" s="175">
        <v>2564</v>
      </c>
      <c r="AI6" s="174">
        <v>2564</v>
      </c>
      <c r="AJ6" s="169">
        <v>0</v>
      </c>
      <c r="AK6" s="170">
        <v>0</v>
      </c>
      <c r="AL6" s="175">
        <v>0</v>
      </c>
      <c r="AM6" s="172">
        <v>0</v>
      </c>
      <c r="AN6" s="170">
        <v>67</v>
      </c>
      <c r="AO6" s="170">
        <v>73</v>
      </c>
      <c r="AP6" s="170">
        <v>70</v>
      </c>
      <c r="AQ6" s="170">
        <v>28</v>
      </c>
      <c r="AR6" s="170">
        <v>18</v>
      </c>
      <c r="AS6" s="175">
        <v>256</v>
      </c>
      <c r="AT6" s="174">
        <v>256</v>
      </c>
      <c r="AU6" s="169">
        <v>11</v>
      </c>
      <c r="AV6" s="170">
        <v>8</v>
      </c>
      <c r="AW6" s="175">
        <v>19</v>
      </c>
      <c r="AX6" s="172">
        <v>0</v>
      </c>
      <c r="AY6" s="170">
        <v>78</v>
      </c>
      <c r="AZ6" s="170">
        <v>77</v>
      </c>
      <c r="BA6" s="170">
        <v>68</v>
      </c>
      <c r="BB6" s="170">
        <v>47</v>
      </c>
      <c r="BC6" s="170">
        <v>30</v>
      </c>
      <c r="BD6" s="175">
        <v>300</v>
      </c>
      <c r="BE6" s="174">
        <v>319</v>
      </c>
      <c r="BF6" s="169">
        <v>0</v>
      </c>
      <c r="BG6" s="170">
        <v>1</v>
      </c>
      <c r="BH6" s="175">
        <v>1</v>
      </c>
      <c r="BI6" s="172">
        <v>0</v>
      </c>
      <c r="BJ6" s="170">
        <v>101</v>
      </c>
      <c r="BK6" s="170">
        <v>135</v>
      </c>
      <c r="BL6" s="170">
        <v>145</v>
      </c>
      <c r="BM6" s="170">
        <v>99</v>
      </c>
      <c r="BN6" s="170">
        <v>58</v>
      </c>
      <c r="BO6" s="173">
        <v>538</v>
      </c>
      <c r="BP6" s="174">
        <v>539</v>
      </c>
      <c r="BQ6" s="169">
        <v>0</v>
      </c>
      <c r="BR6" s="170">
        <v>0</v>
      </c>
      <c r="BS6" s="175">
        <v>0</v>
      </c>
      <c r="BT6" s="172">
        <v>0</v>
      </c>
      <c r="BU6" s="170">
        <v>5</v>
      </c>
      <c r="BV6" s="170">
        <v>5</v>
      </c>
      <c r="BW6" s="170">
        <v>3</v>
      </c>
      <c r="BX6" s="170">
        <v>4</v>
      </c>
      <c r="BY6" s="170">
        <v>5</v>
      </c>
      <c r="BZ6" s="175">
        <v>22</v>
      </c>
      <c r="CA6" s="174">
        <v>22</v>
      </c>
      <c r="CB6" s="169">
        <v>0</v>
      </c>
      <c r="CC6" s="170">
        <v>0</v>
      </c>
      <c r="CD6" s="175">
        <v>0</v>
      </c>
      <c r="CE6" s="172">
        <v>0</v>
      </c>
      <c r="CF6" s="170">
        <v>1</v>
      </c>
      <c r="CG6" s="170">
        <v>2</v>
      </c>
      <c r="CH6" s="170">
        <v>15</v>
      </c>
      <c r="CI6" s="170">
        <v>27</v>
      </c>
      <c r="CJ6" s="170">
        <v>17</v>
      </c>
      <c r="CK6" s="175">
        <v>62</v>
      </c>
      <c r="CL6" s="174">
        <v>62</v>
      </c>
      <c r="CM6" s="169">
        <v>0</v>
      </c>
      <c r="CN6" s="170">
        <v>0</v>
      </c>
      <c r="CO6" s="175">
        <v>0</v>
      </c>
      <c r="CP6" s="172">
        <v>0</v>
      </c>
      <c r="CQ6" s="170">
        <v>18</v>
      </c>
      <c r="CR6" s="170">
        <v>23</v>
      </c>
      <c r="CS6" s="170">
        <v>28</v>
      </c>
      <c r="CT6" s="170">
        <v>27</v>
      </c>
      <c r="CU6" s="170">
        <v>20</v>
      </c>
      <c r="CV6" s="175">
        <v>116</v>
      </c>
      <c r="CW6" s="174">
        <v>116</v>
      </c>
    </row>
    <row r="7" spans="2:101" ht="21" customHeight="1" x14ac:dyDescent="0.2">
      <c r="B7" s="81" t="s">
        <v>5</v>
      </c>
      <c r="C7" s="176">
        <v>0</v>
      </c>
      <c r="D7" s="182">
        <v>0</v>
      </c>
      <c r="E7" s="193">
        <v>0</v>
      </c>
      <c r="F7" s="179">
        <v>0</v>
      </c>
      <c r="G7" s="177">
        <v>7</v>
      </c>
      <c r="H7" s="177">
        <v>15</v>
      </c>
      <c r="I7" s="177">
        <v>11</v>
      </c>
      <c r="J7" s="177">
        <v>12</v>
      </c>
      <c r="K7" s="177">
        <v>12</v>
      </c>
      <c r="L7" s="180">
        <v>57</v>
      </c>
      <c r="M7" s="181">
        <v>57</v>
      </c>
      <c r="N7" s="176">
        <v>0</v>
      </c>
      <c r="O7" s="177">
        <v>0</v>
      </c>
      <c r="P7" s="182">
        <v>0</v>
      </c>
      <c r="Q7" s="179">
        <v>0</v>
      </c>
      <c r="R7" s="177">
        <v>8</v>
      </c>
      <c r="S7" s="177">
        <v>15</v>
      </c>
      <c r="T7" s="177">
        <v>22</v>
      </c>
      <c r="U7" s="177">
        <v>28</v>
      </c>
      <c r="V7" s="177">
        <v>25</v>
      </c>
      <c r="W7" s="182">
        <v>98</v>
      </c>
      <c r="X7" s="181">
        <v>98</v>
      </c>
      <c r="Y7" s="176">
        <v>0</v>
      </c>
      <c r="Z7" s="177">
        <v>0</v>
      </c>
      <c r="AA7" s="182">
        <v>0</v>
      </c>
      <c r="AB7" s="179">
        <v>0</v>
      </c>
      <c r="AC7" s="177">
        <v>381</v>
      </c>
      <c r="AD7" s="177">
        <v>475</v>
      </c>
      <c r="AE7" s="177">
        <v>203</v>
      </c>
      <c r="AF7" s="177">
        <v>74</v>
      </c>
      <c r="AG7" s="177">
        <v>38</v>
      </c>
      <c r="AH7" s="182">
        <v>1171</v>
      </c>
      <c r="AI7" s="181">
        <v>1171</v>
      </c>
      <c r="AJ7" s="176">
        <v>0</v>
      </c>
      <c r="AK7" s="177">
        <v>0</v>
      </c>
      <c r="AL7" s="182">
        <v>0</v>
      </c>
      <c r="AM7" s="179">
        <v>0</v>
      </c>
      <c r="AN7" s="177">
        <v>39</v>
      </c>
      <c r="AO7" s="177">
        <v>41</v>
      </c>
      <c r="AP7" s="177">
        <v>41</v>
      </c>
      <c r="AQ7" s="177">
        <v>16</v>
      </c>
      <c r="AR7" s="177">
        <v>9</v>
      </c>
      <c r="AS7" s="182">
        <v>146</v>
      </c>
      <c r="AT7" s="181">
        <v>146</v>
      </c>
      <c r="AU7" s="176">
        <v>5</v>
      </c>
      <c r="AV7" s="177">
        <v>4</v>
      </c>
      <c r="AW7" s="182">
        <v>9</v>
      </c>
      <c r="AX7" s="179">
        <v>0</v>
      </c>
      <c r="AY7" s="177">
        <v>32</v>
      </c>
      <c r="AZ7" s="177">
        <v>40</v>
      </c>
      <c r="BA7" s="177">
        <v>30</v>
      </c>
      <c r="BB7" s="177">
        <v>19</v>
      </c>
      <c r="BC7" s="177">
        <v>16</v>
      </c>
      <c r="BD7" s="182">
        <v>137</v>
      </c>
      <c r="BE7" s="181">
        <v>146</v>
      </c>
      <c r="BF7" s="176">
        <v>0</v>
      </c>
      <c r="BG7" s="177">
        <v>1</v>
      </c>
      <c r="BH7" s="182">
        <v>1</v>
      </c>
      <c r="BI7" s="179">
        <v>0</v>
      </c>
      <c r="BJ7" s="177">
        <v>35</v>
      </c>
      <c r="BK7" s="177">
        <v>57</v>
      </c>
      <c r="BL7" s="177">
        <v>45</v>
      </c>
      <c r="BM7" s="177">
        <v>37</v>
      </c>
      <c r="BN7" s="177">
        <v>29</v>
      </c>
      <c r="BO7" s="180">
        <v>203</v>
      </c>
      <c r="BP7" s="181">
        <v>204</v>
      </c>
      <c r="BQ7" s="176">
        <v>0</v>
      </c>
      <c r="BR7" s="177">
        <v>0</v>
      </c>
      <c r="BS7" s="182">
        <v>0</v>
      </c>
      <c r="BT7" s="179">
        <v>0</v>
      </c>
      <c r="BU7" s="177">
        <v>0</v>
      </c>
      <c r="BV7" s="177">
        <v>0</v>
      </c>
      <c r="BW7" s="177">
        <v>0</v>
      </c>
      <c r="BX7" s="177">
        <v>0</v>
      </c>
      <c r="BY7" s="177">
        <v>0</v>
      </c>
      <c r="BZ7" s="182">
        <v>0</v>
      </c>
      <c r="CA7" s="181">
        <v>0</v>
      </c>
      <c r="CB7" s="176">
        <v>0</v>
      </c>
      <c r="CC7" s="177">
        <v>0</v>
      </c>
      <c r="CD7" s="182">
        <v>0</v>
      </c>
      <c r="CE7" s="179">
        <v>0</v>
      </c>
      <c r="CF7" s="177">
        <v>1</v>
      </c>
      <c r="CG7" s="177">
        <v>0</v>
      </c>
      <c r="CH7" s="177">
        <v>3</v>
      </c>
      <c r="CI7" s="177">
        <v>5</v>
      </c>
      <c r="CJ7" s="177">
        <v>2</v>
      </c>
      <c r="CK7" s="182">
        <v>11</v>
      </c>
      <c r="CL7" s="181">
        <v>11</v>
      </c>
      <c r="CM7" s="176">
        <v>0</v>
      </c>
      <c r="CN7" s="177">
        <v>0</v>
      </c>
      <c r="CO7" s="182">
        <v>0</v>
      </c>
      <c r="CP7" s="179">
        <v>0</v>
      </c>
      <c r="CQ7" s="177">
        <v>3</v>
      </c>
      <c r="CR7" s="177">
        <v>6</v>
      </c>
      <c r="CS7" s="177">
        <v>4</v>
      </c>
      <c r="CT7" s="177">
        <v>7</v>
      </c>
      <c r="CU7" s="177">
        <v>8</v>
      </c>
      <c r="CV7" s="182">
        <v>28</v>
      </c>
      <c r="CW7" s="181">
        <v>28</v>
      </c>
    </row>
    <row r="8" spans="2:101" ht="21" customHeight="1" x14ac:dyDescent="0.2">
      <c r="B8" s="92" t="s">
        <v>6</v>
      </c>
      <c r="C8" s="176">
        <v>0</v>
      </c>
      <c r="D8" s="182">
        <v>0</v>
      </c>
      <c r="E8" s="193">
        <v>0</v>
      </c>
      <c r="F8" s="179">
        <v>0</v>
      </c>
      <c r="G8" s="177">
        <v>2</v>
      </c>
      <c r="H8" s="177">
        <v>3</v>
      </c>
      <c r="I8" s="177">
        <v>5</v>
      </c>
      <c r="J8" s="177">
        <v>2</v>
      </c>
      <c r="K8" s="177">
        <v>6</v>
      </c>
      <c r="L8" s="180">
        <v>18</v>
      </c>
      <c r="M8" s="181">
        <v>18</v>
      </c>
      <c r="N8" s="176">
        <v>0</v>
      </c>
      <c r="O8" s="177">
        <v>0</v>
      </c>
      <c r="P8" s="182">
        <v>0</v>
      </c>
      <c r="Q8" s="179">
        <v>0</v>
      </c>
      <c r="R8" s="177">
        <v>5</v>
      </c>
      <c r="S8" s="177">
        <v>4</v>
      </c>
      <c r="T8" s="177">
        <v>7</v>
      </c>
      <c r="U8" s="177">
        <v>5</v>
      </c>
      <c r="V8" s="177">
        <v>9</v>
      </c>
      <c r="W8" s="182">
        <v>30</v>
      </c>
      <c r="X8" s="181">
        <v>30</v>
      </c>
      <c r="Y8" s="176">
        <v>0</v>
      </c>
      <c r="Z8" s="177">
        <v>0</v>
      </c>
      <c r="AA8" s="182">
        <v>0</v>
      </c>
      <c r="AB8" s="179">
        <v>0</v>
      </c>
      <c r="AC8" s="177">
        <v>117</v>
      </c>
      <c r="AD8" s="177">
        <v>86</v>
      </c>
      <c r="AE8" s="177">
        <v>29</v>
      </c>
      <c r="AF8" s="177">
        <v>20</v>
      </c>
      <c r="AG8" s="177">
        <v>20</v>
      </c>
      <c r="AH8" s="182">
        <v>272</v>
      </c>
      <c r="AI8" s="181">
        <v>272</v>
      </c>
      <c r="AJ8" s="176">
        <v>0</v>
      </c>
      <c r="AK8" s="177">
        <v>0</v>
      </c>
      <c r="AL8" s="182">
        <v>0</v>
      </c>
      <c r="AM8" s="179">
        <v>0</v>
      </c>
      <c r="AN8" s="177">
        <v>9</v>
      </c>
      <c r="AO8" s="177">
        <v>12</v>
      </c>
      <c r="AP8" s="177">
        <v>11</v>
      </c>
      <c r="AQ8" s="177">
        <v>5</v>
      </c>
      <c r="AR8" s="177">
        <v>2</v>
      </c>
      <c r="AS8" s="182">
        <v>39</v>
      </c>
      <c r="AT8" s="181">
        <v>39</v>
      </c>
      <c r="AU8" s="176">
        <v>2</v>
      </c>
      <c r="AV8" s="177">
        <v>0</v>
      </c>
      <c r="AW8" s="182">
        <v>2</v>
      </c>
      <c r="AX8" s="179">
        <v>0</v>
      </c>
      <c r="AY8" s="177">
        <v>11</v>
      </c>
      <c r="AZ8" s="177">
        <v>11</v>
      </c>
      <c r="BA8" s="177">
        <v>9</v>
      </c>
      <c r="BB8" s="177">
        <v>8</v>
      </c>
      <c r="BC8" s="177">
        <v>2</v>
      </c>
      <c r="BD8" s="182">
        <v>41</v>
      </c>
      <c r="BE8" s="181">
        <v>43</v>
      </c>
      <c r="BF8" s="176">
        <v>0</v>
      </c>
      <c r="BG8" s="177">
        <v>0</v>
      </c>
      <c r="BH8" s="182">
        <v>0</v>
      </c>
      <c r="BI8" s="179">
        <v>0</v>
      </c>
      <c r="BJ8" s="177">
        <v>22</v>
      </c>
      <c r="BK8" s="177">
        <v>19</v>
      </c>
      <c r="BL8" s="177">
        <v>28</v>
      </c>
      <c r="BM8" s="177">
        <v>15</v>
      </c>
      <c r="BN8" s="177">
        <v>7</v>
      </c>
      <c r="BO8" s="180">
        <v>91</v>
      </c>
      <c r="BP8" s="181">
        <v>91</v>
      </c>
      <c r="BQ8" s="176">
        <v>0</v>
      </c>
      <c r="BR8" s="177">
        <v>0</v>
      </c>
      <c r="BS8" s="182">
        <v>0</v>
      </c>
      <c r="BT8" s="179">
        <v>0</v>
      </c>
      <c r="BU8" s="177">
        <v>0</v>
      </c>
      <c r="BV8" s="177">
        <v>0</v>
      </c>
      <c r="BW8" s="177">
        <v>0</v>
      </c>
      <c r="BX8" s="177">
        <v>0</v>
      </c>
      <c r="BY8" s="177">
        <v>0</v>
      </c>
      <c r="BZ8" s="182">
        <v>0</v>
      </c>
      <c r="CA8" s="181">
        <v>0</v>
      </c>
      <c r="CB8" s="176">
        <v>0</v>
      </c>
      <c r="CC8" s="177">
        <v>0</v>
      </c>
      <c r="CD8" s="182">
        <v>0</v>
      </c>
      <c r="CE8" s="179">
        <v>0</v>
      </c>
      <c r="CF8" s="177">
        <v>0</v>
      </c>
      <c r="CG8" s="177">
        <v>0</v>
      </c>
      <c r="CH8" s="177">
        <v>3</v>
      </c>
      <c r="CI8" s="177">
        <v>5</v>
      </c>
      <c r="CJ8" s="177">
        <v>3</v>
      </c>
      <c r="CK8" s="182">
        <v>11</v>
      </c>
      <c r="CL8" s="181">
        <v>11</v>
      </c>
      <c r="CM8" s="176">
        <v>0</v>
      </c>
      <c r="CN8" s="177">
        <v>0</v>
      </c>
      <c r="CO8" s="182">
        <v>0</v>
      </c>
      <c r="CP8" s="179">
        <v>0</v>
      </c>
      <c r="CQ8" s="177">
        <v>8</v>
      </c>
      <c r="CR8" s="177">
        <v>4</v>
      </c>
      <c r="CS8" s="177">
        <v>6</v>
      </c>
      <c r="CT8" s="177">
        <v>4</v>
      </c>
      <c r="CU8" s="177">
        <v>4</v>
      </c>
      <c r="CV8" s="182">
        <v>26</v>
      </c>
      <c r="CW8" s="181">
        <v>26</v>
      </c>
    </row>
    <row r="9" spans="2:101" ht="21" customHeight="1" x14ac:dyDescent="0.2">
      <c r="B9" s="92" t="s">
        <v>14</v>
      </c>
      <c r="C9" s="176">
        <v>0</v>
      </c>
      <c r="D9" s="182">
        <v>0</v>
      </c>
      <c r="E9" s="193">
        <v>0</v>
      </c>
      <c r="F9" s="179">
        <v>0</v>
      </c>
      <c r="G9" s="177">
        <v>1</v>
      </c>
      <c r="H9" s="177">
        <v>4</v>
      </c>
      <c r="I9" s="177">
        <v>3</v>
      </c>
      <c r="J9" s="177">
        <v>3</v>
      </c>
      <c r="K9" s="177">
        <v>3</v>
      </c>
      <c r="L9" s="180">
        <v>14</v>
      </c>
      <c r="M9" s="181">
        <v>14</v>
      </c>
      <c r="N9" s="176">
        <v>0</v>
      </c>
      <c r="O9" s="177">
        <v>0</v>
      </c>
      <c r="P9" s="182">
        <v>0</v>
      </c>
      <c r="Q9" s="179">
        <v>0</v>
      </c>
      <c r="R9" s="177">
        <v>0</v>
      </c>
      <c r="S9" s="177">
        <v>0</v>
      </c>
      <c r="T9" s="177">
        <v>0</v>
      </c>
      <c r="U9" s="177">
        <v>0</v>
      </c>
      <c r="V9" s="177">
        <v>0</v>
      </c>
      <c r="W9" s="182">
        <v>0</v>
      </c>
      <c r="X9" s="181">
        <v>0</v>
      </c>
      <c r="Y9" s="176">
        <v>0</v>
      </c>
      <c r="Z9" s="177">
        <v>0</v>
      </c>
      <c r="AA9" s="182">
        <v>0</v>
      </c>
      <c r="AB9" s="179">
        <v>0</v>
      </c>
      <c r="AC9" s="177">
        <v>92</v>
      </c>
      <c r="AD9" s="177">
        <v>87</v>
      </c>
      <c r="AE9" s="177">
        <v>37</v>
      </c>
      <c r="AF9" s="177">
        <v>19</v>
      </c>
      <c r="AG9" s="177">
        <v>3</v>
      </c>
      <c r="AH9" s="182">
        <v>238</v>
      </c>
      <c r="AI9" s="181">
        <v>238</v>
      </c>
      <c r="AJ9" s="176">
        <v>0</v>
      </c>
      <c r="AK9" s="177">
        <v>0</v>
      </c>
      <c r="AL9" s="182">
        <v>0</v>
      </c>
      <c r="AM9" s="179">
        <v>0</v>
      </c>
      <c r="AN9" s="177">
        <v>4</v>
      </c>
      <c r="AO9" s="177">
        <v>1</v>
      </c>
      <c r="AP9" s="177">
        <v>0</v>
      </c>
      <c r="AQ9" s="177">
        <v>0</v>
      </c>
      <c r="AR9" s="177">
        <v>0</v>
      </c>
      <c r="AS9" s="182">
        <v>5</v>
      </c>
      <c r="AT9" s="181">
        <v>5</v>
      </c>
      <c r="AU9" s="176">
        <v>1</v>
      </c>
      <c r="AV9" s="177">
        <v>1</v>
      </c>
      <c r="AW9" s="182">
        <v>2</v>
      </c>
      <c r="AX9" s="179">
        <v>0</v>
      </c>
      <c r="AY9" s="177">
        <v>5</v>
      </c>
      <c r="AZ9" s="177">
        <v>3</v>
      </c>
      <c r="BA9" s="177">
        <v>6</v>
      </c>
      <c r="BB9" s="177">
        <v>7</v>
      </c>
      <c r="BC9" s="177">
        <v>3</v>
      </c>
      <c r="BD9" s="182">
        <v>24</v>
      </c>
      <c r="BE9" s="181">
        <v>26</v>
      </c>
      <c r="BF9" s="176">
        <v>0</v>
      </c>
      <c r="BG9" s="177">
        <v>0</v>
      </c>
      <c r="BH9" s="182">
        <v>0</v>
      </c>
      <c r="BI9" s="179">
        <v>0</v>
      </c>
      <c r="BJ9" s="177">
        <v>11</v>
      </c>
      <c r="BK9" s="177">
        <v>9</v>
      </c>
      <c r="BL9" s="177">
        <v>11</v>
      </c>
      <c r="BM9" s="177">
        <v>13</v>
      </c>
      <c r="BN9" s="177">
        <v>5</v>
      </c>
      <c r="BO9" s="180">
        <v>49</v>
      </c>
      <c r="BP9" s="181">
        <v>49</v>
      </c>
      <c r="BQ9" s="176">
        <v>0</v>
      </c>
      <c r="BR9" s="177">
        <v>0</v>
      </c>
      <c r="BS9" s="182">
        <v>0</v>
      </c>
      <c r="BT9" s="179">
        <v>0</v>
      </c>
      <c r="BU9" s="177">
        <v>0</v>
      </c>
      <c r="BV9" s="177">
        <v>0</v>
      </c>
      <c r="BW9" s="177">
        <v>0</v>
      </c>
      <c r="BX9" s="177">
        <v>0</v>
      </c>
      <c r="BY9" s="177">
        <v>0</v>
      </c>
      <c r="BZ9" s="182">
        <v>0</v>
      </c>
      <c r="CA9" s="181">
        <v>0</v>
      </c>
      <c r="CB9" s="176">
        <v>0</v>
      </c>
      <c r="CC9" s="177">
        <v>0</v>
      </c>
      <c r="CD9" s="182">
        <v>0</v>
      </c>
      <c r="CE9" s="179">
        <v>0</v>
      </c>
      <c r="CF9" s="177">
        <v>0</v>
      </c>
      <c r="CG9" s="177">
        <v>0</v>
      </c>
      <c r="CH9" s="177">
        <v>1</v>
      </c>
      <c r="CI9" s="177">
        <v>1</v>
      </c>
      <c r="CJ9" s="177">
        <v>0</v>
      </c>
      <c r="CK9" s="182">
        <v>2</v>
      </c>
      <c r="CL9" s="181">
        <v>2</v>
      </c>
      <c r="CM9" s="176">
        <v>0</v>
      </c>
      <c r="CN9" s="177">
        <v>0</v>
      </c>
      <c r="CO9" s="182">
        <v>0</v>
      </c>
      <c r="CP9" s="179">
        <v>0</v>
      </c>
      <c r="CQ9" s="177">
        <v>1</v>
      </c>
      <c r="CR9" s="177">
        <v>2</v>
      </c>
      <c r="CS9" s="177">
        <v>2</v>
      </c>
      <c r="CT9" s="177">
        <v>3</v>
      </c>
      <c r="CU9" s="177">
        <v>2</v>
      </c>
      <c r="CV9" s="182">
        <v>10</v>
      </c>
      <c r="CW9" s="181">
        <v>10</v>
      </c>
    </row>
    <row r="10" spans="2:101" ht="21" customHeight="1" x14ac:dyDescent="0.2">
      <c r="B10" s="92" t="s">
        <v>7</v>
      </c>
      <c r="C10" s="176">
        <v>0</v>
      </c>
      <c r="D10" s="182">
        <v>0</v>
      </c>
      <c r="E10" s="193">
        <v>0</v>
      </c>
      <c r="F10" s="179">
        <v>0</v>
      </c>
      <c r="G10" s="177">
        <v>0</v>
      </c>
      <c r="H10" s="177">
        <v>2</v>
      </c>
      <c r="I10" s="177">
        <v>0</v>
      </c>
      <c r="J10" s="177">
        <v>1</v>
      </c>
      <c r="K10" s="177">
        <v>0</v>
      </c>
      <c r="L10" s="180">
        <v>3</v>
      </c>
      <c r="M10" s="181">
        <v>3</v>
      </c>
      <c r="N10" s="176">
        <v>0</v>
      </c>
      <c r="O10" s="177">
        <v>0</v>
      </c>
      <c r="P10" s="182">
        <v>0</v>
      </c>
      <c r="Q10" s="179">
        <v>0</v>
      </c>
      <c r="R10" s="177">
        <v>0</v>
      </c>
      <c r="S10" s="177">
        <v>0</v>
      </c>
      <c r="T10" s="177">
        <v>0</v>
      </c>
      <c r="U10" s="177">
        <v>0</v>
      </c>
      <c r="V10" s="177">
        <v>0</v>
      </c>
      <c r="W10" s="182">
        <v>0</v>
      </c>
      <c r="X10" s="181">
        <v>0</v>
      </c>
      <c r="Y10" s="176">
        <v>0</v>
      </c>
      <c r="Z10" s="177">
        <v>0</v>
      </c>
      <c r="AA10" s="182">
        <v>0</v>
      </c>
      <c r="AB10" s="179">
        <v>0</v>
      </c>
      <c r="AC10" s="177">
        <v>77</v>
      </c>
      <c r="AD10" s="177">
        <v>65</v>
      </c>
      <c r="AE10" s="177">
        <v>16</v>
      </c>
      <c r="AF10" s="177">
        <v>6</v>
      </c>
      <c r="AG10" s="177">
        <v>0</v>
      </c>
      <c r="AH10" s="182">
        <v>164</v>
      </c>
      <c r="AI10" s="181">
        <v>164</v>
      </c>
      <c r="AJ10" s="176">
        <v>0</v>
      </c>
      <c r="AK10" s="177">
        <v>0</v>
      </c>
      <c r="AL10" s="182">
        <v>0</v>
      </c>
      <c r="AM10" s="179">
        <v>0</v>
      </c>
      <c r="AN10" s="177">
        <v>6</v>
      </c>
      <c r="AO10" s="177">
        <v>7</v>
      </c>
      <c r="AP10" s="177">
        <v>7</v>
      </c>
      <c r="AQ10" s="177">
        <v>3</v>
      </c>
      <c r="AR10" s="177">
        <v>1</v>
      </c>
      <c r="AS10" s="182">
        <v>24</v>
      </c>
      <c r="AT10" s="181">
        <v>24</v>
      </c>
      <c r="AU10" s="176">
        <v>0</v>
      </c>
      <c r="AV10" s="177">
        <v>0</v>
      </c>
      <c r="AW10" s="182">
        <v>0</v>
      </c>
      <c r="AX10" s="179">
        <v>0</v>
      </c>
      <c r="AY10" s="177">
        <v>4</v>
      </c>
      <c r="AZ10" s="177">
        <v>3</v>
      </c>
      <c r="BA10" s="177">
        <v>2</v>
      </c>
      <c r="BB10" s="177">
        <v>1</v>
      </c>
      <c r="BC10" s="177">
        <v>0</v>
      </c>
      <c r="BD10" s="182">
        <v>10</v>
      </c>
      <c r="BE10" s="181">
        <v>10</v>
      </c>
      <c r="BF10" s="176">
        <v>0</v>
      </c>
      <c r="BG10" s="177">
        <v>0</v>
      </c>
      <c r="BH10" s="182">
        <v>0</v>
      </c>
      <c r="BI10" s="179">
        <v>0</v>
      </c>
      <c r="BJ10" s="177">
        <v>6</v>
      </c>
      <c r="BK10" s="177">
        <v>11</v>
      </c>
      <c r="BL10" s="177">
        <v>8</v>
      </c>
      <c r="BM10" s="177">
        <v>7</v>
      </c>
      <c r="BN10" s="177">
        <v>1</v>
      </c>
      <c r="BO10" s="180">
        <v>33</v>
      </c>
      <c r="BP10" s="181">
        <v>33</v>
      </c>
      <c r="BQ10" s="176">
        <v>0</v>
      </c>
      <c r="BR10" s="177">
        <v>0</v>
      </c>
      <c r="BS10" s="182">
        <v>0</v>
      </c>
      <c r="BT10" s="179">
        <v>0</v>
      </c>
      <c r="BU10" s="177">
        <v>0</v>
      </c>
      <c r="BV10" s="177">
        <v>0</v>
      </c>
      <c r="BW10" s="177">
        <v>0</v>
      </c>
      <c r="BX10" s="177">
        <v>0</v>
      </c>
      <c r="BY10" s="177">
        <v>0</v>
      </c>
      <c r="BZ10" s="182">
        <v>0</v>
      </c>
      <c r="CA10" s="181">
        <v>0</v>
      </c>
      <c r="CB10" s="176">
        <v>0</v>
      </c>
      <c r="CC10" s="177">
        <v>0</v>
      </c>
      <c r="CD10" s="182">
        <v>0</v>
      </c>
      <c r="CE10" s="179">
        <v>0</v>
      </c>
      <c r="CF10" s="177">
        <v>0</v>
      </c>
      <c r="CG10" s="177">
        <v>0</v>
      </c>
      <c r="CH10" s="177">
        <v>0</v>
      </c>
      <c r="CI10" s="177">
        <v>0</v>
      </c>
      <c r="CJ10" s="177">
        <v>0</v>
      </c>
      <c r="CK10" s="182">
        <v>0</v>
      </c>
      <c r="CL10" s="181">
        <v>0</v>
      </c>
      <c r="CM10" s="176">
        <v>0</v>
      </c>
      <c r="CN10" s="177">
        <v>0</v>
      </c>
      <c r="CO10" s="182">
        <v>0</v>
      </c>
      <c r="CP10" s="179">
        <v>0</v>
      </c>
      <c r="CQ10" s="177">
        <v>0</v>
      </c>
      <c r="CR10" s="177">
        <v>2</v>
      </c>
      <c r="CS10" s="177">
        <v>3</v>
      </c>
      <c r="CT10" s="177">
        <v>2</v>
      </c>
      <c r="CU10" s="177">
        <v>1</v>
      </c>
      <c r="CV10" s="182">
        <v>8</v>
      </c>
      <c r="CW10" s="181">
        <v>8</v>
      </c>
    </row>
    <row r="11" spans="2:101" ht="21" customHeight="1" x14ac:dyDescent="0.2">
      <c r="B11" s="92" t="s">
        <v>8</v>
      </c>
      <c r="C11" s="176">
        <v>0</v>
      </c>
      <c r="D11" s="182">
        <v>0</v>
      </c>
      <c r="E11" s="193">
        <v>0</v>
      </c>
      <c r="F11" s="179">
        <v>0</v>
      </c>
      <c r="G11" s="177">
        <v>1</v>
      </c>
      <c r="H11" s="177">
        <v>0</v>
      </c>
      <c r="I11" s="177">
        <v>0</v>
      </c>
      <c r="J11" s="177">
        <v>0</v>
      </c>
      <c r="K11" s="177">
        <v>0</v>
      </c>
      <c r="L11" s="180">
        <v>1</v>
      </c>
      <c r="M11" s="181">
        <v>1</v>
      </c>
      <c r="N11" s="176">
        <v>0</v>
      </c>
      <c r="O11" s="177">
        <v>0</v>
      </c>
      <c r="P11" s="182">
        <v>0</v>
      </c>
      <c r="Q11" s="179">
        <v>0</v>
      </c>
      <c r="R11" s="177">
        <v>0</v>
      </c>
      <c r="S11" s="177">
        <v>0</v>
      </c>
      <c r="T11" s="177">
        <v>0</v>
      </c>
      <c r="U11" s="177">
        <v>0</v>
      </c>
      <c r="V11" s="177">
        <v>0</v>
      </c>
      <c r="W11" s="182">
        <v>0</v>
      </c>
      <c r="X11" s="181">
        <v>0</v>
      </c>
      <c r="Y11" s="176">
        <v>0</v>
      </c>
      <c r="Z11" s="177">
        <v>0</v>
      </c>
      <c r="AA11" s="182">
        <v>0</v>
      </c>
      <c r="AB11" s="179">
        <v>0</v>
      </c>
      <c r="AC11" s="177">
        <v>28</v>
      </c>
      <c r="AD11" s="177">
        <v>41</v>
      </c>
      <c r="AE11" s="177">
        <v>10</v>
      </c>
      <c r="AF11" s="177">
        <v>7</v>
      </c>
      <c r="AG11" s="177">
        <v>3</v>
      </c>
      <c r="AH11" s="182">
        <v>89</v>
      </c>
      <c r="AI11" s="181">
        <v>89</v>
      </c>
      <c r="AJ11" s="176">
        <v>0</v>
      </c>
      <c r="AK11" s="177">
        <v>0</v>
      </c>
      <c r="AL11" s="182">
        <v>0</v>
      </c>
      <c r="AM11" s="179">
        <v>0</v>
      </c>
      <c r="AN11" s="177">
        <v>0</v>
      </c>
      <c r="AO11" s="177">
        <v>0</v>
      </c>
      <c r="AP11" s="177">
        <v>0</v>
      </c>
      <c r="AQ11" s="177">
        <v>0</v>
      </c>
      <c r="AR11" s="177">
        <v>0</v>
      </c>
      <c r="AS11" s="182">
        <v>0</v>
      </c>
      <c r="AT11" s="181">
        <v>0</v>
      </c>
      <c r="AU11" s="176">
        <v>0</v>
      </c>
      <c r="AV11" s="177">
        <v>1</v>
      </c>
      <c r="AW11" s="182">
        <v>1</v>
      </c>
      <c r="AX11" s="179">
        <v>0</v>
      </c>
      <c r="AY11" s="177">
        <v>2</v>
      </c>
      <c r="AZ11" s="177">
        <v>0</v>
      </c>
      <c r="BA11" s="177">
        <v>0</v>
      </c>
      <c r="BB11" s="177">
        <v>2</v>
      </c>
      <c r="BC11" s="177">
        <v>0</v>
      </c>
      <c r="BD11" s="182">
        <v>4</v>
      </c>
      <c r="BE11" s="181">
        <v>5</v>
      </c>
      <c r="BF11" s="176">
        <v>0</v>
      </c>
      <c r="BG11" s="177">
        <v>0</v>
      </c>
      <c r="BH11" s="182">
        <v>0</v>
      </c>
      <c r="BI11" s="179">
        <v>0</v>
      </c>
      <c r="BJ11" s="177">
        <v>2</v>
      </c>
      <c r="BK11" s="177">
        <v>2</v>
      </c>
      <c r="BL11" s="177">
        <v>5</v>
      </c>
      <c r="BM11" s="177">
        <v>3</v>
      </c>
      <c r="BN11" s="177">
        <v>1</v>
      </c>
      <c r="BO11" s="180">
        <v>13</v>
      </c>
      <c r="BP11" s="181">
        <v>13</v>
      </c>
      <c r="BQ11" s="176">
        <v>0</v>
      </c>
      <c r="BR11" s="177">
        <v>0</v>
      </c>
      <c r="BS11" s="182">
        <v>0</v>
      </c>
      <c r="BT11" s="179">
        <v>0</v>
      </c>
      <c r="BU11" s="177">
        <v>0</v>
      </c>
      <c r="BV11" s="177">
        <v>0</v>
      </c>
      <c r="BW11" s="177">
        <v>1</v>
      </c>
      <c r="BX11" s="177">
        <v>0</v>
      </c>
      <c r="BY11" s="177">
        <v>2</v>
      </c>
      <c r="BZ11" s="182">
        <v>3</v>
      </c>
      <c r="CA11" s="181">
        <v>3</v>
      </c>
      <c r="CB11" s="176">
        <v>0</v>
      </c>
      <c r="CC11" s="177">
        <v>0</v>
      </c>
      <c r="CD11" s="182">
        <v>0</v>
      </c>
      <c r="CE11" s="179">
        <v>0</v>
      </c>
      <c r="CF11" s="177">
        <v>0</v>
      </c>
      <c r="CG11" s="177">
        <v>0</v>
      </c>
      <c r="CH11" s="177">
        <v>0</v>
      </c>
      <c r="CI11" s="177">
        <v>0</v>
      </c>
      <c r="CJ11" s="177">
        <v>0</v>
      </c>
      <c r="CK11" s="182">
        <v>0</v>
      </c>
      <c r="CL11" s="181">
        <v>0</v>
      </c>
      <c r="CM11" s="176">
        <v>0</v>
      </c>
      <c r="CN11" s="177">
        <v>0</v>
      </c>
      <c r="CO11" s="182">
        <v>0</v>
      </c>
      <c r="CP11" s="179">
        <v>0</v>
      </c>
      <c r="CQ11" s="177">
        <v>3</v>
      </c>
      <c r="CR11" s="177">
        <v>1</v>
      </c>
      <c r="CS11" s="177">
        <v>1</v>
      </c>
      <c r="CT11" s="177">
        <v>2</v>
      </c>
      <c r="CU11" s="177">
        <v>0</v>
      </c>
      <c r="CV11" s="182">
        <v>7</v>
      </c>
      <c r="CW11" s="181">
        <v>7</v>
      </c>
    </row>
    <row r="12" spans="2:101" ht="21" customHeight="1" x14ac:dyDescent="0.2">
      <c r="B12" s="92" t="s">
        <v>9</v>
      </c>
      <c r="C12" s="176">
        <v>0</v>
      </c>
      <c r="D12" s="182">
        <v>0</v>
      </c>
      <c r="E12" s="193">
        <v>0</v>
      </c>
      <c r="F12" s="179">
        <v>0</v>
      </c>
      <c r="G12" s="177">
        <v>0</v>
      </c>
      <c r="H12" s="177">
        <v>0</v>
      </c>
      <c r="I12" s="177">
        <v>2</v>
      </c>
      <c r="J12" s="177">
        <v>0</v>
      </c>
      <c r="K12" s="177">
        <v>0</v>
      </c>
      <c r="L12" s="180">
        <v>2</v>
      </c>
      <c r="M12" s="181">
        <v>2</v>
      </c>
      <c r="N12" s="176">
        <v>0</v>
      </c>
      <c r="O12" s="177">
        <v>0</v>
      </c>
      <c r="P12" s="182">
        <v>0</v>
      </c>
      <c r="Q12" s="179">
        <v>0</v>
      </c>
      <c r="R12" s="177">
        <v>0</v>
      </c>
      <c r="S12" s="177">
        <v>0</v>
      </c>
      <c r="T12" s="177">
        <v>0</v>
      </c>
      <c r="U12" s="177">
        <v>0</v>
      </c>
      <c r="V12" s="177">
        <v>0</v>
      </c>
      <c r="W12" s="182">
        <v>0</v>
      </c>
      <c r="X12" s="181">
        <v>0</v>
      </c>
      <c r="Y12" s="176">
        <v>0</v>
      </c>
      <c r="Z12" s="177">
        <v>0</v>
      </c>
      <c r="AA12" s="182">
        <v>0</v>
      </c>
      <c r="AB12" s="179">
        <v>0</v>
      </c>
      <c r="AC12" s="177">
        <v>49</v>
      </c>
      <c r="AD12" s="177">
        <v>22</v>
      </c>
      <c r="AE12" s="177">
        <v>12</v>
      </c>
      <c r="AF12" s="177">
        <v>5</v>
      </c>
      <c r="AG12" s="177">
        <v>2</v>
      </c>
      <c r="AH12" s="182">
        <v>90</v>
      </c>
      <c r="AI12" s="181">
        <v>90</v>
      </c>
      <c r="AJ12" s="176">
        <v>0</v>
      </c>
      <c r="AK12" s="177">
        <v>0</v>
      </c>
      <c r="AL12" s="182">
        <v>0</v>
      </c>
      <c r="AM12" s="179">
        <v>0</v>
      </c>
      <c r="AN12" s="177">
        <v>0</v>
      </c>
      <c r="AO12" s="177">
        <v>1</v>
      </c>
      <c r="AP12" s="177">
        <v>0</v>
      </c>
      <c r="AQ12" s="177">
        <v>0</v>
      </c>
      <c r="AR12" s="177">
        <v>1</v>
      </c>
      <c r="AS12" s="182">
        <v>2</v>
      </c>
      <c r="AT12" s="181">
        <v>2</v>
      </c>
      <c r="AU12" s="176">
        <v>0</v>
      </c>
      <c r="AV12" s="177">
        <v>0</v>
      </c>
      <c r="AW12" s="182">
        <v>0</v>
      </c>
      <c r="AX12" s="179">
        <v>0</v>
      </c>
      <c r="AY12" s="177">
        <v>1</v>
      </c>
      <c r="AZ12" s="177">
        <v>3</v>
      </c>
      <c r="BA12" s="177">
        <v>1</v>
      </c>
      <c r="BB12" s="177">
        <v>1</v>
      </c>
      <c r="BC12" s="177">
        <v>1</v>
      </c>
      <c r="BD12" s="182">
        <v>7</v>
      </c>
      <c r="BE12" s="181">
        <v>7</v>
      </c>
      <c r="BF12" s="176">
        <v>0</v>
      </c>
      <c r="BG12" s="177">
        <v>0</v>
      </c>
      <c r="BH12" s="182">
        <v>0</v>
      </c>
      <c r="BI12" s="179">
        <v>0</v>
      </c>
      <c r="BJ12" s="177">
        <v>2</v>
      </c>
      <c r="BK12" s="177">
        <v>3</v>
      </c>
      <c r="BL12" s="177">
        <v>7</v>
      </c>
      <c r="BM12" s="177">
        <v>4</v>
      </c>
      <c r="BN12" s="177">
        <v>1</v>
      </c>
      <c r="BO12" s="180">
        <v>17</v>
      </c>
      <c r="BP12" s="181">
        <v>17</v>
      </c>
      <c r="BQ12" s="176">
        <v>0</v>
      </c>
      <c r="BR12" s="177">
        <v>0</v>
      </c>
      <c r="BS12" s="182">
        <v>0</v>
      </c>
      <c r="BT12" s="179">
        <v>0</v>
      </c>
      <c r="BU12" s="177">
        <v>0</v>
      </c>
      <c r="BV12" s="177">
        <v>1</v>
      </c>
      <c r="BW12" s="177">
        <v>1</v>
      </c>
      <c r="BX12" s="177">
        <v>0</v>
      </c>
      <c r="BY12" s="177">
        <v>0</v>
      </c>
      <c r="BZ12" s="182">
        <v>2</v>
      </c>
      <c r="CA12" s="181">
        <v>2</v>
      </c>
      <c r="CB12" s="176">
        <v>0</v>
      </c>
      <c r="CC12" s="177">
        <v>0</v>
      </c>
      <c r="CD12" s="182">
        <v>0</v>
      </c>
      <c r="CE12" s="179">
        <v>0</v>
      </c>
      <c r="CF12" s="177">
        <v>0</v>
      </c>
      <c r="CG12" s="177">
        <v>0</v>
      </c>
      <c r="CH12" s="177">
        <v>0</v>
      </c>
      <c r="CI12" s="177">
        <v>0</v>
      </c>
      <c r="CJ12" s="177">
        <v>0</v>
      </c>
      <c r="CK12" s="182">
        <v>0</v>
      </c>
      <c r="CL12" s="181">
        <v>0</v>
      </c>
      <c r="CM12" s="176">
        <v>0</v>
      </c>
      <c r="CN12" s="177">
        <v>0</v>
      </c>
      <c r="CO12" s="182">
        <v>0</v>
      </c>
      <c r="CP12" s="179">
        <v>0</v>
      </c>
      <c r="CQ12" s="177">
        <v>0</v>
      </c>
      <c r="CR12" s="177">
        <v>1</v>
      </c>
      <c r="CS12" s="177">
        <v>0</v>
      </c>
      <c r="CT12" s="177">
        <v>1</v>
      </c>
      <c r="CU12" s="177">
        <v>0</v>
      </c>
      <c r="CV12" s="182">
        <v>2</v>
      </c>
      <c r="CW12" s="181">
        <v>2</v>
      </c>
    </row>
    <row r="13" spans="2:101" ht="21" customHeight="1" x14ac:dyDescent="0.2">
      <c r="B13" s="92" t="s">
        <v>10</v>
      </c>
      <c r="C13" s="176">
        <v>0</v>
      </c>
      <c r="D13" s="182">
        <v>0</v>
      </c>
      <c r="E13" s="193">
        <v>0</v>
      </c>
      <c r="F13" s="179">
        <v>0</v>
      </c>
      <c r="G13" s="177">
        <v>1</v>
      </c>
      <c r="H13" s="177">
        <v>0</v>
      </c>
      <c r="I13" s="177">
        <v>1</v>
      </c>
      <c r="J13" s="177">
        <v>0</v>
      </c>
      <c r="K13" s="177">
        <v>1</v>
      </c>
      <c r="L13" s="180">
        <v>3</v>
      </c>
      <c r="M13" s="181">
        <v>3</v>
      </c>
      <c r="N13" s="176">
        <v>0</v>
      </c>
      <c r="O13" s="177">
        <v>0</v>
      </c>
      <c r="P13" s="182">
        <v>0</v>
      </c>
      <c r="Q13" s="179">
        <v>0</v>
      </c>
      <c r="R13" s="177">
        <v>2</v>
      </c>
      <c r="S13" s="177">
        <v>0</v>
      </c>
      <c r="T13" s="177">
        <v>1</v>
      </c>
      <c r="U13" s="177">
        <v>0</v>
      </c>
      <c r="V13" s="177">
        <v>0</v>
      </c>
      <c r="W13" s="182">
        <v>3</v>
      </c>
      <c r="X13" s="181">
        <v>3</v>
      </c>
      <c r="Y13" s="176">
        <v>0</v>
      </c>
      <c r="Z13" s="177">
        <v>0</v>
      </c>
      <c r="AA13" s="182">
        <v>0</v>
      </c>
      <c r="AB13" s="179">
        <v>0</v>
      </c>
      <c r="AC13" s="177">
        <v>40</v>
      </c>
      <c r="AD13" s="177">
        <v>19</v>
      </c>
      <c r="AE13" s="177">
        <v>5</v>
      </c>
      <c r="AF13" s="177">
        <v>2</v>
      </c>
      <c r="AG13" s="177">
        <v>2</v>
      </c>
      <c r="AH13" s="182">
        <v>68</v>
      </c>
      <c r="AI13" s="181">
        <v>68</v>
      </c>
      <c r="AJ13" s="176">
        <v>0</v>
      </c>
      <c r="AK13" s="177">
        <v>0</v>
      </c>
      <c r="AL13" s="182">
        <v>0</v>
      </c>
      <c r="AM13" s="179">
        <v>0</v>
      </c>
      <c r="AN13" s="177">
        <v>4</v>
      </c>
      <c r="AO13" s="177">
        <v>1</v>
      </c>
      <c r="AP13" s="177">
        <v>1</v>
      </c>
      <c r="AQ13" s="177">
        <v>0</v>
      </c>
      <c r="AR13" s="177">
        <v>0</v>
      </c>
      <c r="AS13" s="182">
        <v>6</v>
      </c>
      <c r="AT13" s="181">
        <v>6</v>
      </c>
      <c r="AU13" s="176">
        <v>0</v>
      </c>
      <c r="AV13" s="177">
        <v>1</v>
      </c>
      <c r="AW13" s="182">
        <v>1</v>
      </c>
      <c r="AX13" s="179">
        <v>0</v>
      </c>
      <c r="AY13" s="177">
        <v>3</v>
      </c>
      <c r="AZ13" s="177">
        <v>1</v>
      </c>
      <c r="BA13" s="177">
        <v>1</v>
      </c>
      <c r="BB13" s="177">
        <v>2</v>
      </c>
      <c r="BC13" s="177">
        <v>0</v>
      </c>
      <c r="BD13" s="182">
        <v>7</v>
      </c>
      <c r="BE13" s="181">
        <v>8</v>
      </c>
      <c r="BF13" s="176">
        <v>0</v>
      </c>
      <c r="BG13" s="177">
        <v>0</v>
      </c>
      <c r="BH13" s="182">
        <v>0</v>
      </c>
      <c r="BI13" s="179">
        <v>0</v>
      </c>
      <c r="BJ13" s="177">
        <v>6</v>
      </c>
      <c r="BK13" s="177">
        <v>7</v>
      </c>
      <c r="BL13" s="177">
        <v>9</v>
      </c>
      <c r="BM13" s="177">
        <v>4</v>
      </c>
      <c r="BN13" s="177">
        <v>5</v>
      </c>
      <c r="BO13" s="180">
        <v>31</v>
      </c>
      <c r="BP13" s="181">
        <v>31</v>
      </c>
      <c r="BQ13" s="176">
        <v>0</v>
      </c>
      <c r="BR13" s="177">
        <v>0</v>
      </c>
      <c r="BS13" s="182">
        <v>0</v>
      </c>
      <c r="BT13" s="179">
        <v>0</v>
      </c>
      <c r="BU13" s="177">
        <v>5</v>
      </c>
      <c r="BV13" s="177">
        <v>1</v>
      </c>
      <c r="BW13" s="177">
        <v>1</v>
      </c>
      <c r="BX13" s="177">
        <v>1</v>
      </c>
      <c r="BY13" s="177">
        <v>1</v>
      </c>
      <c r="BZ13" s="182">
        <v>9</v>
      </c>
      <c r="CA13" s="181">
        <v>9</v>
      </c>
      <c r="CB13" s="176">
        <v>0</v>
      </c>
      <c r="CC13" s="177">
        <v>0</v>
      </c>
      <c r="CD13" s="182">
        <v>0</v>
      </c>
      <c r="CE13" s="179">
        <v>0</v>
      </c>
      <c r="CF13" s="177">
        <v>0</v>
      </c>
      <c r="CG13" s="177">
        <v>1</v>
      </c>
      <c r="CH13" s="177">
        <v>1</v>
      </c>
      <c r="CI13" s="177">
        <v>3</v>
      </c>
      <c r="CJ13" s="177">
        <v>6</v>
      </c>
      <c r="CK13" s="182">
        <v>11</v>
      </c>
      <c r="CL13" s="181">
        <v>11</v>
      </c>
      <c r="CM13" s="176">
        <v>0</v>
      </c>
      <c r="CN13" s="177">
        <v>0</v>
      </c>
      <c r="CO13" s="182">
        <v>0</v>
      </c>
      <c r="CP13" s="179">
        <v>0</v>
      </c>
      <c r="CQ13" s="177">
        <v>1</v>
      </c>
      <c r="CR13" s="177">
        <v>4</v>
      </c>
      <c r="CS13" s="177">
        <v>2</v>
      </c>
      <c r="CT13" s="177">
        <v>2</v>
      </c>
      <c r="CU13" s="177">
        <v>0</v>
      </c>
      <c r="CV13" s="182">
        <v>9</v>
      </c>
      <c r="CW13" s="181">
        <v>9</v>
      </c>
    </row>
    <row r="14" spans="2:101" ht="21" customHeight="1" x14ac:dyDescent="0.2">
      <c r="B14" s="92" t="s">
        <v>11</v>
      </c>
      <c r="C14" s="176">
        <v>0</v>
      </c>
      <c r="D14" s="182">
        <v>0</v>
      </c>
      <c r="E14" s="193">
        <v>0</v>
      </c>
      <c r="F14" s="179">
        <v>0</v>
      </c>
      <c r="G14" s="177">
        <v>2</v>
      </c>
      <c r="H14" s="177">
        <v>0</v>
      </c>
      <c r="I14" s="177">
        <v>0</v>
      </c>
      <c r="J14" s="177">
        <v>0</v>
      </c>
      <c r="K14" s="177">
        <v>0</v>
      </c>
      <c r="L14" s="180">
        <v>2</v>
      </c>
      <c r="M14" s="181">
        <v>2</v>
      </c>
      <c r="N14" s="176">
        <v>0</v>
      </c>
      <c r="O14" s="177">
        <v>0</v>
      </c>
      <c r="P14" s="182">
        <v>0</v>
      </c>
      <c r="Q14" s="179">
        <v>0</v>
      </c>
      <c r="R14" s="177">
        <v>0</v>
      </c>
      <c r="S14" s="177">
        <v>1</v>
      </c>
      <c r="T14" s="177">
        <v>0</v>
      </c>
      <c r="U14" s="177">
        <v>0</v>
      </c>
      <c r="V14" s="177">
        <v>0</v>
      </c>
      <c r="W14" s="182">
        <v>1</v>
      </c>
      <c r="X14" s="181">
        <v>1</v>
      </c>
      <c r="Y14" s="176">
        <v>0</v>
      </c>
      <c r="Z14" s="177">
        <v>0</v>
      </c>
      <c r="AA14" s="182">
        <v>0</v>
      </c>
      <c r="AB14" s="179">
        <v>0</v>
      </c>
      <c r="AC14" s="177">
        <v>19</v>
      </c>
      <c r="AD14" s="177">
        <v>9</v>
      </c>
      <c r="AE14" s="177">
        <v>6</v>
      </c>
      <c r="AF14" s="177">
        <v>2</v>
      </c>
      <c r="AG14" s="177">
        <v>1</v>
      </c>
      <c r="AH14" s="182">
        <v>37</v>
      </c>
      <c r="AI14" s="181">
        <v>37</v>
      </c>
      <c r="AJ14" s="176">
        <v>0</v>
      </c>
      <c r="AK14" s="177">
        <v>0</v>
      </c>
      <c r="AL14" s="182">
        <v>0</v>
      </c>
      <c r="AM14" s="179">
        <v>0</v>
      </c>
      <c r="AN14" s="177">
        <v>0</v>
      </c>
      <c r="AO14" s="177">
        <v>1</v>
      </c>
      <c r="AP14" s="177">
        <v>2</v>
      </c>
      <c r="AQ14" s="177">
        <v>0</v>
      </c>
      <c r="AR14" s="177">
        <v>0</v>
      </c>
      <c r="AS14" s="182">
        <v>3</v>
      </c>
      <c r="AT14" s="181">
        <v>3</v>
      </c>
      <c r="AU14" s="176">
        <v>0</v>
      </c>
      <c r="AV14" s="177">
        <v>0</v>
      </c>
      <c r="AW14" s="182">
        <v>0</v>
      </c>
      <c r="AX14" s="179">
        <v>0</v>
      </c>
      <c r="AY14" s="177">
        <v>2</v>
      </c>
      <c r="AZ14" s="177">
        <v>1</v>
      </c>
      <c r="BA14" s="177">
        <v>1</v>
      </c>
      <c r="BB14" s="177">
        <v>0</v>
      </c>
      <c r="BC14" s="177">
        <v>0</v>
      </c>
      <c r="BD14" s="182">
        <v>4</v>
      </c>
      <c r="BE14" s="181">
        <v>4</v>
      </c>
      <c r="BF14" s="176">
        <v>0</v>
      </c>
      <c r="BG14" s="177">
        <v>0</v>
      </c>
      <c r="BH14" s="182">
        <v>0</v>
      </c>
      <c r="BI14" s="179">
        <v>0</v>
      </c>
      <c r="BJ14" s="177">
        <v>1</v>
      </c>
      <c r="BK14" s="177">
        <v>3</v>
      </c>
      <c r="BL14" s="177">
        <v>1</v>
      </c>
      <c r="BM14" s="177">
        <v>3</v>
      </c>
      <c r="BN14" s="177">
        <v>0</v>
      </c>
      <c r="BO14" s="180">
        <v>8</v>
      </c>
      <c r="BP14" s="181">
        <v>8</v>
      </c>
      <c r="BQ14" s="176">
        <v>0</v>
      </c>
      <c r="BR14" s="177">
        <v>0</v>
      </c>
      <c r="BS14" s="182">
        <v>0</v>
      </c>
      <c r="BT14" s="179">
        <v>0</v>
      </c>
      <c r="BU14" s="177">
        <v>0</v>
      </c>
      <c r="BV14" s="177">
        <v>0</v>
      </c>
      <c r="BW14" s="177">
        <v>0</v>
      </c>
      <c r="BX14" s="177">
        <v>0</v>
      </c>
      <c r="BY14" s="177">
        <v>0</v>
      </c>
      <c r="BZ14" s="182">
        <v>0</v>
      </c>
      <c r="CA14" s="181">
        <v>0</v>
      </c>
      <c r="CB14" s="176">
        <v>0</v>
      </c>
      <c r="CC14" s="177">
        <v>0</v>
      </c>
      <c r="CD14" s="182">
        <v>0</v>
      </c>
      <c r="CE14" s="179">
        <v>0</v>
      </c>
      <c r="CF14" s="177">
        <v>0</v>
      </c>
      <c r="CG14" s="177">
        <v>0</v>
      </c>
      <c r="CH14" s="177">
        <v>0</v>
      </c>
      <c r="CI14" s="177">
        <v>0</v>
      </c>
      <c r="CJ14" s="177">
        <v>0</v>
      </c>
      <c r="CK14" s="182">
        <v>0</v>
      </c>
      <c r="CL14" s="181">
        <v>0</v>
      </c>
      <c r="CM14" s="176">
        <v>0</v>
      </c>
      <c r="CN14" s="177">
        <v>0</v>
      </c>
      <c r="CO14" s="182">
        <v>0</v>
      </c>
      <c r="CP14" s="179">
        <v>0</v>
      </c>
      <c r="CQ14" s="177">
        <v>1</v>
      </c>
      <c r="CR14" s="177">
        <v>1</v>
      </c>
      <c r="CS14" s="177">
        <v>3</v>
      </c>
      <c r="CT14" s="177">
        <v>0</v>
      </c>
      <c r="CU14" s="177">
        <v>1</v>
      </c>
      <c r="CV14" s="182">
        <v>6</v>
      </c>
      <c r="CW14" s="181">
        <v>6</v>
      </c>
    </row>
    <row r="15" spans="2:101" ht="21" customHeight="1" x14ac:dyDescent="0.2">
      <c r="B15" s="92" t="s">
        <v>12</v>
      </c>
      <c r="C15" s="176">
        <v>0</v>
      </c>
      <c r="D15" s="182">
        <v>0</v>
      </c>
      <c r="E15" s="193">
        <v>0</v>
      </c>
      <c r="F15" s="179">
        <v>0</v>
      </c>
      <c r="G15" s="177">
        <v>0</v>
      </c>
      <c r="H15" s="177">
        <v>0</v>
      </c>
      <c r="I15" s="177">
        <v>0</v>
      </c>
      <c r="J15" s="177">
        <v>0</v>
      </c>
      <c r="K15" s="177">
        <v>0</v>
      </c>
      <c r="L15" s="180">
        <v>0</v>
      </c>
      <c r="M15" s="181">
        <v>0</v>
      </c>
      <c r="N15" s="176">
        <v>0</v>
      </c>
      <c r="O15" s="177">
        <v>0</v>
      </c>
      <c r="P15" s="182">
        <v>0</v>
      </c>
      <c r="Q15" s="179">
        <v>0</v>
      </c>
      <c r="R15" s="177">
        <v>0</v>
      </c>
      <c r="S15" s="177">
        <v>0</v>
      </c>
      <c r="T15" s="177">
        <v>0</v>
      </c>
      <c r="U15" s="177">
        <v>0</v>
      </c>
      <c r="V15" s="177">
        <v>0</v>
      </c>
      <c r="W15" s="182">
        <v>0</v>
      </c>
      <c r="X15" s="181">
        <v>0</v>
      </c>
      <c r="Y15" s="176">
        <v>0</v>
      </c>
      <c r="Z15" s="177">
        <v>0</v>
      </c>
      <c r="AA15" s="182">
        <v>0</v>
      </c>
      <c r="AB15" s="179">
        <v>0</v>
      </c>
      <c r="AC15" s="177">
        <v>26</v>
      </c>
      <c r="AD15" s="177">
        <v>17</v>
      </c>
      <c r="AE15" s="177">
        <v>8</v>
      </c>
      <c r="AF15" s="177">
        <v>5</v>
      </c>
      <c r="AG15" s="177">
        <v>2</v>
      </c>
      <c r="AH15" s="182">
        <v>58</v>
      </c>
      <c r="AI15" s="181">
        <v>58</v>
      </c>
      <c r="AJ15" s="176">
        <v>0</v>
      </c>
      <c r="AK15" s="177">
        <v>0</v>
      </c>
      <c r="AL15" s="182">
        <v>0</v>
      </c>
      <c r="AM15" s="179">
        <v>0</v>
      </c>
      <c r="AN15" s="177">
        <v>0</v>
      </c>
      <c r="AO15" s="177">
        <v>0</v>
      </c>
      <c r="AP15" s="177">
        <v>0</v>
      </c>
      <c r="AQ15" s="177">
        <v>0</v>
      </c>
      <c r="AR15" s="177">
        <v>0</v>
      </c>
      <c r="AS15" s="182">
        <v>0</v>
      </c>
      <c r="AT15" s="181">
        <v>0</v>
      </c>
      <c r="AU15" s="176">
        <v>0</v>
      </c>
      <c r="AV15" s="177">
        <v>0</v>
      </c>
      <c r="AW15" s="182">
        <v>0</v>
      </c>
      <c r="AX15" s="179">
        <v>0</v>
      </c>
      <c r="AY15" s="177">
        <v>2</v>
      </c>
      <c r="AZ15" s="177">
        <v>2</v>
      </c>
      <c r="BA15" s="177">
        <v>4</v>
      </c>
      <c r="BB15" s="177">
        <v>2</v>
      </c>
      <c r="BC15" s="177">
        <v>4</v>
      </c>
      <c r="BD15" s="182">
        <v>14</v>
      </c>
      <c r="BE15" s="181">
        <v>14</v>
      </c>
      <c r="BF15" s="176">
        <v>0</v>
      </c>
      <c r="BG15" s="177">
        <v>0</v>
      </c>
      <c r="BH15" s="182">
        <v>0</v>
      </c>
      <c r="BI15" s="179">
        <v>0</v>
      </c>
      <c r="BJ15" s="177">
        <v>3</v>
      </c>
      <c r="BK15" s="177">
        <v>0</v>
      </c>
      <c r="BL15" s="177">
        <v>1</v>
      </c>
      <c r="BM15" s="177">
        <v>2</v>
      </c>
      <c r="BN15" s="177">
        <v>1</v>
      </c>
      <c r="BO15" s="180">
        <v>7</v>
      </c>
      <c r="BP15" s="181">
        <v>7</v>
      </c>
      <c r="BQ15" s="176">
        <v>0</v>
      </c>
      <c r="BR15" s="177">
        <v>0</v>
      </c>
      <c r="BS15" s="182">
        <v>0</v>
      </c>
      <c r="BT15" s="179">
        <v>0</v>
      </c>
      <c r="BU15" s="177">
        <v>0</v>
      </c>
      <c r="BV15" s="177">
        <v>3</v>
      </c>
      <c r="BW15" s="177">
        <v>0</v>
      </c>
      <c r="BX15" s="177">
        <v>3</v>
      </c>
      <c r="BY15" s="177">
        <v>2</v>
      </c>
      <c r="BZ15" s="182">
        <v>8</v>
      </c>
      <c r="CA15" s="181">
        <v>8</v>
      </c>
      <c r="CB15" s="176">
        <v>0</v>
      </c>
      <c r="CC15" s="177">
        <v>0</v>
      </c>
      <c r="CD15" s="182">
        <v>0</v>
      </c>
      <c r="CE15" s="179">
        <v>0</v>
      </c>
      <c r="CF15" s="177">
        <v>0</v>
      </c>
      <c r="CG15" s="177">
        <v>0</v>
      </c>
      <c r="CH15" s="177">
        <v>0</v>
      </c>
      <c r="CI15" s="177">
        <v>1</v>
      </c>
      <c r="CJ15" s="177">
        <v>1</v>
      </c>
      <c r="CK15" s="182">
        <v>2</v>
      </c>
      <c r="CL15" s="181">
        <v>2</v>
      </c>
      <c r="CM15" s="176">
        <v>0</v>
      </c>
      <c r="CN15" s="177">
        <v>0</v>
      </c>
      <c r="CO15" s="182">
        <v>0</v>
      </c>
      <c r="CP15" s="179">
        <v>0</v>
      </c>
      <c r="CQ15" s="177">
        <v>0</v>
      </c>
      <c r="CR15" s="177">
        <v>1</v>
      </c>
      <c r="CS15" s="177">
        <v>0</v>
      </c>
      <c r="CT15" s="177">
        <v>2</v>
      </c>
      <c r="CU15" s="177">
        <v>0</v>
      </c>
      <c r="CV15" s="182">
        <v>3</v>
      </c>
      <c r="CW15" s="181">
        <v>3</v>
      </c>
    </row>
    <row r="16" spans="2:101" ht="21" customHeight="1" x14ac:dyDescent="0.2">
      <c r="B16" s="92" t="s">
        <v>13</v>
      </c>
      <c r="C16" s="176">
        <v>0</v>
      </c>
      <c r="D16" s="182">
        <v>0</v>
      </c>
      <c r="E16" s="193">
        <v>0</v>
      </c>
      <c r="F16" s="179">
        <v>0</v>
      </c>
      <c r="G16" s="177">
        <v>0</v>
      </c>
      <c r="H16" s="177">
        <v>0</v>
      </c>
      <c r="I16" s="177">
        <v>0</v>
      </c>
      <c r="J16" s="177">
        <v>0</v>
      </c>
      <c r="K16" s="177">
        <v>0</v>
      </c>
      <c r="L16" s="180">
        <v>0</v>
      </c>
      <c r="M16" s="181">
        <v>0</v>
      </c>
      <c r="N16" s="176">
        <v>0</v>
      </c>
      <c r="O16" s="177">
        <v>0</v>
      </c>
      <c r="P16" s="182">
        <v>0</v>
      </c>
      <c r="Q16" s="179">
        <v>0</v>
      </c>
      <c r="R16" s="177">
        <v>0</v>
      </c>
      <c r="S16" s="177">
        <v>0</v>
      </c>
      <c r="T16" s="177">
        <v>0</v>
      </c>
      <c r="U16" s="177">
        <v>0</v>
      </c>
      <c r="V16" s="177">
        <v>0</v>
      </c>
      <c r="W16" s="182">
        <v>0</v>
      </c>
      <c r="X16" s="181">
        <v>0</v>
      </c>
      <c r="Y16" s="176">
        <v>0</v>
      </c>
      <c r="Z16" s="177">
        <v>0</v>
      </c>
      <c r="AA16" s="182">
        <v>0</v>
      </c>
      <c r="AB16" s="179">
        <v>0</v>
      </c>
      <c r="AC16" s="177">
        <v>20</v>
      </c>
      <c r="AD16" s="177">
        <v>23</v>
      </c>
      <c r="AE16" s="177">
        <v>7</v>
      </c>
      <c r="AF16" s="177">
        <v>2</v>
      </c>
      <c r="AG16" s="177">
        <v>0</v>
      </c>
      <c r="AH16" s="182">
        <v>52</v>
      </c>
      <c r="AI16" s="181">
        <v>52</v>
      </c>
      <c r="AJ16" s="176">
        <v>0</v>
      </c>
      <c r="AK16" s="177">
        <v>0</v>
      </c>
      <c r="AL16" s="182">
        <v>0</v>
      </c>
      <c r="AM16" s="179">
        <v>0</v>
      </c>
      <c r="AN16" s="177">
        <v>0</v>
      </c>
      <c r="AO16" s="177">
        <v>1</v>
      </c>
      <c r="AP16" s="177">
        <v>1</v>
      </c>
      <c r="AQ16" s="177">
        <v>0</v>
      </c>
      <c r="AR16" s="177">
        <v>2</v>
      </c>
      <c r="AS16" s="182">
        <v>4</v>
      </c>
      <c r="AT16" s="181">
        <v>4</v>
      </c>
      <c r="AU16" s="176">
        <v>1</v>
      </c>
      <c r="AV16" s="177">
        <v>0</v>
      </c>
      <c r="AW16" s="182">
        <v>1</v>
      </c>
      <c r="AX16" s="179">
        <v>0</v>
      </c>
      <c r="AY16" s="177">
        <v>0</v>
      </c>
      <c r="AZ16" s="177">
        <v>0</v>
      </c>
      <c r="BA16" s="177">
        <v>0</v>
      </c>
      <c r="BB16" s="177">
        <v>1</v>
      </c>
      <c r="BC16" s="177">
        <v>1</v>
      </c>
      <c r="BD16" s="182">
        <v>2</v>
      </c>
      <c r="BE16" s="181">
        <v>3</v>
      </c>
      <c r="BF16" s="176">
        <v>0</v>
      </c>
      <c r="BG16" s="177">
        <v>0</v>
      </c>
      <c r="BH16" s="182">
        <v>0</v>
      </c>
      <c r="BI16" s="179">
        <v>0</v>
      </c>
      <c r="BJ16" s="177">
        <v>0</v>
      </c>
      <c r="BK16" s="177">
        <v>0</v>
      </c>
      <c r="BL16" s="177">
        <v>3</v>
      </c>
      <c r="BM16" s="177">
        <v>2</v>
      </c>
      <c r="BN16" s="177">
        <v>0</v>
      </c>
      <c r="BO16" s="180">
        <v>5</v>
      </c>
      <c r="BP16" s="181">
        <v>5</v>
      </c>
      <c r="BQ16" s="176">
        <v>0</v>
      </c>
      <c r="BR16" s="177">
        <v>0</v>
      </c>
      <c r="BS16" s="182">
        <v>0</v>
      </c>
      <c r="BT16" s="179">
        <v>0</v>
      </c>
      <c r="BU16" s="177">
        <v>0</v>
      </c>
      <c r="BV16" s="177">
        <v>0</v>
      </c>
      <c r="BW16" s="177">
        <v>0</v>
      </c>
      <c r="BX16" s="177">
        <v>0</v>
      </c>
      <c r="BY16" s="177">
        <v>0</v>
      </c>
      <c r="BZ16" s="182">
        <v>0</v>
      </c>
      <c r="CA16" s="181">
        <v>0</v>
      </c>
      <c r="CB16" s="176">
        <v>0</v>
      </c>
      <c r="CC16" s="177">
        <v>0</v>
      </c>
      <c r="CD16" s="182">
        <v>0</v>
      </c>
      <c r="CE16" s="179">
        <v>0</v>
      </c>
      <c r="CF16" s="177">
        <v>0</v>
      </c>
      <c r="CG16" s="177">
        <v>0</v>
      </c>
      <c r="CH16" s="177">
        <v>0</v>
      </c>
      <c r="CI16" s="177">
        <v>0</v>
      </c>
      <c r="CJ16" s="177">
        <v>0</v>
      </c>
      <c r="CK16" s="182">
        <v>0</v>
      </c>
      <c r="CL16" s="181">
        <v>0</v>
      </c>
      <c r="CM16" s="176">
        <v>0</v>
      </c>
      <c r="CN16" s="177">
        <v>0</v>
      </c>
      <c r="CO16" s="182">
        <v>0</v>
      </c>
      <c r="CP16" s="179">
        <v>0</v>
      </c>
      <c r="CQ16" s="177">
        <v>0</v>
      </c>
      <c r="CR16" s="177">
        <v>0</v>
      </c>
      <c r="CS16" s="177">
        <v>0</v>
      </c>
      <c r="CT16" s="177">
        <v>0</v>
      </c>
      <c r="CU16" s="177">
        <v>0</v>
      </c>
      <c r="CV16" s="182">
        <v>0</v>
      </c>
      <c r="CW16" s="181">
        <v>0</v>
      </c>
    </row>
    <row r="17" spans="2:101" ht="21" customHeight="1" x14ac:dyDescent="0.2">
      <c r="B17" s="92" t="s">
        <v>15</v>
      </c>
      <c r="C17" s="176">
        <v>0</v>
      </c>
      <c r="D17" s="182">
        <v>0</v>
      </c>
      <c r="E17" s="193">
        <v>0</v>
      </c>
      <c r="F17" s="179">
        <v>0</v>
      </c>
      <c r="G17" s="177">
        <v>0</v>
      </c>
      <c r="H17" s="177">
        <v>0</v>
      </c>
      <c r="I17" s="177">
        <v>0</v>
      </c>
      <c r="J17" s="177">
        <v>0</v>
      </c>
      <c r="K17" s="177">
        <v>0</v>
      </c>
      <c r="L17" s="180">
        <v>0</v>
      </c>
      <c r="M17" s="181">
        <v>0</v>
      </c>
      <c r="N17" s="176">
        <v>0</v>
      </c>
      <c r="O17" s="177">
        <v>0</v>
      </c>
      <c r="P17" s="182">
        <v>0</v>
      </c>
      <c r="Q17" s="179">
        <v>0</v>
      </c>
      <c r="R17" s="177">
        <v>0</v>
      </c>
      <c r="S17" s="177">
        <v>0</v>
      </c>
      <c r="T17" s="177">
        <v>0</v>
      </c>
      <c r="U17" s="177">
        <v>0</v>
      </c>
      <c r="V17" s="177">
        <v>0</v>
      </c>
      <c r="W17" s="182">
        <v>0</v>
      </c>
      <c r="X17" s="181">
        <v>0</v>
      </c>
      <c r="Y17" s="176">
        <v>0</v>
      </c>
      <c r="Z17" s="177">
        <v>0</v>
      </c>
      <c r="AA17" s="182">
        <v>0</v>
      </c>
      <c r="AB17" s="179">
        <v>0</v>
      </c>
      <c r="AC17" s="177">
        <v>16</v>
      </c>
      <c r="AD17" s="177">
        <v>11</v>
      </c>
      <c r="AE17" s="177">
        <v>1</v>
      </c>
      <c r="AF17" s="177">
        <v>5</v>
      </c>
      <c r="AG17" s="177">
        <v>0</v>
      </c>
      <c r="AH17" s="182">
        <v>33</v>
      </c>
      <c r="AI17" s="181">
        <v>33</v>
      </c>
      <c r="AJ17" s="176">
        <v>0</v>
      </c>
      <c r="AK17" s="177">
        <v>0</v>
      </c>
      <c r="AL17" s="182">
        <v>0</v>
      </c>
      <c r="AM17" s="179">
        <v>0</v>
      </c>
      <c r="AN17" s="177">
        <v>0</v>
      </c>
      <c r="AO17" s="177">
        <v>0</v>
      </c>
      <c r="AP17" s="177">
        <v>0</v>
      </c>
      <c r="AQ17" s="177">
        <v>1</v>
      </c>
      <c r="AR17" s="177">
        <v>0</v>
      </c>
      <c r="AS17" s="182">
        <v>1</v>
      </c>
      <c r="AT17" s="181">
        <v>1</v>
      </c>
      <c r="AU17" s="176">
        <v>0</v>
      </c>
      <c r="AV17" s="177">
        <v>0</v>
      </c>
      <c r="AW17" s="182">
        <v>0</v>
      </c>
      <c r="AX17" s="179">
        <v>0</v>
      </c>
      <c r="AY17" s="177">
        <v>0</v>
      </c>
      <c r="AZ17" s="177">
        <v>1</v>
      </c>
      <c r="BA17" s="177">
        <v>0</v>
      </c>
      <c r="BB17" s="177">
        <v>0</v>
      </c>
      <c r="BC17" s="177">
        <v>1</v>
      </c>
      <c r="BD17" s="182">
        <v>2</v>
      </c>
      <c r="BE17" s="181">
        <v>2</v>
      </c>
      <c r="BF17" s="176">
        <v>0</v>
      </c>
      <c r="BG17" s="177">
        <v>0</v>
      </c>
      <c r="BH17" s="182">
        <v>0</v>
      </c>
      <c r="BI17" s="179">
        <v>0</v>
      </c>
      <c r="BJ17" s="177">
        <v>2</v>
      </c>
      <c r="BK17" s="177">
        <v>1</v>
      </c>
      <c r="BL17" s="177">
        <v>1</v>
      </c>
      <c r="BM17" s="177">
        <v>0</v>
      </c>
      <c r="BN17" s="177">
        <v>0</v>
      </c>
      <c r="BO17" s="180">
        <v>4</v>
      </c>
      <c r="BP17" s="181">
        <v>4</v>
      </c>
      <c r="BQ17" s="176">
        <v>0</v>
      </c>
      <c r="BR17" s="177">
        <v>0</v>
      </c>
      <c r="BS17" s="182">
        <v>0</v>
      </c>
      <c r="BT17" s="179">
        <v>0</v>
      </c>
      <c r="BU17" s="177">
        <v>0</v>
      </c>
      <c r="BV17" s="177">
        <v>0</v>
      </c>
      <c r="BW17" s="177">
        <v>0</v>
      </c>
      <c r="BX17" s="177">
        <v>0</v>
      </c>
      <c r="BY17" s="177">
        <v>0</v>
      </c>
      <c r="BZ17" s="182">
        <v>0</v>
      </c>
      <c r="CA17" s="181">
        <v>0</v>
      </c>
      <c r="CB17" s="176">
        <v>0</v>
      </c>
      <c r="CC17" s="177">
        <v>0</v>
      </c>
      <c r="CD17" s="182">
        <v>0</v>
      </c>
      <c r="CE17" s="179">
        <v>0</v>
      </c>
      <c r="CF17" s="177">
        <v>0</v>
      </c>
      <c r="CG17" s="177">
        <v>0</v>
      </c>
      <c r="CH17" s="177">
        <v>0</v>
      </c>
      <c r="CI17" s="177">
        <v>0</v>
      </c>
      <c r="CJ17" s="177">
        <v>0</v>
      </c>
      <c r="CK17" s="182">
        <v>0</v>
      </c>
      <c r="CL17" s="181">
        <v>0</v>
      </c>
      <c r="CM17" s="176">
        <v>0</v>
      </c>
      <c r="CN17" s="177">
        <v>0</v>
      </c>
      <c r="CO17" s="182">
        <v>0</v>
      </c>
      <c r="CP17" s="179">
        <v>0</v>
      </c>
      <c r="CQ17" s="177">
        <v>0</v>
      </c>
      <c r="CR17" s="177">
        <v>0</v>
      </c>
      <c r="CS17" s="177">
        <v>2</v>
      </c>
      <c r="CT17" s="177">
        <v>1</v>
      </c>
      <c r="CU17" s="177">
        <v>0</v>
      </c>
      <c r="CV17" s="182">
        <v>3</v>
      </c>
      <c r="CW17" s="181">
        <v>3</v>
      </c>
    </row>
    <row r="18" spans="2:101" ht="21" customHeight="1" x14ac:dyDescent="0.2">
      <c r="B18" s="92" t="s">
        <v>16</v>
      </c>
      <c r="C18" s="176">
        <v>0</v>
      </c>
      <c r="D18" s="182">
        <v>0</v>
      </c>
      <c r="E18" s="193">
        <v>0</v>
      </c>
      <c r="F18" s="179">
        <v>0</v>
      </c>
      <c r="G18" s="177">
        <v>0</v>
      </c>
      <c r="H18" s="177">
        <v>0</v>
      </c>
      <c r="I18" s="177">
        <v>0</v>
      </c>
      <c r="J18" s="177">
        <v>1</v>
      </c>
      <c r="K18" s="177">
        <v>0</v>
      </c>
      <c r="L18" s="180">
        <v>1</v>
      </c>
      <c r="M18" s="181">
        <v>1</v>
      </c>
      <c r="N18" s="176">
        <v>0</v>
      </c>
      <c r="O18" s="177">
        <v>0</v>
      </c>
      <c r="P18" s="182">
        <v>0</v>
      </c>
      <c r="Q18" s="179">
        <v>0</v>
      </c>
      <c r="R18" s="177">
        <v>0</v>
      </c>
      <c r="S18" s="177">
        <v>0</v>
      </c>
      <c r="T18" s="177">
        <v>0</v>
      </c>
      <c r="U18" s="177">
        <v>1</v>
      </c>
      <c r="V18" s="177">
        <v>0</v>
      </c>
      <c r="W18" s="182">
        <v>1</v>
      </c>
      <c r="X18" s="181">
        <v>1</v>
      </c>
      <c r="Y18" s="176">
        <v>0</v>
      </c>
      <c r="Z18" s="177">
        <v>0</v>
      </c>
      <c r="AA18" s="182">
        <v>0</v>
      </c>
      <c r="AB18" s="179">
        <v>0</v>
      </c>
      <c r="AC18" s="177">
        <v>11</v>
      </c>
      <c r="AD18" s="177">
        <v>9</v>
      </c>
      <c r="AE18" s="177">
        <v>6</v>
      </c>
      <c r="AF18" s="177">
        <v>2</v>
      </c>
      <c r="AG18" s="177">
        <v>0</v>
      </c>
      <c r="AH18" s="182">
        <v>28</v>
      </c>
      <c r="AI18" s="181">
        <v>28</v>
      </c>
      <c r="AJ18" s="176">
        <v>0</v>
      </c>
      <c r="AK18" s="177">
        <v>0</v>
      </c>
      <c r="AL18" s="182">
        <v>0</v>
      </c>
      <c r="AM18" s="179">
        <v>0</v>
      </c>
      <c r="AN18" s="177">
        <v>0</v>
      </c>
      <c r="AO18" s="177">
        <v>0</v>
      </c>
      <c r="AP18" s="177">
        <v>0</v>
      </c>
      <c r="AQ18" s="177">
        <v>0</v>
      </c>
      <c r="AR18" s="177">
        <v>0</v>
      </c>
      <c r="AS18" s="182">
        <v>0</v>
      </c>
      <c r="AT18" s="181">
        <v>0</v>
      </c>
      <c r="AU18" s="176">
        <v>0</v>
      </c>
      <c r="AV18" s="177">
        <v>0</v>
      </c>
      <c r="AW18" s="182">
        <v>0</v>
      </c>
      <c r="AX18" s="179">
        <v>0</v>
      </c>
      <c r="AY18" s="177">
        <v>2</v>
      </c>
      <c r="AZ18" s="177">
        <v>0</v>
      </c>
      <c r="BA18" s="177">
        <v>0</v>
      </c>
      <c r="BB18" s="177">
        <v>1</v>
      </c>
      <c r="BC18" s="177">
        <v>0</v>
      </c>
      <c r="BD18" s="182">
        <v>3</v>
      </c>
      <c r="BE18" s="181">
        <v>3</v>
      </c>
      <c r="BF18" s="176">
        <v>0</v>
      </c>
      <c r="BG18" s="177">
        <v>0</v>
      </c>
      <c r="BH18" s="182">
        <v>0</v>
      </c>
      <c r="BI18" s="179">
        <v>0</v>
      </c>
      <c r="BJ18" s="177">
        <v>1</v>
      </c>
      <c r="BK18" s="177">
        <v>2</v>
      </c>
      <c r="BL18" s="177">
        <v>1</v>
      </c>
      <c r="BM18" s="177">
        <v>1</v>
      </c>
      <c r="BN18" s="177">
        <v>1</v>
      </c>
      <c r="BO18" s="180">
        <v>6</v>
      </c>
      <c r="BP18" s="181">
        <v>6</v>
      </c>
      <c r="BQ18" s="176">
        <v>0</v>
      </c>
      <c r="BR18" s="177">
        <v>0</v>
      </c>
      <c r="BS18" s="182">
        <v>0</v>
      </c>
      <c r="BT18" s="179">
        <v>0</v>
      </c>
      <c r="BU18" s="177">
        <v>0</v>
      </c>
      <c r="BV18" s="177">
        <v>0</v>
      </c>
      <c r="BW18" s="177">
        <v>0</v>
      </c>
      <c r="BX18" s="177">
        <v>0</v>
      </c>
      <c r="BY18" s="177">
        <v>0</v>
      </c>
      <c r="BZ18" s="182">
        <v>0</v>
      </c>
      <c r="CA18" s="181">
        <v>0</v>
      </c>
      <c r="CB18" s="176">
        <v>0</v>
      </c>
      <c r="CC18" s="177">
        <v>0</v>
      </c>
      <c r="CD18" s="182">
        <v>0</v>
      </c>
      <c r="CE18" s="179">
        <v>0</v>
      </c>
      <c r="CF18" s="177">
        <v>0</v>
      </c>
      <c r="CG18" s="177">
        <v>0</v>
      </c>
      <c r="CH18" s="177">
        <v>0</v>
      </c>
      <c r="CI18" s="177">
        <v>2</v>
      </c>
      <c r="CJ18" s="177">
        <v>0</v>
      </c>
      <c r="CK18" s="182">
        <v>2</v>
      </c>
      <c r="CL18" s="181">
        <v>2</v>
      </c>
      <c r="CM18" s="176">
        <v>0</v>
      </c>
      <c r="CN18" s="177">
        <v>0</v>
      </c>
      <c r="CO18" s="182">
        <v>0</v>
      </c>
      <c r="CP18" s="179">
        <v>0</v>
      </c>
      <c r="CQ18" s="177">
        <v>0</v>
      </c>
      <c r="CR18" s="177">
        <v>1</v>
      </c>
      <c r="CS18" s="177">
        <v>1</v>
      </c>
      <c r="CT18" s="177">
        <v>0</v>
      </c>
      <c r="CU18" s="177">
        <v>0</v>
      </c>
      <c r="CV18" s="182">
        <v>2</v>
      </c>
      <c r="CW18" s="181">
        <v>2</v>
      </c>
    </row>
    <row r="19" spans="2:101" ht="21" customHeight="1" x14ac:dyDescent="0.2">
      <c r="B19" s="92" t="s">
        <v>17</v>
      </c>
      <c r="C19" s="176">
        <v>0</v>
      </c>
      <c r="D19" s="182">
        <v>0</v>
      </c>
      <c r="E19" s="193">
        <v>0</v>
      </c>
      <c r="F19" s="179">
        <v>0</v>
      </c>
      <c r="G19" s="177">
        <v>0</v>
      </c>
      <c r="H19" s="177">
        <v>0</v>
      </c>
      <c r="I19" s="177">
        <v>0</v>
      </c>
      <c r="J19" s="177">
        <v>0</v>
      </c>
      <c r="K19" s="177">
        <v>0</v>
      </c>
      <c r="L19" s="180">
        <v>0</v>
      </c>
      <c r="M19" s="181">
        <v>0</v>
      </c>
      <c r="N19" s="176">
        <v>0</v>
      </c>
      <c r="O19" s="177">
        <v>0</v>
      </c>
      <c r="P19" s="182">
        <v>0</v>
      </c>
      <c r="Q19" s="179">
        <v>0</v>
      </c>
      <c r="R19" s="177">
        <v>0</v>
      </c>
      <c r="S19" s="177">
        <v>0</v>
      </c>
      <c r="T19" s="177">
        <v>0</v>
      </c>
      <c r="U19" s="177">
        <v>0</v>
      </c>
      <c r="V19" s="177">
        <v>0</v>
      </c>
      <c r="W19" s="182">
        <v>0</v>
      </c>
      <c r="X19" s="181">
        <v>0</v>
      </c>
      <c r="Y19" s="176">
        <v>0</v>
      </c>
      <c r="Z19" s="177">
        <v>0</v>
      </c>
      <c r="AA19" s="182">
        <v>0</v>
      </c>
      <c r="AB19" s="179">
        <v>0</v>
      </c>
      <c r="AC19" s="177">
        <v>28</v>
      </c>
      <c r="AD19" s="177">
        <v>29</v>
      </c>
      <c r="AE19" s="177">
        <v>5</v>
      </c>
      <c r="AF19" s="177">
        <v>2</v>
      </c>
      <c r="AG19" s="177">
        <v>1</v>
      </c>
      <c r="AH19" s="182">
        <v>65</v>
      </c>
      <c r="AI19" s="181">
        <v>65</v>
      </c>
      <c r="AJ19" s="176">
        <v>0</v>
      </c>
      <c r="AK19" s="177">
        <v>0</v>
      </c>
      <c r="AL19" s="182">
        <v>0</v>
      </c>
      <c r="AM19" s="179">
        <v>0</v>
      </c>
      <c r="AN19" s="177">
        <v>2</v>
      </c>
      <c r="AO19" s="177">
        <v>3</v>
      </c>
      <c r="AP19" s="177">
        <v>0</v>
      </c>
      <c r="AQ19" s="177">
        <v>0</v>
      </c>
      <c r="AR19" s="177">
        <v>0</v>
      </c>
      <c r="AS19" s="182">
        <v>5</v>
      </c>
      <c r="AT19" s="181">
        <v>5</v>
      </c>
      <c r="AU19" s="176">
        <v>0</v>
      </c>
      <c r="AV19" s="177">
        <v>0</v>
      </c>
      <c r="AW19" s="182">
        <v>0</v>
      </c>
      <c r="AX19" s="179">
        <v>0</v>
      </c>
      <c r="AY19" s="177">
        <v>1</v>
      </c>
      <c r="AZ19" s="177">
        <v>3</v>
      </c>
      <c r="BA19" s="177">
        <v>1</v>
      </c>
      <c r="BB19" s="177">
        <v>1</v>
      </c>
      <c r="BC19" s="177">
        <v>1</v>
      </c>
      <c r="BD19" s="182">
        <v>7</v>
      </c>
      <c r="BE19" s="181">
        <v>7</v>
      </c>
      <c r="BF19" s="176">
        <v>0</v>
      </c>
      <c r="BG19" s="177">
        <v>0</v>
      </c>
      <c r="BH19" s="182">
        <v>0</v>
      </c>
      <c r="BI19" s="179">
        <v>0</v>
      </c>
      <c r="BJ19" s="177">
        <v>0</v>
      </c>
      <c r="BK19" s="177">
        <v>1</v>
      </c>
      <c r="BL19" s="177">
        <v>2</v>
      </c>
      <c r="BM19" s="177">
        <v>1</v>
      </c>
      <c r="BN19" s="177">
        <v>0</v>
      </c>
      <c r="BO19" s="180">
        <v>4</v>
      </c>
      <c r="BP19" s="181">
        <v>4</v>
      </c>
      <c r="BQ19" s="176">
        <v>0</v>
      </c>
      <c r="BR19" s="177">
        <v>0</v>
      </c>
      <c r="BS19" s="182">
        <v>0</v>
      </c>
      <c r="BT19" s="179">
        <v>0</v>
      </c>
      <c r="BU19" s="177">
        <v>0</v>
      </c>
      <c r="BV19" s="177">
        <v>0</v>
      </c>
      <c r="BW19" s="177">
        <v>0</v>
      </c>
      <c r="BX19" s="177">
        <v>0</v>
      </c>
      <c r="BY19" s="177">
        <v>0</v>
      </c>
      <c r="BZ19" s="182">
        <v>0</v>
      </c>
      <c r="CA19" s="181">
        <v>0</v>
      </c>
      <c r="CB19" s="176">
        <v>0</v>
      </c>
      <c r="CC19" s="177">
        <v>0</v>
      </c>
      <c r="CD19" s="182">
        <v>0</v>
      </c>
      <c r="CE19" s="179">
        <v>0</v>
      </c>
      <c r="CF19" s="177">
        <v>0</v>
      </c>
      <c r="CG19" s="177">
        <v>0</v>
      </c>
      <c r="CH19" s="177">
        <v>2</v>
      </c>
      <c r="CI19" s="177">
        <v>3</v>
      </c>
      <c r="CJ19" s="177">
        <v>4</v>
      </c>
      <c r="CK19" s="182">
        <v>9</v>
      </c>
      <c r="CL19" s="181">
        <v>9</v>
      </c>
      <c r="CM19" s="176">
        <v>0</v>
      </c>
      <c r="CN19" s="177">
        <v>0</v>
      </c>
      <c r="CO19" s="182">
        <v>0</v>
      </c>
      <c r="CP19" s="179">
        <v>0</v>
      </c>
      <c r="CQ19" s="177">
        <v>1</v>
      </c>
      <c r="CR19" s="177">
        <v>0</v>
      </c>
      <c r="CS19" s="177">
        <v>1</v>
      </c>
      <c r="CT19" s="177">
        <v>0</v>
      </c>
      <c r="CU19" s="177">
        <v>0</v>
      </c>
      <c r="CV19" s="182">
        <v>2</v>
      </c>
      <c r="CW19" s="181">
        <v>2</v>
      </c>
    </row>
    <row r="20" spans="2:101" ht="21" customHeight="1" x14ac:dyDescent="0.2">
      <c r="B20" s="92" t="s">
        <v>18</v>
      </c>
      <c r="C20" s="176">
        <v>0</v>
      </c>
      <c r="D20" s="182">
        <v>0</v>
      </c>
      <c r="E20" s="193">
        <v>0</v>
      </c>
      <c r="F20" s="179">
        <v>0</v>
      </c>
      <c r="G20" s="177">
        <v>1</v>
      </c>
      <c r="H20" s="177">
        <v>1</v>
      </c>
      <c r="I20" s="177">
        <v>1</v>
      </c>
      <c r="J20" s="177">
        <v>0</v>
      </c>
      <c r="K20" s="177">
        <v>0</v>
      </c>
      <c r="L20" s="180">
        <v>3</v>
      </c>
      <c r="M20" s="181">
        <v>3</v>
      </c>
      <c r="N20" s="176">
        <v>0</v>
      </c>
      <c r="O20" s="177">
        <v>0</v>
      </c>
      <c r="P20" s="182">
        <v>0</v>
      </c>
      <c r="Q20" s="179">
        <v>0</v>
      </c>
      <c r="R20" s="177">
        <v>0</v>
      </c>
      <c r="S20" s="177">
        <v>0</v>
      </c>
      <c r="T20" s="177">
        <v>0</v>
      </c>
      <c r="U20" s="177">
        <v>0</v>
      </c>
      <c r="V20" s="177">
        <v>0</v>
      </c>
      <c r="W20" s="182">
        <v>0</v>
      </c>
      <c r="X20" s="181">
        <v>0</v>
      </c>
      <c r="Y20" s="176">
        <v>0</v>
      </c>
      <c r="Z20" s="177">
        <v>0</v>
      </c>
      <c r="AA20" s="182">
        <v>0</v>
      </c>
      <c r="AB20" s="179">
        <v>0</v>
      </c>
      <c r="AC20" s="177">
        <v>22</v>
      </c>
      <c r="AD20" s="177">
        <v>12</v>
      </c>
      <c r="AE20" s="177">
        <v>6</v>
      </c>
      <c r="AF20" s="177">
        <v>1</v>
      </c>
      <c r="AG20" s="177">
        <v>0</v>
      </c>
      <c r="AH20" s="182">
        <v>41</v>
      </c>
      <c r="AI20" s="181">
        <v>41</v>
      </c>
      <c r="AJ20" s="176">
        <v>0</v>
      </c>
      <c r="AK20" s="177">
        <v>0</v>
      </c>
      <c r="AL20" s="182">
        <v>0</v>
      </c>
      <c r="AM20" s="179">
        <v>0</v>
      </c>
      <c r="AN20" s="177">
        <v>1</v>
      </c>
      <c r="AO20" s="177">
        <v>1</v>
      </c>
      <c r="AP20" s="177">
        <v>3</v>
      </c>
      <c r="AQ20" s="177">
        <v>0</v>
      </c>
      <c r="AR20" s="177">
        <v>1</v>
      </c>
      <c r="AS20" s="182">
        <v>6</v>
      </c>
      <c r="AT20" s="181">
        <v>6</v>
      </c>
      <c r="AU20" s="176">
        <v>1</v>
      </c>
      <c r="AV20" s="177">
        <v>0</v>
      </c>
      <c r="AW20" s="182">
        <v>1</v>
      </c>
      <c r="AX20" s="179">
        <v>0</v>
      </c>
      <c r="AY20" s="177">
        <v>3</v>
      </c>
      <c r="AZ20" s="177">
        <v>2</v>
      </c>
      <c r="BA20" s="177">
        <v>4</v>
      </c>
      <c r="BB20" s="177">
        <v>2</v>
      </c>
      <c r="BC20" s="177">
        <v>0</v>
      </c>
      <c r="BD20" s="182">
        <v>11</v>
      </c>
      <c r="BE20" s="181">
        <v>12</v>
      </c>
      <c r="BF20" s="176">
        <v>0</v>
      </c>
      <c r="BG20" s="177">
        <v>0</v>
      </c>
      <c r="BH20" s="182">
        <v>0</v>
      </c>
      <c r="BI20" s="179">
        <v>0</v>
      </c>
      <c r="BJ20" s="177">
        <v>1</v>
      </c>
      <c r="BK20" s="177">
        <v>4</v>
      </c>
      <c r="BL20" s="177">
        <v>5</v>
      </c>
      <c r="BM20" s="177">
        <v>1</v>
      </c>
      <c r="BN20" s="177">
        <v>2</v>
      </c>
      <c r="BO20" s="180">
        <v>13</v>
      </c>
      <c r="BP20" s="181">
        <v>13</v>
      </c>
      <c r="BQ20" s="176">
        <v>0</v>
      </c>
      <c r="BR20" s="177">
        <v>0</v>
      </c>
      <c r="BS20" s="182">
        <v>0</v>
      </c>
      <c r="BT20" s="179">
        <v>0</v>
      </c>
      <c r="BU20" s="177">
        <v>0</v>
      </c>
      <c r="BV20" s="177">
        <v>0</v>
      </c>
      <c r="BW20" s="177">
        <v>0</v>
      </c>
      <c r="BX20" s="177">
        <v>0</v>
      </c>
      <c r="BY20" s="177">
        <v>0</v>
      </c>
      <c r="BZ20" s="182">
        <v>0</v>
      </c>
      <c r="CA20" s="181">
        <v>0</v>
      </c>
      <c r="CB20" s="176">
        <v>0</v>
      </c>
      <c r="CC20" s="177">
        <v>0</v>
      </c>
      <c r="CD20" s="182">
        <v>0</v>
      </c>
      <c r="CE20" s="179">
        <v>0</v>
      </c>
      <c r="CF20" s="177">
        <v>0</v>
      </c>
      <c r="CG20" s="177">
        <v>0</v>
      </c>
      <c r="CH20" s="177">
        <v>1</v>
      </c>
      <c r="CI20" s="177">
        <v>0</v>
      </c>
      <c r="CJ20" s="177">
        <v>1</v>
      </c>
      <c r="CK20" s="182">
        <v>2</v>
      </c>
      <c r="CL20" s="181">
        <v>2</v>
      </c>
      <c r="CM20" s="176">
        <v>0</v>
      </c>
      <c r="CN20" s="177">
        <v>0</v>
      </c>
      <c r="CO20" s="182">
        <v>0</v>
      </c>
      <c r="CP20" s="179">
        <v>0</v>
      </c>
      <c r="CQ20" s="177">
        <v>0</v>
      </c>
      <c r="CR20" s="177">
        <v>0</v>
      </c>
      <c r="CS20" s="177">
        <v>2</v>
      </c>
      <c r="CT20" s="177">
        <v>1</v>
      </c>
      <c r="CU20" s="177">
        <v>0</v>
      </c>
      <c r="CV20" s="182">
        <v>3</v>
      </c>
      <c r="CW20" s="181">
        <v>3</v>
      </c>
    </row>
    <row r="21" spans="2:101" ht="21" customHeight="1" x14ac:dyDescent="0.2">
      <c r="B21" s="92" t="s">
        <v>19</v>
      </c>
      <c r="C21" s="176">
        <v>0</v>
      </c>
      <c r="D21" s="182">
        <v>0</v>
      </c>
      <c r="E21" s="193">
        <v>0</v>
      </c>
      <c r="F21" s="179">
        <v>0</v>
      </c>
      <c r="G21" s="177">
        <v>0</v>
      </c>
      <c r="H21" s="177">
        <v>0</v>
      </c>
      <c r="I21" s="177">
        <v>0</v>
      </c>
      <c r="J21" s="177">
        <v>0</v>
      </c>
      <c r="K21" s="177">
        <v>0</v>
      </c>
      <c r="L21" s="180">
        <v>0</v>
      </c>
      <c r="M21" s="181">
        <v>0</v>
      </c>
      <c r="N21" s="176">
        <v>0</v>
      </c>
      <c r="O21" s="177">
        <v>0</v>
      </c>
      <c r="P21" s="182">
        <v>0</v>
      </c>
      <c r="Q21" s="179">
        <v>0</v>
      </c>
      <c r="R21" s="177">
        <v>0</v>
      </c>
      <c r="S21" s="177">
        <v>0</v>
      </c>
      <c r="T21" s="177">
        <v>0</v>
      </c>
      <c r="U21" s="177">
        <v>0</v>
      </c>
      <c r="V21" s="177">
        <v>0</v>
      </c>
      <c r="W21" s="182">
        <v>0</v>
      </c>
      <c r="X21" s="181">
        <v>0</v>
      </c>
      <c r="Y21" s="176">
        <v>0</v>
      </c>
      <c r="Z21" s="177">
        <v>0</v>
      </c>
      <c r="AA21" s="182">
        <v>0</v>
      </c>
      <c r="AB21" s="179">
        <v>0</v>
      </c>
      <c r="AC21" s="177">
        <v>8</v>
      </c>
      <c r="AD21" s="177">
        <v>3</v>
      </c>
      <c r="AE21" s="177">
        <v>0</v>
      </c>
      <c r="AF21" s="177">
        <v>0</v>
      </c>
      <c r="AG21" s="177">
        <v>0</v>
      </c>
      <c r="AH21" s="182">
        <v>11</v>
      </c>
      <c r="AI21" s="181">
        <v>11</v>
      </c>
      <c r="AJ21" s="176">
        <v>0</v>
      </c>
      <c r="AK21" s="177">
        <v>0</v>
      </c>
      <c r="AL21" s="182">
        <v>0</v>
      </c>
      <c r="AM21" s="179">
        <v>0</v>
      </c>
      <c r="AN21" s="177">
        <v>2</v>
      </c>
      <c r="AO21" s="177">
        <v>2</v>
      </c>
      <c r="AP21" s="177">
        <v>0</v>
      </c>
      <c r="AQ21" s="177">
        <v>1</v>
      </c>
      <c r="AR21" s="177">
        <v>0</v>
      </c>
      <c r="AS21" s="182">
        <v>5</v>
      </c>
      <c r="AT21" s="181">
        <v>5</v>
      </c>
      <c r="AU21" s="176">
        <v>0</v>
      </c>
      <c r="AV21" s="177">
        <v>0</v>
      </c>
      <c r="AW21" s="182">
        <v>0</v>
      </c>
      <c r="AX21" s="179">
        <v>0</v>
      </c>
      <c r="AY21" s="177">
        <v>4</v>
      </c>
      <c r="AZ21" s="177">
        <v>3</v>
      </c>
      <c r="BA21" s="177">
        <v>4</v>
      </c>
      <c r="BB21" s="177">
        <v>0</v>
      </c>
      <c r="BC21" s="177">
        <v>0</v>
      </c>
      <c r="BD21" s="182">
        <v>11</v>
      </c>
      <c r="BE21" s="181">
        <v>11</v>
      </c>
      <c r="BF21" s="176">
        <v>0</v>
      </c>
      <c r="BG21" s="177">
        <v>0</v>
      </c>
      <c r="BH21" s="182">
        <v>0</v>
      </c>
      <c r="BI21" s="179">
        <v>0</v>
      </c>
      <c r="BJ21" s="177">
        <v>1</v>
      </c>
      <c r="BK21" s="177">
        <v>1</v>
      </c>
      <c r="BL21" s="177">
        <v>1</v>
      </c>
      <c r="BM21" s="177">
        <v>0</v>
      </c>
      <c r="BN21" s="177">
        <v>1</v>
      </c>
      <c r="BO21" s="180">
        <v>4</v>
      </c>
      <c r="BP21" s="181">
        <v>4</v>
      </c>
      <c r="BQ21" s="176">
        <v>0</v>
      </c>
      <c r="BR21" s="177">
        <v>0</v>
      </c>
      <c r="BS21" s="182">
        <v>0</v>
      </c>
      <c r="BT21" s="179">
        <v>0</v>
      </c>
      <c r="BU21" s="177">
        <v>0</v>
      </c>
      <c r="BV21" s="177">
        <v>0</v>
      </c>
      <c r="BW21" s="177">
        <v>0</v>
      </c>
      <c r="BX21" s="177">
        <v>0</v>
      </c>
      <c r="BY21" s="177">
        <v>0</v>
      </c>
      <c r="BZ21" s="182">
        <v>0</v>
      </c>
      <c r="CA21" s="181">
        <v>0</v>
      </c>
      <c r="CB21" s="176">
        <v>0</v>
      </c>
      <c r="CC21" s="177">
        <v>0</v>
      </c>
      <c r="CD21" s="182">
        <v>0</v>
      </c>
      <c r="CE21" s="179">
        <v>0</v>
      </c>
      <c r="CF21" s="177">
        <v>0</v>
      </c>
      <c r="CG21" s="177">
        <v>0</v>
      </c>
      <c r="CH21" s="177">
        <v>0</v>
      </c>
      <c r="CI21" s="177">
        <v>0</v>
      </c>
      <c r="CJ21" s="177">
        <v>0</v>
      </c>
      <c r="CK21" s="182">
        <v>0</v>
      </c>
      <c r="CL21" s="181">
        <v>0</v>
      </c>
      <c r="CM21" s="176">
        <v>0</v>
      </c>
      <c r="CN21" s="177">
        <v>0</v>
      </c>
      <c r="CO21" s="182">
        <v>0</v>
      </c>
      <c r="CP21" s="179">
        <v>0</v>
      </c>
      <c r="CQ21" s="177">
        <v>0</v>
      </c>
      <c r="CR21" s="177">
        <v>0</v>
      </c>
      <c r="CS21" s="177">
        <v>1</v>
      </c>
      <c r="CT21" s="177">
        <v>0</v>
      </c>
      <c r="CU21" s="177">
        <v>4</v>
      </c>
      <c r="CV21" s="182">
        <v>5</v>
      </c>
      <c r="CW21" s="181">
        <v>5</v>
      </c>
    </row>
    <row r="22" spans="2:101" ht="21" customHeight="1" x14ac:dyDescent="0.2">
      <c r="B22" s="92" t="s">
        <v>20</v>
      </c>
      <c r="C22" s="176">
        <v>0</v>
      </c>
      <c r="D22" s="182">
        <v>0</v>
      </c>
      <c r="E22" s="193">
        <v>0</v>
      </c>
      <c r="F22" s="179">
        <v>0</v>
      </c>
      <c r="G22" s="177">
        <v>0</v>
      </c>
      <c r="H22" s="177">
        <v>0</v>
      </c>
      <c r="I22" s="177">
        <v>0</v>
      </c>
      <c r="J22" s="177">
        <v>0</v>
      </c>
      <c r="K22" s="177">
        <v>0</v>
      </c>
      <c r="L22" s="180">
        <v>0</v>
      </c>
      <c r="M22" s="181">
        <v>0</v>
      </c>
      <c r="N22" s="176">
        <v>0</v>
      </c>
      <c r="O22" s="177">
        <v>0</v>
      </c>
      <c r="P22" s="182">
        <v>0</v>
      </c>
      <c r="Q22" s="179">
        <v>0</v>
      </c>
      <c r="R22" s="177">
        <v>0</v>
      </c>
      <c r="S22" s="177">
        <v>0</v>
      </c>
      <c r="T22" s="177">
        <v>0</v>
      </c>
      <c r="U22" s="177">
        <v>0</v>
      </c>
      <c r="V22" s="177">
        <v>0</v>
      </c>
      <c r="W22" s="182">
        <v>0</v>
      </c>
      <c r="X22" s="181">
        <v>0</v>
      </c>
      <c r="Y22" s="176">
        <v>0</v>
      </c>
      <c r="Z22" s="177">
        <v>0</v>
      </c>
      <c r="AA22" s="182">
        <v>0</v>
      </c>
      <c r="AB22" s="179">
        <v>0</v>
      </c>
      <c r="AC22" s="177">
        <v>20</v>
      </c>
      <c r="AD22" s="177">
        <v>15</v>
      </c>
      <c r="AE22" s="177">
        <v>4</v>
      </c>
      <c r="AF22" s="177">
        <v>2</v>
      </c>
      <c r="AG22" s="177">
        <v>0</v>
      </c>
      <c r="AH22" s="182">
        <v>41</v>
      </c>
      <c r="AI22" s="181">
        <v>41</v>
      </c>
      <c r="AJ22" s="176">
        <v>0</v>
      </c>
      <c r="AK22" s="177">
        <v>0</v>
      </c>
      <c r="AL22" s="182">
        <v>0</v>
      </c>
      <c r="AM22" s="179">
        <v>0</v>
      </c>
      <c r="AN22" s="177">
        <v>0</v>
      </c>
      <c r="AO22" s="177">
        <v>0</v>
      </c>
      <c r="AP22" s="177">
        <v>1</v>
      </c>
      <c r="AQ22" s="177">
        <v>0</v>
      </c>
      <c r="AR22" s="177">
        <v>1</v>
      </c>
      <c r="AS22" s="182">
        <v>2</v>
      </c>
      <c r="AT22" s="181">
        <v>2</v>
      </c>
      <c r="AU22" s="176">
        <v>0</v>
      </c>
      <c r="AV22" s="177">
        <v>0</v>
      </c>
      <c r="AW22" s="182">
        <v>0</v>
      </c>
      <c r="AX22" s="179">
        <v>0</v>
      </c>
      <c r="AY22" s="177">
        <v>1</v>
      </c>
      <c r="AZ22" s="177">
        <v>1</v>
      </c>
      <c r="BA22" s="177">
        <v>2</v>
      </c>
      <c r="BB22" s="177">
        <v>0</v>
      </c>
      <c r="BC22" s="177">
        <v>0</v>
      </c>
      <c r="BD22" s="182">
        <v>4</v>
      </c>
      <c r="BE22" s="181">
        <v>4</v>
      </c>
      <c r="BF22" s="176">
        <v>0</v>
      </c>
      <c r="BG22" s="177">
        <v>0</v>
      </c>
      <c r="BH22" s="182">
        <v>0</v>
      </c>
      <c r="BI22" s="179">
        <v>0</v>
      </c>
      <c r="BJ22" s="177">
        <v>1</v>
      </c>
      <c r="BK22" s="177">
        <v>0</v>
      </c>
      <c r="BL22" s="177">
        <v>5</v>
      </c>
      <c r="BM22" s="177">
        <v>0</v>
      </c>
      <c r="BN22" s="177">
        <v>0</v>
      </c>
      <c r="BO22" s="180">
        <v>6</v>
      </c>
      <c r="BP22" s="181">
        <v>6</v>
      </c>
      <c r="BQ22" s="176">
        <v>0</v>
      </c>
      <c r="BR22" s="177">
        <v>0</v>
      </c>
      <c r="BS22" s="182">
        <v>0</v>
      </c>
      <c r="BT22" s="179">
        <v>0</v>
      </c>
      <c r="BU22" s="177">
        <v>0</v>
      </c>
      <c r="BV22" s="177">
        <v>0</v>
      </c>
      <c r="BW22" s="177">
        <v>0</v>
      </c>
      <c r="BX22" s="177">
        <v>0</v>
      </c>
      <c r="BY22" s="177">
        <v>0</v>
      </c>
      <c r="BZ22" s="182">
        <v>0</v>
      </c>
      <c r="CA22" s="181">
        <v>0</v>
      </c>
      <c r="CB22" s="176">
        <v>0</v>
      </c>
      <c r="CC22" s="177">
        <v>0</v>
      </c>
      <c r="CD22" s="182">
        <v>0</v>
      </c>
      <c r="CE22" s="179">
        <v>0</v>
      </c>
      <c r="CF22" s="177">
        <v>0</v>
      </c>
      <c r="CG22" s="177">
        <v>0</v>
      </c>
      <c r="CH22" s="177">
        <v>0</v>
      </c>
      <c r="CI22" s="177">
        <v>0</v>
      </c>
      <c r="CJ22" s="177">
        <v>0</v>
      </c>
      <c r="CK22" s="182">
        <v>0</v>
      </c>
      <c r="CL22" s="181">
        <v>0</v>
      </c>
      <c r="CM22" s="176">
        <v>0</v>
      </c>
      <c r="CN22" s="177">
        <v>0</v>
      </c>
      <c r="CO22" s="182">
        <v>0</v>
      </c>
      <c r="CP22" s="179">
        <v>0</v>
      </c>
      <c r="CQ22" s="177">
        <v>0</v>
      </c>
      <c r="CR22" s="177">
        <v>0</v>
      </c>
      <c r="CS22" s="177">
        <v>0</v>
      </c>
      <c r="CT22" s="177">
        <v>0</v>
      </c>
      <c r="CU22" s="177">
        <v>0</v>
      </c>
      <c r="CV22" s="182">
        <v>0</v>
      </c>
      <c r="CW22" s="181">
        <v>0</v>
      </c>
    </row>
    <row r="23" spans="2:101" ht="21" customHeight="1" x14ac:dyDescent="0.2">
      <c r="B23" s="92" t="s">
        <v>21</v>
      </c>
      <c r="C23" s="176">
        <v>0</v>
      </c>
      <c r="D23" s="182">
        <v>0</v>
      </c>
      <c r="E23" s="193">
        <v>0</v>
      </c>
      <c r="F23" s="179">
        <v>0</v>
      </c>
      <c r="G23" s="177">
        <v>1</v>
      </c>
      <c r="H23" s="177">
        <v>0</v>
      </c>
      <c r="I23" s="177">
        <v>0</v>
      </c>
      <c r="J23" s="177">
        <v>0</v>
      </c>
      <c r="K23" s="177">
        <v>0</v>
      </c>
      <c r="L23" s="180">
        <v>1</v>
      </c>
      <c r="M23" s="181">
        <v>1</v>
      </c>
      <c r="N23" s="176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0</v>
      </c>
      <c r="T23" s="177">
        <v>0</v>
      </c>
      <c r="U23" s="177">
        <v>0</v>
      </c>
      <c r="V23" s="177">
        <v>0</v>
      </c>
      <c r="W23" s="182">
        <v>0</v>
      </c>
      <c r="X23" s="181">
        <v>0</v>
      </c>
      <c r="Y23" s="176">
        <v>0</v>
      </c>
      <c r="Z23" s="177">
        <v>0</v>
      </c>
      <c r="AA23" s="182">
        <v>0</v>
      </c>
      <c r="AB23" s="179">
        <v>0</v>
      </c>
      <c r="AC23" s="177">
        <v>14</v>
      </c>
      <c r="AD23" s="177">
        <v>9</v>
      </c>
      <c r="AE23" s="177">
        <v>3</v>
      </c>
      <c r="AF23" s="177">
        <v>1</v>
      </c>
      <c r="AG23" s="177">
        <v>0</v>
      </c>
      <c r="AH23" s="182">
        <v>27</v>
      </c>
      <c r="AI23" s="181">
        <v>27</v>
      </c>
      <c r="AJ23" s="176">
        <v>0</v>
      </c>
      <c r="AK23" s="177">
        <v>0</v>
      </c>
      <c r="AL23" s="182">
        <v>0</v>
      </c>
      <c r="AM23" s="179">
        <v>0</v>
      </c>
      <c r="AN23" s="177">
        <v>0</v>
      </c>
      <c r="AO23" s="177">
        <v>0</v>
      </c>
      <c r="AP23" s="177">
        <v>0</v>
      </c>
      <c r="AQ23" s="177">
        <v>0</v>
      </c>
      <c r="AR23" s="177">
        <v>0</v>
      </c>
      <c r="AS23" s="182">
        <v>0</v>
      </c>
      <c r="AT23" s="181">
        <v>0</v>
      </c>
      <c r="AU23" s="176">
        <v>0</v>
      </c>
      <c r="AV23" s="177">
        <v>0</v>
      </c>
      <c r="AW23" s="182">
        <v>0</v>
      </c>
      <c r="AX23" s="179">
        <v>0</v>
      </c>
      <c r="AY23" s="177">
        <v>0</v>
      </c>
      <c r="AZ23" s="177">
        <v>0</v>
      </c>
      <c r="BA23" s="177">
        <v>1</v>
      </c>
      <c r="BB23" s="177">
        <v>0</v>
      </c>
      <c r="BC23" s="177">
        <v>0</v>
      </c>
      <c r="BD23" s="182">
        <v>1</v>
      </c>
      <c r="BE23" s="181">
        <v>1</v>
      </c>
      <c r="BF23" s="176">
        <v>0</v>
      </c>
      <c r="BG23" s="177">
        <v>0</v>
      </c>
      <c r="BH23" s="182">
        <v>0</v>
      </c>
      <c r="BI23" s="179">
        <v>0</v>
      </c>
      <c r="BJ23" s="177">
        <v>2</v>
      </c>
      <c r="BK23" s="177">
        <v>3</v>
      </c>
      <c r="BL23" s="177">
        <v>0</v>
      </c>
      <c r="BM23" s="177">
        <v>1</v>
      </c>
      <c r="BN23" s="177">
        <v>0</v>
      </c>
      <c r="BO23" s="180">
        <v>6</v>
      </c>
      <c r="BP23" s="181">
        <v>6</v>
      </c>
      <c r="BQ23" s="176">
        <v>0</v>
      </c>
      <c r="BR23" s="177">
        <v>0</v>
      </c>
      <c r="BS23" s="182">
        <v>0</v>
      </c>
      <c r="BT23" s="179">
        <v>0</v>
      </c>
      <c r="BU23" s="177">
        <v>0</v>
      </c>
      <c r="BV23" s="177">
        <v>0</v>
      </c>
      <c r="BW23" s="177">
        <v>0</v>
      </c>
      <c r="BX23" s="177">
        <v>0</v>
      </c>
      <c r="BY23" s="177">
        <v>0</v>
      </c>
      <c r="BZ23" s="182">
        <v>0</v>
      </c>
      <c r="CA23" s="181">
        <v>0</v>
      </c>
      <c r="CB23" s="176">
        <v>0</v>
      </c>
      <c r="CC23" s="177">
        <v>0</v>
      </c>
      <c r="CD23" s="182">
        <v>0</v>
      </c>
      <c r="CE23" s="179">
        <v>0</v>
      </c>
      <c r="CF23" s="177">
        <v>0</v>
      </c>
      <c r="CG23" s="177">
        <v>0</v>
      </c>
      <c r="CH23" s="177">
        <v>0</v>
      </c>
      <c r="CI23" s="177">
        <v>0</v>
      </c>
      <c r="CJ23" s="177">
        <v>0</v>
      </c>
      <c r="CK23" s="182">
        <v>0</v>
      </c>
      <c r="CL23" s="181">
        <v>0</v>
      </c>
      <c r="CM23" s="176">
        <v>0</v>
      </c>
      <c r="CN23" s="177">
        <v>0</v>
      </c>
      <c r="CO23" s="182">
        <v>0</v>
      </c>
      <c r="CP23" s="179">
        <v>0</v>
      </c>
      <c r="CQ23" s="177">
        <v>0</v>
      </c>
      <c r="CR23" s="177">
        <v>0</v>
      </c>
      <c r="CS23" s="177">
        <v>0</v>
      </c>
      <c r="CT23" s="177">
        <v>0</v>
      </c>
      <c r="CU23" s="177">
        <v>0</v>
      </c>
      <c r="CV23" s="182">
        <v>0</v>
      </c>
      <c r="CW23" s="181">
        <v>0</v>
      </c>
    </row>
    <row r="24" spans="2:101" ht="21" customHeight="1" x14ac:dyDescent="0.2">
      <c r="B24" s="92" t="s">
        <v>22</v>
      </c>
      <c r="C24" s="176">
        <v>0</v>
      </c>
      <c r="D24" s="182">
        <v>0</v>
      </c>
      <c r="E24" s="193">
        <v>0</v>
      </c>
      <c r="F24" s="179">
        <v>0</v>
      </c>
      <c r="G24" s="177">
        <v>0</v>
      </c>
      <c r="H24" s="177">
        <v>1</v>
      </c>
      <c r="I24" s="177">
        <v>2</v>
      </c>
      <c r="J24" s="177">
        <v>0</v>
      </c>
      <c r="K24" s="177">
        <v>0</v>
      </c>
      <c r="L24" s="180">
        <v>3</v>
      </c>
      <c r="M24" s="181">
        <v>3</v>
      </c>
      <c r="N24" s="176">
        <v>0</v>
      </c>
      <c r="O24" s="177">
        <v>0</v>
      </c>
      <c r="P24" s="182">
        <v>0</v>
      </c>
      <c r="Q24" s="179">
        <v>0</v>
      </c>
      <c r="R24" s="177">
        <v>0</v>
      </c>
      <c r="S24" s="177">
        <v>0</v>
      </c>
      <c r="T24" s="177">
        <v>0</v>
      </c>
      <c r="U24" s="177">
        <v>0</v>
      </c>
      <c r="V24" s="177">
        <v>0</v>
      </c>
      <c r="W24" s="182">
        <v>0</v>
      </c>
      <c r="X24" s="181">
        <v>0</v>
      </c>
      <c r="Y24" s="176">
        <v>0</v>
      </c>
      <c r="Z24" s="177">
        <v>0</v>
      </c>
      <c r="AA24" s="182">
        <v>0</v>
      </c>
      <c r="AB24" s="179">
        <v>0</v>
      </c>
      <c r="AC24" s="177">
        <v>8</v>
      </c>
      <c r="AD24" s="177">
        <v>5</v>
      </c>
      <c r="AE24" s="177">
        <v>2</v>
      </c>
      <c r="AF24" s="177">
        <v>0</v>
      </c>
      <c r="AG24" s="177">
        <v>2</v>
      </c>
      <c r="AH24" s="182">
        <v>17</v>
      </c>
      <c r="AI24" s="181">
        <v>17</v>
      </c>
      <c r="AJ24" s="176">
        <v>0</v>
      </c>
      <c r="AK24" s="177">
        <v>0</v>
      </c>
      <c r="AL24" s="182">
        <v>0</v>
      </c>
      <c r="AM24" s="179">
        <v>0</v>
      </c>
      <c r="AN24" s="177">
        <v>0</v>
      </c>
      <c r="AO24" s="177">
        <v>0</v>
      </c>
      <c r="AP24" s="177">
        <v>1</v>
      </c>
      <c r="AQ24" s="177">
        <v>0</v>
      </c>
      <c r="AR24" s="177">
        <v>0</v>
      </c>
      <c r="AS24" s="182">
        <v>1</v>
      </c>
      <c r="AT24" s="181">
        <v>1</v>
      </c>
      <c r="AU24" s="176">
        <v>0</v>
      </c>
      <c r="AV24" s="177">
        <v>0</v>
      </c>
      <c r="AW24" s="182">
        <v>0</v>
      </c>
      <c r="AX24" s="179">
        <v>0</v>
      </c>
      <c r="AY24" s="177">
        <v>1</v>
      </c>
      <c r="AZ24" s="177">
        <v>0</v>
      </c>
      <c r="BA24" s="177">
        <v>2</v>
      </c>
      <c r="BB24" s="177">
        <v>0</v>
      </c>
      <c r="BC24" s="177">
        <v>0</v>
      </c>
      <c r="BD24" s="182">
        <v>3</v>
      </c>
      <c r="BE24" s="181">
        <v>3</v>
      </c>
      <c r="BF24" s="176">
        <v>0</v>
      </c>
      <c r="BG24" s="177">
        <v>0</v>
      </c>
      <c r="BH24" s="182">
        <v>0</v>
      </c>
      <c r="BI24" s="179">
        <v>0</v>
      </c>
      <c r="BJ24" s="177">
        <v>1</v>
      </c>
      <c r="BK24" s="177">
        <v>3</v>
      </c>
      <c r="BL24" s="177">
        <v>1</v>
      </c>
      <c r="BM24" s="177">
        <v>1</v>
      </c>
      <c r="BN24" s="177">
        <v>0</v>
      </c>
      <c r="BO24" s="180">
        <v>6</v>
      </c>
      <c r="BP24" s="181">
        <v>6</v>
      </c>
      <c r="BQ24" s="176">
        <v>0</v>
      </c>
      <c r="BR24" s="177">
        <v>0</v>
      </c>
      <c r="BS24" s="182">
        <v>0</v>
      </c>
      <c r="BT24" s="179">
        <v>0</v>
      </c>
      <c r="BU24" s="177">
        <v>0</v>
      </c>
      <c r="BV24" s="177">
        <v>0</v>
      </c>
      <c r="BW24" s="177">
        <v>0</v>
      </c>
      <c r="BX24" s="177">
        <v>0</v>
      </c>
      <c r="BY24" s="177">
        <v>0</v>
      </c>
      <c r="BZ24" s="182">
        <v>0</v>
      </c>
      <c r="CA24" s="181">
        <v>0</v>
      </c>
      <c r="CB24" s="176">
        <v>0</v>
      </c>
      <c r="CC24" s="177">
        <v>0</v>
      </c>
      <c r="CD24" s="182">
        <v>0</v>
      </c>
      <c r="CE24" s="179">
        <v>0</v>
      </c>
      <c r="CF24" s="177">
        <v>0</v>
      </c>
      <c r="CG24" s="177">
        <v>1</v>
      </c>
      <c r="CH24" s="177">
        <v>0</v>
      </c>
      <c r="CI24" s="177">
        <v>4</v>
      </c>
      <c r="CJ24" s="177">
        <v>0</v>
      </c>
      <c r="CK24" s="182">
        <v>5</v>
      </c>
      <c r="CL24" s="181">
        <v>5</v>
      </c>
      <c r="CM24" s="176">
        <v>0</v>
      </c>
      <c r="CN24" s="177">
        <v>0</v>
      </c>
      <c r="CO24" s="182">
        <v>0</v>
      </c>
      <c r="CP24" s="179">
        <v>0</v>
      </c>
      <c r="CQ24" s="177">
        <v>0</v>
      </c>
      <c r="CR24" s="177">
        <v>0</v>
      </c>
      <c r="CS24" s="177">
        <v>0</v>
      </c>
      <c r="CT24" s="177">
        <v>0</v>
      </c>
      <c r="CU24" s="177">
        <v>0</v>
      </c>
      <c r="CV24" s="182">
        <v>0</v>
      </c>
      <c r="CW24" s="181">
        <v>0</v>
      </c>
    </row>
    <row r="25" spans="2:101" ht="21" customHeight="1" x14ac:dyDescent="0.2">
      <c r="B25" s="92" t="s">
        <v>23</v>
      </c>
      <c r="C25" s="176">
        <v>0</v>
      </c>
      <c r="D25" s="182">
        <v>0</v>
      </c>
      <c r="E25" s="193">
        <v>0</v>
      </c>
      <c r="F25" s="179">
        <v>0</v>
      </c>
      <c r="G25" s="177">
        <v>0</v>
      </c>
      <c r="H25" s="177">
        <v>0</v>
      </c>
      <c r="I25" s="177">
        <v>0</v>
      </c>
      <c r="J25" s="177">
        <v>0</v>
      </c>
      <c r="K25" s="177">
        <v>0</v>
      </c>
      <c r="L25" s="180">
        <v>0</v>
      </c>
      <c r="M25" s="181">
        <v>0</v>
      </c>
      <c r="N25" s="176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0</v>
      </c>
      <c r="T25" s="177">
        <v>0</v>
      </c>
      <c r="U25" s="177">
        <v>0</v>
      </c>
      <c r="V25" s="177">
        <v>0</v>
      </c>
      <c r="W25" s="182">
        <v>0</v>
      </c>
      <c r="X25" s="181">
        <v>0</v>
      </c>
      <c r="Y25" s="176">
        <v>0</v>
      </c>
      <c r="Z25" s="177">
        <v>0</v>
      </c>
      <c r="AA25" s="182">
        <v>0</v>
      </c>
      <c r="AB25" s="179">
        <v>0</v>
      </c>
      <c r="AC25" s="177">
        <v>3</v>
      </c>
      <c r="AD25" s="177">
        <v>2</v>
      </c>
      <c r="AE25" s="177">
        <v>1</v>
      </c>
      <c r="AF25" s="177">
        <v>0</v>
      </c>
      <c r="AG25" s="177">
        <v>0</v>
      </c>
      <c r="AH25" s="182">
        <v>6</v>
      </c>
      <c r="AI25" s="181">
        <v>6</v>
      </c>
      <c r="AJ25" s="176">
        <v>0</v>
      </c>
      <c r="AK25" s="177">
        <v>0</v>
      </c>
      <c r="AL25" s="182">
        <v>0</v>
      </c>
      <c r="AM25" s="179">
        <v>0</v>
      </c>
      <c r="AN25" s="177">
        <v>0</v>
      </c>
      <c r="AO25" s="177">
        <v>0</v>
      </c>
      <c r="AP25" s="177">
        <v>0</v>
      </c>
      <c r="AQ25" s="177">
        <v>0</v>
      </c>
      <c r="AR25" s="177">
        <v>0</v>
      </c>
      <c r="AS25" s="182">
        <v>0</v>
      </c>
      <c r="AT25" s="181">
        <v>0</v>
      </c>
      <c r="AU25" s="176">
        <v>0</v>
      </c>
      <c r="AV25" s="177">
        <v>0</v>
      </c>
      <c r="AW25" s="182">
        <v>0</v>
      </c>
      <c r="AX25" s="179">
        <v>0</v>
      </c>
      <c r="AY25" s="177">
        <v>0</v>
      </c>
      <c r="AZ25" s="177">
        <v>0</v>
      </c>
      <c r="BA25" s="177">
        <v>0</v>
      </c>
      <c r="BB25" s="177">
        <v>0</v>
      </c>
      <c r="BC25" s="177">
        <v>0</v>
      </c>
      <c r="BD25" s="182">
        <v>0</v>
      </c>
      <c r="BE25" s="181">
        <v>0</v>
      </c>
      <c r="BF25" s="176">
        <v>0</v>
      </c>
      <c r="BG25" s="177">
        <v>0</v>
      </c>
      <c r="BH25" s="182">
        <v>0</v>
      </c>
      <c r="BI25" s="179">
        <v>0</v>
      </c>
      <c r="BJ25" s="177">
        <v>1</v>
      </c>
      <c r="BK25" s="177">
        <v>3</v>
      </c>
      <c r="BL25" s="177">
        <v>3</v>
      </c>
      <c r="BM25" s="177">
        <v>1</v>
      </c>
      <c r="BN25" s="177">
        <v>0</v>
      </c>
      <c r="BO25" s="180">
        <v>8</v>
      </c>
      <c r="BP25" s="181">
        <v>8</v>
      </c>
      <c r="BQ25" s="176">
        <v>0</v>
      </c>
      <c r="BR25" s="177">
        <v>0</v>
      </c>
      <c r="BS25" s="182">
        <v>0</v>
      </c>
      <c r="BT25" s="179">
        <v>0</v>
      </c>
      <c r="BU25" s="177">
        <v>0</v>
      </c>
      <c r="BV25" s="177">
        <v>0</v>
      </c>
      <c r="BW25" s="177">
        <v>0</v>
      </c>
      <c r="BX25" s="177">
        <v>0</v>
      </c>
      <c r="BY25" s="177">
        <v>0</v>
      </c>
      <c r="BZ25" s="182">
        <v>0</v>
      </c>
      <c r="CA25" s="181">
        <v>0</v>
      </c>
      <c r="CB25" s="176">
        <v>0</v>
      </c>
      <c r="CC25" s="177">
        <v>0</v>
      </c>
      <c r="CD25" s="182">
        <v>0</v>
      </c>
      <c r="CE25" s="179">
        <v>0</v>
      </c>
      <c r="CF25" s="177">
        <v>0</v>
      </c>
      <c r="CG25" s="177">
        <v>0</v>
      </c>
      <c r="CH25" s="177">
        <v>0</v>
      </c>
      <c r="CI25" s="177">
        <v>0</v>
      </c>
      <c r="CJ25" s="177">
        <v>0</v>
      </c>
      <c r="CK25" s="182">
        <v>0</v>
      </c>
      <c r="CL25" s="181">
        <v>0</v>
      </c>
      <c r="CM25" s="176">
        <v>0</v>
      </c>
      <c r="CN25" s="177">
        <v>0</v>
      </c>
      <c r="CO25" s="182">
        <v>0</v>
      </c>
      <c r="CP25" s="179">
        <v>0</v>
      </c>
      <c r="CQ25" s="177">
        <v>0</v>
      </c>
      <c r="CR25" s="177">
        <v>0</v>
      </c>
      <c r="CS25" s="177">
        <v>0</v>
      </c>
      <c r="CT25" s="177">
        <v>1</v>
      </c>
      <c r="CU25" s="177">
        <v>0</v>
      </c>
      <c r="CV25" s="182">
        <v>1</v>
      </c>
      <c r="CW25" s="181">
        <v>1</v>
      </c>
    </row>
    <row r="26" spans="2:101" ht="21" customHeight="1" x14ac:dyDescent="0.2">
      <c r="B26" s="92" t="s">
        <v>24</v>
      </c>
      <c r="C26" s="176">
        <v>0</v>
      </c>
      <c r="D26" s="182">
        <v>0</v>
      </c>
      <c r="E26" s="193">
        <v>0</v>
      </c>
      <c r="F26" s="179">
        <v>0</v>
      </c>
      <c r="G26" s="177">
        <v>0</v>
      </c>
      <c r="H26" s="177">
        <v>0</v>
      </c>
      <c r="I26" s="177">
        <v>0</v>
      </c>
      <c r="J26" s="177">
        <v>1</v>
      </c>
      <c r="K26" s="177">
        <v>0</v>
      </c>
      <c r="L26" s="180">
        <v>1</v>
      </c>
      <c r="M26" s="181">
        <v>1</v>
      </c>
      <c r="N26" s="176">
        <v>0</v>
      </c>
      <c r="O26" s="177">
        <v>0</v>
      </c>
      <c r="P26" s="182">
        <v>0</v>
      </c>
      <c r="Q26" s="179">
        <v>0</v>
      </c>
      <c r="R26" s="177">
        <v>0</v>
      </c>
      <c r="S26" s="177">
        <v>0</v>
      </c>
      <c r="T26" s="177">
        <v>0</v>
      </c>
      <c r="U26" s="177">
        <v>0</v>
      </c>
      <c r="V26" s="177">
        <v>0</v>
      </c>
      <c r="W26" s="182">
        <v>0</v>
      </c>
      <c r="X26" s="181">
        <v>0</v>
      </c>
      <c r="Y26" s="176">
        <v>0</v>
      </c>
      <c r="Z26" s="177">
        <v>0</v>
      </c>
      <c r="AA26" s="182">
        <v>0</v>
      </c>
      <c r="AB26" s="179">
        <v>0</v>
      </c>
      <c r="AC26" s="177">
        <v>5</v>
      </c>
      <c r="AD26" s="177">
        <v>3</v>
      </c>
      <c r="AE26" s="177">
        <v>1</v>
      </c>
      <c r="AF26" s="177">
        <v>0</v>
      </c>
      <c r="AG26" s="177">
        <v>1</v>
      </c>
      <c r="AH26" s="182">
        <v>10</v>
      </c>
      <c r="AI26" s="181">
        <v>10</v>
      </c>
      <c r="AJ26" s="176">
        <v>0</v>
      </c>
      <c r="AK26" s="177">
        <v>0</v>
      </c>
      <c r="AL26" s="182">
        <v>0</v>
      </c>
      <c r="AM26" s="179">
        <v>0</v>
      </c>
      <c r="AN26" s="177">
        <v>0</v>
      </c>
      <c r="AO26" s="177">
        <v>0</v>
      </c>
      <c r="AP26" s="177">
        <v>1</v>
      </c>
      <c r="AQ26" s="177">
        <v>0</v>
      </c>
      <c r="AR26" s="177">
        <v>1</v>
      </c>
      <c r="AS26" s="182">
        <v>2</v>
      </c>
      <c r="AT26" s="181">
        <v>2</v>
      </c>
      <c r="AU26" s="176">
        <v>1</v>
      </c>
      <c r="AV26" s="177">
        <v>0</v>
      </c>
      <c r="AW26" s="182">
        <v>1</v>
      </c>
      <c r="AX26" s="179">
        <v>0</v>
      </c>
      <c r="AY26" s="177">
        <v>0</v>
      </c>
      <c r="AZ26" s="177">
        <v>1</v>
      </c>
      <c r="BA26" s="177">
        <v>0</v>
      </c>
      <c r="BB26" s="177">
        <v>0</v>
      </c>
      <c r="BC26" s="177">
        <v>0</v>
      </c>
      <c r="BD26" s="182">
        <v>1</v>
      </c>
      <c r="BE26" s="181">
        <v>2</v>
      </c>
      <c r="BF26" s="176">
        <v>0</v>
      </c>
      <c r="BG26" s="177">
        <v>0</v>
      </c>
      <c r="BH26" s="182">
        <v>0</v>
      </c>
      <c r="BI26" s="179">
        <v>0</v>
      </c>
      <c r="BJ26" s="177">
        <v>0</v>
      </c>
      <c r="BK26" s="177">
        <v>0</v>
      </c>
      <c r="BL26" s="177">
        <v>3</v>
      </c>
      <c r="BM26" s="177">
        <v>0</v>
      </c>
      <c r="BN26" s="177">
        <v>0</v>
      </c>
      <c r="BO26" s="180">
        <v>3</v>
      </c>
      <c r="BP26" s="181">
        <v>3</v>
      </c>
      <c r="BQ26" s="176">
        <v>0</v>
      </c>
      <c r="BR26" s="177">
        <v>0</v>
      </c>
      <c r="BS26" s="182">
        <v>0</v>
      </c>
      <c r="BT26" s="179">
        <v>0</v>
      </c>
      <c r="BU26" s="177">
        <v>0</v>
      </c>
      <c r="BV26" s="177">
        <v>0</v>
      </c>
      <c r="BW26" s="177">
        <v>0</v>
      </c>
      <c r="BX26" s="177">
        <v>0</v>
      </c>
      <c r="BY26" s="177">
        <v>0</v>
      </c>
      <c r="BZ26" s="182">
        <v>0</v>
      </c>
      <c r="CA26" s="181">
        <v>0</v>
      </c>
      <c r="CB26" s="176">
        <v>0</v>
      </c>
      <c r="CC26" s="177">
        <v>0</v>
      </c>
      <c r="CD26" s="182">
        <v>0</v>
      </c>
      <c r="CE26" s="179">
        <v>0</v>
      </c>
      <c r="CF26" s="177">
        <v>0</v>
      </c>
      <c r="CG26" s="177">
        <v>0</v>
      </c>
      <c r="CH26" s="177">
        <v>0</v>
      </c>
      <c r="CI26" s="177">
        <v>0</v>
      </c>
      <c r="CJ26" s="177">
        <v>0</v>
      </c>
      <c r="CK26" s="182">
        <v>0</v>
      </c>
      <c r="CL26" s="181">
        <v>0</v>
      </c>
      <c r="CM26" s="176">
        <v>0</v>
      </c>
      <c r="CN26" s="177">
        <v>0</v>
      </c>
      <c r="CO26" s="182">
        <v>0</v>
      </c>
      <c r="CP26" s="179">
        <v>0</v>
      </c>
      <c r="CQ26" s="177">
        <v>0</v>
      </c>
      <c r="CR26" s="177">
        <v>0</v>
      </c>
      <c r="CS26" s="177">
        <v>0</v>
      </c>
      <c r="CT26" s="177">
        <v>0</v>
      </c>
      <c r="CU26" s="177">
        <v>0</v>
      </c>
      <c r="CV26" s="182">
        <v>0</v>
      </c>
      <c r="CW26" s="181">
        <v>0</v>
      </c>
    </row>
    <row r="27" spans="2:101" ht="21" customHeight="1" x14ac:dyDescent="0.2">
      <c r="B27" s="92" t="s">
        <v>25</v>
      </c>
      <c r="C27" s="176">
        <v>0</v>
      </c>
      <c r="D27" s="182">
        <v>0</v>
      </c>
      <c r="E27" s="193">
        <v>0</v>
      </c>
      <c r="F27" s="179">
        <v>0</v>
      </c>
      <c r="G27" s="177">
        <v>0</v>
      </c>
      <c r="H27" s="177">
        <v>0</v>
      </c>
      <c r="I27" s="177">
        <v>0</v>
      </c>
      <c r="J27" s="177">
        <v>0</v>
      </c>
      <c r="K27" s="177">
        <v>0</v>
      </c>
      <c r="L27" s="180">
        <v>0</v>
      </c>
      <c r="M27" s="181">
        <v>0</v>
      </c>
      <c r="N27" s="176">
        <v>0</v>
      </c>
      <c r="O27" s="177">
        <v>0</v>
      </c>
      <c r="P27" s="182">
        <v>0</v>
      </c>
      <c r="Q27" s="179">
        <v>0</v>
      </c>
      <c r="R27" s="177">
        <v>0</v>
      </c>
      <c r="S27" s="177">
        <v>0</v>
      </c>
      <c r="T27" s="177">
        <v>0</v>
      </c>
      <c r="U27" s="177">
        <v>0</v>
      </c>
      <c r="V27" s="177">
        <v>0</v>
      </c>
      <c r="W27" s="182">
        <v>0</v>
      </c>
      <c r="X27" s="181">
        <v>0</v>
      </c>
      <c r="Y27" s="176">
        <v>0</v>
      </c>
      <c r="Z27" s="177">
        <v>0</v>
      </c>
      <c r="AA27" s="182">
        <v>0</v>
      </c>
      <c r="AB27" s="179">
        <v>0</v>
      </c>
      <c r="AC27" s="177">
        <v>3</v>
      </c>
      <c r="AD27" s="177">
        <v>3</v>
      </c>
      <c r="AE27" s="177">
        <v>1</v>
      </c>
      <c r="AF27" s="177">
        <v>1</v>
      </c>
      <c r="AG27" s="177">
        <v>0</v>
      </c>
      <c r="AH27" s="182">
        <v>8</v>
      </c>
      <c r="AI27" s="181">
        <v>8</v>
      </c>
      <c r="AJ27" s="176">
        <v>0</v>
      </c>
      <c r="AK27" s="177">
        <v>0</v>
      </c>
      <c r="AL27" s="182">
        <v>0</v>
      </c>
      <c r="AM27" s="179">
        <v>0</v>
      </c>
      <c r="AN27" s="177">
        <v>0</v>
      </c>
      <c r="AO27" s="177">
        <v>0</v>
      </c>
      <c r="AP27" s="177">
        <v>0</v>
      </c>
      <c r="AQ27" s="177">
        <v>0</v>
      </c>
      <c r="AR27" s="177">
        <v>0</v>
      </c>
      <c r="AS27" s="182">
        <v>0</v>
      </c>
      <c r="AT27" s="181">
        <v>0</v>
      </c>
      <c r="AU27" s="176">
        <v>0</v>
      </c>
      <c r="AV27" s="177">
        <v>1</v>
      </c>
      <c r="AW27" s="182">
        <v>1</v>
      </c>
      <c r="AX27" s="179">
        <v>0</v>
      </c>
      <c r="AY27" s="177">
        <v>0</v>
      </c>
      <c r="AZ27" s="177">
        <v>0</v>
      </c>
      <c r="BA27" s="177">
        <v>0</v>
      </c>
      <c r="BB27" s="177">
        <v>0</v>
      </c>
      <c r="BC27" s="177">
        <v>0</v>
      </c>
      <c r="BD27" s="182">
        <v>0</v>
      </c>
      <c r="BE27" s="181">
        <v>1</v>
      </c>
      <c r="BF27" s="176">
        <v>0</v>
      </c>
      <c r="BG27" s="177">
        <v>0</v>
      </c>
      <c r="BH27" s="182">
        <v>0</v>
      </c>
      <c r="BI27" s="179">
        <v>0</v>
      </c>
      <c r="BJ27" s="177">
        <v>0</v>
      </c>
      <c r="BK27" s="177">
        <v>0</v>
      </c>
      <c r="BL27" s="177">
        <v>0</v>
      </c>
      <c r="BM27" s="177">
        <v>0</v>
      </c>
      <c r="BN27" s="177">
        <v>0</v>
      </c>
      <c r="BO27" s="180">
        <v>0</v>
      </c>
      <c r="BP27" s="181">
        <v>0</v>
      </c>
      <c r="BQ27" s="176">
        <v>0</v>
      </c>
      <c r="BR27" s="177">
        <v>0</v>
      </c>
      <c r="BS27" s="182">
        <v>0</v>
      </c>
      <c r="BT27" s="179">
        <v>0</v>
      </c>
      <c r="BU27" s="177">
        <v>0</v>
      </c>
      <c r="BV27" s="177">
        <v>0</v>
      </c>
      <c r="BW27" s="177">
        <v>0</v>
      </c>
      <c r="BX27" s="177">
        <v>0</v>
      </c>
      <c r="BY27" s="177">
        <v>0</v>
      </c>
      <c r="BZ27" s="182">
        <v>0</v>
      </c>
      <c r="CA27" s="181">
        <v>0</v>
      </c>
      <c r="CB27" s="176">
        <v>0</v>
      </c>
      <c r="CC27" s="177">
        <v>0</v>
      </c>
      <c r="CD27" s="182">
        <v>0</v>
      </c>
      <c r="CE27" s="179">
        <v>0</v>
      </c>
      <c r="CF27" s="177">
        <v>0</v>
      </c>
      <c r="CG27" s="177">
        <v>0</v>
      </c>
      <c r="CH27" s="177">
        <v>0</v>
      </c>
      <c r="CI27" s="177">
        <v>0</v>
      </c>
      <c r="CJ27" s="177">
        <v>0</v>
      </c>
      <c r="CK27" s="182">
        <v>0</v>
      </c>
      <c r="CL27" s="181">
        <v>0</v>
      </c>
      <c r="CM27" s="176">
        <v>0</v>
      </c>
      <c r="CN27" s="177">
        <v>0</v>
      </c>
      <c r="CO27" s="182">
        <v>0</v>
      </c>
      <c r="CP27" s="179">
        <v>0</v>
      </c>
      <c r="CQ27" s="177">
        <v>0</v>
      </c>
      <c r="CR27" s="177">
        <v>0</v>
      </c>
      <c r="CS27" s="177">
        <v>0</v>
      </c>
      <c r="CT27" s="177">
        <v>0</v>
      </c>
      <c r="CU27" s="177">
        <v>0</v>
      </c>
      <c r="CV27" s="182">
        <v>0</v>
      </c>
      <c r="CW27" s="181">
        <v>0</v>
      </c>
    </row>
    <row r="28" spans="2:101" ht="21" customHeight="1" x14ac:dyDescent="0.2">
      <c r="B28" s="92" t="s">
        <v>26</v>
      </c>
      <c r="C28" s="176">
        <v>0</v>
      </c>
      <c r="D28" s="182">
        <v>0</v>
      </c>
      <c r="E28" s="193">
        <v>0</v>
      </c>
      <c r="F28" s="179">
        <v>0</v>
      </c>
      <c r="G28" s="177">
        <v>0</v>
      </c>
      <c r="H28" s="177">
        <v>0</v>
      </c>
      <c r="I28" s="177">
        <v>0</v>
      </c>
      <c r="J28" s="177">
        <v>0</v>
      </c>
      <c r="K28" s="177">
        <v>0</v>
      </c>
      <c r="L28" s="180">
        <v>0</v>
      </c>
      <c r="M28" s="181">
        <v>0</v>
      </c>
      <c r="N28" s="176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0</v>
      </c>
      <c r="U28" s="177">
        <v>0</v>
      </c>
      <c r="V28" s="177">
        <v>0</v>
      </c>
      <c r="W28" s="182">
        <v>0</v>
      </c>
      <c r="X28" s="181">
        <v>0</v>
      </c>
      <c r="Y28" s="176">
        <v>0</v>
      </c>
      <c r="Z28" s="177">
        <v>0</v>
      </c>
      <c r="AA28" s="182">
        <v>0</v>
      </c>
      <c r="AB28" s="179">
        <v>0</v>
      </c>
      <c r="AC28" s="177">
        <v>6</v>
      </c>
      <c r="AD28" s="177">
        <v>1</v>
      </c>
      <c r="AE28" s="177">
        <v>3</v>
      </c>
      <c r="AF28" s="177">
        <v>1</v>
      </c>
      <c r="AG28" s="177">
        <v>0</v>
      </c>
      <c r="AH28" s="182">
        <v>11</v>
      </c>
      <c r="AI28" s="181">
        <v>11</v>
      </c>
      <c r="AJ28" s="176">
        <v>0</v>
      </c>
      <c r="AK28" s="177">
        <v>0</v>
      </c>
      <c r="AL28" s="182">
        <v>0</v>
      </c>
      <c r="AM28" s="179">
        <v>0</v>
      </c>
      <c r="AN28" s="177">
        <v>0</v>
      </c>
      <c r="AO28" s="177">
        <v>0</v>
      </c>
      <c r="AP28" s="177">
        <v>0</v>
      </c>
      <c r="AQ28" s="177">
        <v>0</v>
      </c>
      <c r="AR28" s="177">
        <v>0</v>
      </c>
      <c r="AS28" s="182">
        <v>0</v>
      </c>
      <c r="AT28" s="181">
        <v>0</v>
      </c>
      <c r="AU28" s="176">
        <v>0</v>
      </c>
      <c r="AV28" s="177">
        <v>0</v>
      </c>
      <c r="AW28" s="182">
        <v>0</v>
      </c>
      <c r="AX28" s="179">
        <v>0</v>
      </c>
      <c r="AY28" s="177">
        <v>0</v>
      </c>
      <c r="AZ28" s="177">
        <v>0</v>
      </c>
      <c r="BA28" s="177">
        <v>0</v>
      </c>
      <c r="BB28" s="177">
        <v>0</v>
      </c>
      <c r="BC28" s="177">
        <v>1</v>
      </c>
      <c r="BD28" s="182">
        <v>1</v>
      </c>
      <c r="BE28" s="181">
        <v>1</v>
      </c>
      <c r="BF28" s="176">
        <v>0</v>
      </c>
      <c r="BG28" s="177">
        <v>0</v>
      </c>
      <c r="BH28" s="182">
        <v>0</v>
      </c>
      <c r="BI28" s="179">
        <v>0</v>
      </c>
      <c r="BJ28" s="177">
        <v>0</v>
      </c>
      <c r="BK28" s="177">
        <v>0</v>
      </c>
      <c r="BL28" s="177">
        <v>2</v>
      </c>
      <c r="BM28" s="177">
        <v>1</v>
      </c>
      <c r="BN28" s="177">
        <v>1</v>
      </c>
      <c r="BO28" s="180">
        <v>4</v>
      </c>
      <c r="BP28" s="181">
        <v>4</v>
      </c>
      <c r="BQ28" s="176">
        <v>0</v>
      </c>
      <c r="BR28" s="177">
        <v>0</v>
      </c>
      <c r="BS28" s="182">
        <v>0</v>
      </c>
      <c r="BT28" s="179">
        <v>0</v>
      </c>
      <c r="BU28" s="177">
        <v>0</v>
      </c>
      <c r="BV28" s="177">
        <v>0</v>
      </c>
      <c r="BW28" s="177">
        <v>0</v>
      </c>
      <c r="BX28" s="177">
        <v>0</v>
      </c>
      <c r="BY28" s="177">
        <v>0</v>
      </c>
      <c r="BZ28" s="182">
        <v>0</v>
      </c>
      <c r="CA28" s="181">
        <v>0</v>
      </c>
      <c r="CB28" s="176">
        <v>0</v>
      </c>
      <c r="CC28" s="177">
        <v>0</v>
      </c>
      <c r="CD28" s="182">
        <v>0</v>
      </c>
      <c r="CE28" s="179">
        <v>0</v>
      </c>
      <c r="CF28" s="177">
        <v>0</v>
      </c>
      <c r="CG28" s="177">
        <v>0</v>
      </c>
      <c r="CH28" s="177">
        <v>0</v>
      </c>
      <c r="CI28" s="177">
        <v>0</v>
      </c>
      <c r="CJ28" s="177">
        <v>0</v>
      </c>
      <c r="CK28" s="182">
        <v>0</v>
      </c>
      <c r="CL28" s="181">
        <v>0</v>
      </c>
      <c r="CM28" s="176">
        <v>0</v>
      </c>
      <c r="CN28" s="177">
        <v>0</v>
      </c>
      <c r="CO28" s="182">
        <v>0</v>
      </c>
      <c r="CP28" s="179">
        <v>0</v>
      </c>
      <c r="CQ28" s="177">
        <v>0</v>
      </c>
      <c r="CR28" s="177">
        <v>0</v>
      </c>
      <c r="CS28" s="177">
        <v>0</v>
      </c>
      <c r="CT28" s="177">
        <v>0</v>
      </c>
      <c r="CU28" s="177">
        <v>0</v>
      </c>
      <c r="CV28" s="182">
        <v>0</v>
      </c>
      <c r="CW28" s="181">
        <v>0</v>
      </c>
    </row>
    <row r="29" spans="2:101" ht="21" customHeight="1" x14ac:dyDescent="0.2">
      <c r="B29" s="92" t="s">
        <v>27</v>
      </c>
      <c r="C29" s="176">
        <v>0</v>
      </c>
      <c r="D29" s="182">
        <v>0</v>
      </c>
      <c r="E29" s="193">
        <v>0</v>
      </c>
      <c r="F29" s="179">
        <v>0</v>
      </c>
      <c r="G29" s="177">
        <v>0</v>
      </c>
      <c r="H29" s="177">
        <v>0</v>
      </c>
      <c r="I29" s="177">
        <v>1</v>
      </c>
      <c r="J29" s="177">
        <v>0</v>
      </c>
      <c r="K29" s="177">
        <v>0</v>
      </c>
      <c r="L29" s="180">
        <v>1</v>
      </c>
      <c r="M29" s="181">
        <v>1</v>
      </c>
      <c r="N29" s="176">
        <v>0</v>
      </c>
      <c r="O29" s="177">
        <v>0</v>
      </c>
      <c r="P29" s="182">
        <v>0</v>
      </c>
      <c r="Q29" s="179">
        <v>0</v>
      </c>
      <c r="R29" s="177">
        <v>0</v>
      </c>
      <c r="S29" s="177">
        <v>0</v>
      </c>
      <c r="T29" s="177">
        <v>0</v>
      </c>
      <c r="U29" s="177">
        <v>0</v>
      </c>
      <c r="V29" s="177">
        <v>0</v>
      </c>
      <c r="W29" s="182">
        <v>0</v>
      </c>
      <c r="X29" s="181">
        <v>0</v>
      </c>
      <c r="Y29" s="176">
        <v>0</v>
      </c>
      <c r="Z29" s="177">
        <v>0</v>
      </c>
      <c r="AA29" s="182">
        <v>0</v>
      </c>
      <c r="AB29" s="179">
        <v>0</v>
      </c>
      <c r="AC29" s="177">
        <v>0</v>
      </c>
      <c r="AD29" s="177">
        <v>1</v>
      </c>
      <c r="AE29" s="177">
        <v>0</v>
      </c>
      <c r="AF29" s="177">
        <v>0</v>
      </c>
      <c r="AG29" s="177">
        <v>0</v>
      </c>
      <c r="AH29" s="182">
        <v>1</v>
      </c>
      <c r="AI29" s="181">
        <v>1</v>
      </c>
      <c r="AJ29" s="176">
        <v>0</v>
      </c>
      <c r="AK29" s="177">
        <v>0</v>
      </c>
      <c r="AL29" s="182">
        <v>0</v>
      </c>
      <c r="AM29" s="179">
        <v>0</v>
      </c>
      <c r="AN29" s="177">
        <v>0</v>
      </c>
      <c r="AO29" s="177">
        <v>1</v>
      </c>
      <c r="AP29" s="177">
        <v>1</v>
      </c>
      <c r="AQ29" s="177">
        <v>1</v>
      </c>
      <c r="AR29" s="177">
        <v>0</v>
      </c>
      <c r="AS29" s="182">
        <v>3</v>
      </c>
      <c r="AT29" s="181">
        <v>3</v>
      </c>
      <c r="AU29" s="176">
        <v>0</v>
      </c>
      <c r="AV29" s="177">
        <v>0</v>
      </c>
      <c r="AW29" s="182">
        <v>0</v>
      </c>
      <c r="AX29" s="179">
        <v>0</v>
      </c>
      <c r="AY29" s="177">
        <v>2</v>
      </c>
      <c r="AZ29" s="177">
        <v>1</v>
      </c>
      <c r="BA29" s="177">
        <v>0</v>
      </c>
      <c r="BB29" s="177">
        <v>0</v>
      </c>
      <c r="BC29" s="177">
        <v>0</v>
      </c>
      <c r="BD29" s="182">
        <v>3</v>
      </c>
      <c r="BE29" s="181">
        <v>3</v>
      </c>
      <c r="BF29" s="176">
        <v>0</v>
      </c>
      <c r="BG29" s="177">
        <v>0</v>
      </c>
      <c r="BH29" s="182">
        <v>0</v>
      </c>
      <c r="BI29" s="179">
        <v>0</v>
      </c>
      <c r="BJ29" s="177">
        <v>1</v>
      </c>
      <c r="BK29" s="177">
        <v>0</v>
      </c>
      <c r="BL29" s="177">
        <v>0</v>
      </c>
      <c r="BM29" s="177">
        <v>0</v>
      </c>
      <c r="BN29" s="177">
        <v>1</v>
      </c>
      <c r="BO29" s="180">
        <v>2</v>
      </c>
      <c r="BP29" s="181">
        <v>2</v>
      </c>
      <c r="BQ29" s="176">
        <v>0</v>
      </c>
      <c r="BR29" s="177">
        <v>0</v>
      </c>
      <c r="BS29" s="182">
        <v>0</v>
      </c>
      <c r="BT29" s="179">
        <v>0</v>
      </c>
      <c r="BU29" s="177">
        <v>0</v>
      </c>
      <c r="BV29" s="177">
        <v>0</v>
      </c>
      <c r="BW29" s="177">
        <v>0</v>
      </c>
      <c r="BX29" s="177">
        <v>0</v>
      </c>
      <c r="BY29" s="177">
        <v>0</v>
      </c>
      <c r="BZ29" s="182">
        <v>0</v>
      </c>
      <c r="CA29" s="181">
        <v>0</v>
      </c>
      <c r="CB29" s="176">
        <v>0</v>
      </c>
      <c r="CC29" s="177">
        <v>0</v>
      </c>
      <c r="CD29" s="182">
        <v>0</v>
      </c>
      <c r="CE29" s="179">
        <v>0</v>
      </c>
      <c r="CF29" s="177">
        <v>0</v>
      </c>
      <c r="CG29" s="177">
        <v>0</v>
      </c>
      <c r="CH29" s="177">
        <v>1</v>
      </c>
      <c r="CI29" s="177">
        <v>2</v>
      </c>
      <c r="CJ29" s="177">
        <v>0</v>
      </c>
      <c r="CK29" s="182">
        <v>3</v>
      </c>
      <c r="CL29" s="181">
        <v>3</v>
      </c>
      <c r="CM29" s="176">
        <v>0</v>
      </c>
      <c r="CN29" s="177">
        <v>0</v>
      </c>
      <c r="CO29" s="182">
        <v>0</v>
      </c>
      <c r="CP29" s="179">
        <v>0</v>
      </c>
      <c r="CQ29" s="177">
        <v>0</v>
      </c>
      <c r="CR29" s="177">
        <v>0</v>
      </c>
      <c r="CS29" s="177">
        <v>0</v>
      </c>
      <c r="CT29" s="177">
        <v>1</v>
      </c>
      <c r="CU29" s="177">
        <v>0</v>
      </c>
      <c r="CV29" s="182">
        <v>1</v>
      </c>
      <c r="CW29" s="181">
        <v>1</v>
      </c>
    </row>
    <row r="30" spans="2:101" ht="21" customHeight="1" x14ac:dyDescent="0.2">
      <c r="B30" s="92" t="s">
        <v>28</v>
      </c>
      <c r="C30" s="176">
        <v>0</v>
      </c>
      <c r="D30" s="182">
        <v>0</v>
      </c>
      <c r="E30" s="193">
        <v>0</v>
      </c>
      <c r="F30" s="179">
        <v>0</v>
      </c>
      <c r="G30" s="177">
        <v>0</v>
      </c>
      <c r="H30" s="177">
        <v>0</v>
      </c>
      <c r="I30" s="177">
        <v>0</v>
      </c>
      <c r="J30" s="177">
        <v>0</v>
      </c>
      <c r="K30" s="177">
        <v>0</v>
      </c>
      <c r="L30" s="180">
        <v>0</v>
      </c>
      <c r="M30" s="181">
        <v>0</v>
      </c>
      <c r="N30" s="176">
        <v>0</v>
      </c>
      <c r="O30" s="177">
        <v>0</v>
      </c>
      <c r="P30" s="182">
        <v>0</v>
      </c>
      <c r="Q30" s="179">
        <v>0</v>
      </c>
      <c r="R30" s="177">
        <v>0</v>
      </c>
      <c r="S30" s="177">
        <v>0</v>
      </c>
      <c r="T30" s="177">
        <v>0</v>
      </c>
      <c r="U30" s="177">
        <v>0</v>
      </c>
      <c r="V30" s="177">
        <v>0</v>
      </c>
      <c r="W30" s="182">
        <v>0</v>
      </c>
      <c r="X30" s="181">
        <v>0</v>
      </c>
      <c r="Y30" s="176">
        <v>0</v>
      </c>
      <c r="Z30" s="177">
        <v>0</v>
      </c>
      <c r="AA30" s="182">
        <v>0</v>
      </c>
      <c r="AB30" s="179">
        <v>0</v>
      </c>
      <c r="AC30" s="177">
        <v>5</v>
      </c>
      <c r="AD30" s="177">
        <v>1</v>
      </c>
      <c r="AE30" s="177">
        <v>0</v>
      </c>
      <c r="AF30" s="177">
        <v>0</v>
      </c>
      <c r="AG30" s="177">
        <v>0</v>
      </c>
      <c r="AH30" s="182">
        <v>6</v>
      </c>
      <c r="AI30" s="181">
        <v>6</v>
      </c>
      <c r="AJ30" s="176">
        <v>0</v>
      </c>
      <c r="AK30" s="177">
        <v>0</v>
      </c>
      <c r="AL30" s="182">
        <v>0</v>
      </c>
      <c r="AM30" s="179">
        <v>0</v>
      </c>
      <c r="AN30" s="177">
        <v>0</v>
      </c>
      <c r="AO30" s="177">
        <v>0</v>
      </c>
      <c r="AP30" s="177">
        <v>0</v>
      </c>
      <c r="AQ30" s="177">
        <v>0</v>
      </c>
      <c r="AR30" s="177">
        <v>0</v>
      </c>
      <c r="AS30" s="182">
        <v>0</v>
      </c>
      <c r="AT30" s="181">
        <v>0</v>
      </c>
      <c r="AU30" s="176">
        <v>0</v>
      </c>
      <c r="AV30" s="177">
        <v>0</v>
      </c>
      <c r="AW30" s="182">
        <v>0</v>
      </c>
      <c r="AX30" s="179">
        <v>0</v>
      </c>
      <c r="AY30" s="177">
        <v>0</v>
      </c>
      <c r="AZ30" s="177">
        <v>0</v>
      </c>
      <c r="BA30" s="177">
        <v>0</v>
      </c>
      <c r="BB30" s="177">
        <v>0</v>
      </c>
      <c r="BC30" s="177">
        <v>0</v>
      </c>
      <c r="BD30" s="182">
        <v>0</v>
      </c>
      <c r="BE30" s="181">
        <v>0</v>
      </c>
      <c r="BF30" s="176">
        <v>0</v>
      </c>
      <c r="BG30" s="177">
        <v>0</v>
      </c>
      <c r="BH30" s="182">
        <v>0</v>
      </c>
      <c r="BI30" s="179">
        <v>0</v>
      </c>
      <c r="BJ30" s="177">
        <v>0</v>
      </c>
      <c r="BK30" s="177">
        <v>1</v>
      </c>
      <c r="BL30" s="177">
        <v>0</v>
      </c>
      <c r="BM30" s="177">
        <v>0</v>
      </c>
      <c r="BN30" s="177">
        <v>1</v>
      </c>
      <c r="BO30" s="180">
        <v>2</v>
      </c>
      <c r="BP30" s="181">
        <v>2</v>
      </c>
      <c r="BQ30" s="176">
        <v>0</v>
      </c>
      <c r="BR30" s="177">
        <v>0</v>
      </c>
      <c r="BS30" s="182">
        <v>0</v>
      </c>
      <c r="BT30" s="179">
        <v>0</v>
      </c>
      <c r="BU30" s="177">
        <v>0</v>
      </c>
      <c r="BV30" s="177">
        <v>0</v>
      </c>
      <c r="BW30" s="177">
        <v>0</v>
      </c>
      <c r="BX30" s="177">
        <v>0</v>
      </c>
      <c r="BY30" s="177">
        <v>0</v>
      </c>
      <c r="BZ30" s="182">
        <v>0</v>
      </c>
      <c r="CA30" s="181">
        <v>0</v>
      </c>
      <c r="CB30" s="176">
        <v>0</v>
      </c>
      <c r="CC30" s="177">
        <v>0</v>
      </c>
      <c r="CD30" s="182">
        <v>0</v>
      </c>
      <c r="CE30" s="179">
        <v>0</v>
      </c>
      <c r="CF30" s="177">
        <v>0</v>
      </c>
      <c r="CG30" s="177">
        <v>0</v>
      </c>
      <c r="CH30" s="177">
        <v>0</v>
      </c>
      <c r="CI30" s="177">
        <v>0</v>
      </c>
      <c r="CJ30" s="177">
        <v>0</v>
      </c>
      <c r="CK30" s="182">
        <v>0</v>
      </c>
      <c r="CL30" s="181">
        <v>0</v>
      </c>
      <c r="CM30" s="176">
        <v>0</v>
      </c>
      <c r="CN30" s="177">
        <v>0</v>
      </c>
      <c r="CO30" s="182">
        <v>0</v>
      </c>
      <c r="CP30" s="179">
        <v>0</v>
      </c>
      <c r="CQ30" s="177">
        <v>0</v>
      </c>
      <c r="CR30" s="177">
        <v>0</v>
      </c>
      <c r="CS30" s="177">
        <v>0</v>
      </c>
      <c r="CT30" s="177">
        <v>0</v>
      </c>
      <c r="CU30" s="177">
        <v>0</v>
      </c>
      <c r="CV30" s="182">
        <v>0</v>
      </c>
      <c r="CW30" s="181">
        <v>0</v>
      </c>
    </row>
    <row r="31" spans="2:101" ht="21" customHeight="1" x14ac:dyDescent="0.2">
      <c r="B31" s="92" t="s">
        <v>29</v>
      </c>
      <c r="C31" s="176">
        <v>0</v>
      </c>
      <c r="D31" s="182">
        <v>0</v>
      </c>
      <c r="E31" s="193">
        <v>0</v>
      </c>
      <c r="F31" s="179">
        <v>0</v>
      </c>
      <c r="G31" s="177">
        <v>0</v>
      </c>
      <c r="H31" s="177">
        <v>0</v>
      </c>
      <c r="I31" s="177">
        <v>1</v>
      </c>
      <c r="J31" s="177">
        <v>0</v>
      </c>
      <c r="K31" s="177">
        <v>0</v>
      </c>
      <c r="L31" s="180">
        <v>1</v>
      </c>
      <c r="M31" s="181">
        <v>1</v>
      </c>
      <c r="N31" s="176">
        <v>0</v>
      </c>
      <c r="O31" s="177">
        <v>0</v>
      </c>
      <c r="P31" s="182">
        <v>0</v>
      </c>
      <c r="Q31" s="179">
        <v>0</v>
      </c>
      <c r="R31" s="177">
        <v>0</v>
      </c>
      <c r="S31" s="177">
        <v>0</v>
      </c>
      <c r="T31" s="177">
        <v>0</v>
      </c>
      <c r="U31" s="177">
        <v>0</v>
      </c>
      <c r="V31" s="177">
        <v>0</v>
      </c>
      <c r="W31" s="182">
        <v>0</v>
      </c>
      <c r="X31" s="181">
        <v>0</v>
      </c>
      <c r="Y31" s="176">
        <v>0</v>
      </c>
      <c r="Z31" s="177">
        <v>0</v>
      </c>
      <c r="AA31" s="182">
        <v>0</v>
      </c>
      <c r="AB31" s="179">
        <v>0</v>
      </c>
      <c r="AC31" s="177">
        <v>0</v>
      </c>
      <c r="AD31" s="177">
        <v>2</v>
      </c>
      <c r="AE31" s="177">
        <v>1</v>
      </c>
      <c r="AF31" s="177">
        <v>0</v>
      </c>
      <c r="AG31" s="177">
        <v>0</v>
      </c>
      <c r="AH31" s="182">
        <v>3</v>
      </c>
      <c r="AI31" s="181">
        <v>3</v>
      </c>
      <c r="AJ31" s="176">
        <v>0</v>
      </c>
      <c r="AK31" s="177">
        <v>0</v>
      </c>
      <c r="AL31" s="182">
        <v>0</v>
      </c>
      <c r="AM31" s="179">
        <v>0</v>
      </c>
      <c r="AN31" s="177">
        <v>0</v>
      </c>
      <c r="AO31" s="177">
        <v>1</v>
      </c>
      <c r="AP31" s="177">
        <v>0</v>
      </c>
      <c r="AQ31" s="177">
        <v>0</v>
      </c>
      <c r="AR31" s="177">
        <v>0</v>
      </c>
      <c r="AS31" s="182">
        <v>1</v>
      </c>
      <c r="AT31" s="181">
        <v>1</v>
      </c>
      <c r="AU31" s="176">
        <v>0</v>
      </c>
      <c r="AV31" s="177">
        <v>0</v>
      </c>
      <c r="AW31" s="182">
        <v>0</v>
      </c>
      <c r="AX31" s="179">
        <v>0</v>
      </c>
      <c r="AY31" s="177">
        <v>0</v>
      </c>
      <c r="AZ31" s="177">
        <v>0</v>
      </c>
      <c r="BA31" s="177">
        <v>0</v>
      </c>
      <c r="BB31" s="177">
        <v>0</v>
      </c>
      <c r="BC31" s="177">
        <v>0</v>
      </c>
      <c r="BD31" s="182">
        <v>0</v>
      </c>
      <c r="BE31" s="181">
        <v>0</v>
      </c>
      <c r="BF31" s="176">
        <v>0</v>
      </c>
      <c r="BG31" s="177">
        <v>0</v>
      </c>
      <c r="BH31" s="182">
        <v>0</v>
      </c>
      <c r="BI31" s="179">
        <v>0</v>
      </c>
      <c r="BJ31" s="177">
        <v>0</v>
      </c>
      <c r="BK31" s="177">
        <v>0</v>
      </c>
      <c r="BL31" s="177">
        <v>0</v>
      </c>
      <c r="BM31" s="177">
        <v>0</v>
      </c>
      <c r="BN31" s="177">
        <v>0</v>
      </c>
      <c r="BO31" s="180">
        <v>0</v>
      </c>
      <c r="BP31" s="181">
        <v>0</v>
      </c>
      <c r="BQ31" s="176">
        <v>0</v>
      </c>
      <c r="BR31" s="177">
        <v>0</v>
      </c>
      <c r="BS31" s="182">
        <v>0</v>
      </c>
      <c r="BT31" s="179">
        <v>0</v>
      </c>
      <c r="BU31" s="177">
        <v>0</v>
      </c>
      <c r="BV31" s="177">
        <v>0</v>
      </c>
      <c r="BW31" s="177">
        <v>0</v>
      </c>
      <c r="BX31" s="177">
        <v>0</v>
      </c>
      <c r="BY31" s="177">
        <v>0</v>
      </c>
      <c r="BZ31" s="182">
        <v>0</v>
      </c>
      <c r="CA31" s="181">
        <v>0</v>
      </c>
      <c r="CB31" s="176">
        <v>0</v>
      </c>
      <c r="CC31" s="177">
        <v>0</v>
      </c>
      <c r="CD31" s="182">
        <v>0</v>
      </c>
      <c r="CE31" s="179">
        <v>0</v>
      </c>
      <c r="CF31" s="177">
        <v>0</v>
      </c>
      <c r="CG31" s="177">
        <v>0</v>
      </c>
      <c r="CH31" s="177">
        <v>1</v>
      </c>
      <c r="CI31" s="177">
        <v>0</v>
      </c>
      <c r="CJ31" s="177">
        <v>0</v>
      </c>
      <c r="CK31" s="182">
        <v>1</v>
      </c>
      <c r="CL31" s="181">
        <v>1</v>
      </c>
      <c r="CM31" s="176">
        <v>0</v>
      </c>
      <c r="CN31" s="177">
        <v>0</v>
      </c>
      <c r="CO31" s="182">
        <v>0</v>
      </c>
      <c r="CP31" s="179">
        <v>0</v>
      </c>
      <c r="CQ31" s="177">
        <v>0</v>
      </c>
      <c r="CR31" s="177">
        <v>0</v>
      </c>
      <c r="CS31" s="177">
        <v>0</v>
      </c>
      <c r="CT31" s="177">
        <v>0</v>
      </c>
      <c r="CU31" s="177">
        <v>0</v>
      </c>
      <c r="CV31" s="182">
        <v>0</v>
      </c>
      <c r="CW31" s="181">
        <v>0</v>
      </c>
    </row>
    <row r="32" spans="2:101" ht="21" customHeight="1" x14ac:dyDescent="0.2">
      <c r="B32" s="92" t="s">
        <v>30</v>
      </c>
      <c r="C32" s="176">
        <v>0</v>
      </c>
      <c r="D32" s="182">
        <v>0</v>
      </c>
      <c r="E32" s="193">
        <v>0</v>
      </c>
      <c r="F32" s="179">
        <v>0</v>
      </c>
      <c r="G32" s="177">
        <v>0</v>
      </c>
      <c r="H32" s="177">
        <v>0</v>
      </c>
      <c r="I32" s="177">
        <v>0</v>
      </c>
      <c r="J32" s="177">
        <v>0</v>
      </c>
      <c r="K32" s="177">
        <v>0</v>
      </c>
      <c r="L32" s="180">
        <v>0</v>
      </c>
      <c r="M32" s="181">
        <v>0</v>
      </c>
      <c r="N32" s="176">
        <v>0</v>
      </c>
      <c r="O32" s="177">
        <v>0</v>
      </c>
      <c r="P32" s="182">
        <v>0</v>
      </c>
      <c r="Q32" s="179">
        <v>0</v>
      </c>
      <c r="R32" s="177">
        <v>0</v>
      </c>
      <c r="S32" s="177">
        <v>0</v>
      </c>
      <c r="T32" s="177">
        <v>0</v>
      </c>
      <c r="U32" s="177">
        <v>0</v>
      </c>
      <c r="V32" s="177">
        <v>0</v>
      </c>
      <c r="W32" s="182">
        <v>0</v>
      </c>
      <c r="X32" s="181">
        <v>0</v>
      </c>
      <c r="Y32" s="176">
        <v>0</v>
      </c>
      <c r="Z32" s="177">
        <v>0</v>
      </c>
      <c r="AA32" s="182">
        <v>0</v>
      </c>
      <c r="AB32" s="179">
        <v>0</v>
      </c>
      <c r="AC32" s="177">
        <v>0</v>
      </c>
      <c r="AD32" s="177">
        <v>0</v>
      </c>
      <c r="AE32" s="177">
        <v>1</v>
      </c>
      <c r="AF32" s="177">
        <v>0</v>
      </c>
      <c r="AG32" s="177">
        <v>0</v>
      </c>
      <c r="AH32" s="182">
        <v>1</v>
      </c>
      <c r="AI32" s="181">
        <v>1</v>
      </c>
      <c r="AJ32" s="176">
        <v>0</v>
      </c>
      <c r="AK32" s="177">
        <v>0</v>
      </c>
      <c r="AL32" s="182">
        <v>0</v>
      </c>
      <c r="AM32" s="179">
        <v>0</v>
      </c>
      <c r="AN32" s="177">
        <v>0</v>
      </c>
      <c r="AO32" s="177">
        <v>0</v>
      </c>
      <c r="AP32" s="177">
        <v>0</v>
      </c>
      <c r="AQ32" s="177">
        <v>0</v>
      </c>
      <c r="AR32" s="177">
        <v>0</v>
      </c>
      <c r="AS32" s="182">
        <v>0</v>
      </c>
      <c r="AT32" s="181">
        <v>0</v>
      </c>
      <c r="AU32" s="176">
        <v>0</v>
      </c>
      <c r="AV32" s="177">
        <v>0</v>
      </c>
      <c r="AW32" s="182">
        <v>0</v>
      </c>
      <c r="AX32" s="179">
        <v>0</v>
      </c>
      <c r="AY32" s="177">
        <v>0</v>
      </c>
      <c r="AZ32" s="177">
        <v>0</v>
      </c>
      <c r="BA32" s="177">
        <v>0</v>
      </c>
      <c r="BB32" s="177">
        <v>0</v>
      </c>
      <c r="BC32" s="177">
        <v>0</v>
      </c>
      <c r="BD32" s="182">
        <v>0</v>
      </c>
      <c r="BE32" s="181">
        <v>0</v>
      </c>
      <c r="BF32" s="176">
        <v>0</v>
      </c>
      <c r="BG32" s="177">
        <v>0</v>
      </c>
      <c r="BH32" s="182">
        <v>0</v>
      </c>
      <c r="BI32" s="179">
        <v>0</v>
      </c>
      <c r="BJ32" s="177">
        <v>0</v>
      </c>
      <c r="BK32" s="177">
        <v>0</v>
      </c>
      <c r="BL32" s="177">
        <v>1</v>
      </c>
      <c r="BM32" s="177">
        <v>0</v>
      </c>
      <c r="BN32" s="177">
        <v>0</v>
      </c>
      <c r="BO32" s="180">
        <v>1</v>
      </c>
      <c r="BP32" s="181">
        <v>1</v>
      </c>
      <c r="BQ32" s="176">
        <v>0</v>
      </c>
      <c r="BR32" s="177">
        <v>0</v>
      </c>
      <c r="BS32" s="182">
        <v>0</v>
      </c>
      <c r="BT32" s="179">
        <v>0</v>
      </c>
      <c r="BU32" s="177">
        <v>0</v>
      </c>
      <c r="BV32" s="177">
        <v>0</v>
      </c>
      <c r="BW32" s="177">
        <v>0</v>
      </c>
      <c r="BX32" s="177">
        <v>0</v>
      </c>
      <c r="BY32" s="177">
        <v>0</v>
      </c>
      <c r="BZ32" s="182">
        <v>0</v>
      </c>
      <c r="CA32" s="181">
        <v>0</v>
      </c>
      <c r="CB32" s="176">
        <v>0</v>
      </c>
      <c r="CC32" s="177">
        <v>0</v>
      </c>
      <c r="CD32" s="182">
        <v>0</v>
      </c>
      <c r="CE32" s="179">
        <v>0</v>
      </c>
      <c r="CF32" s="177">
        <v>0</v>
      </c>
      <c r="CG32" s="177">
        <v>0</v>
      </c>
      <c r="CH32" s="177">
        <v>0</v>
      </c>
      <c r="CI32" s="177">
        <v>0</v>
      </c>
      <c r="CJ32" s="177">
        <v>0</v>
      </c>
      <c r="CK32" s="182">
        <v>0</v>
      </c>
      <c r="CL32" s="181">
        <v>0</v>
      </c>
      <c r="CM32" s="176">
        <v>0</v>
      </c>
      <c r="CN32" s="177">
        <v>0</v>
      </c>
      <c r="CO32" s="182">
        <v>0</v>
      </c>
      <c r="CP32" s="179">
        <v>0</v>
      </c>
      <c r="CQ32" s="177">
        <v>0</v>
      </c>
      <c r="CR32" s="177">
        <v>0</v>
      </c>
      <c r="CS32" s="177">
        <v>0</v>
      </c>
      <c r="CT32" s="177">
        <v>0</v>
      </c>
      <c r="CU32" s="177">
        <v>0</v>
      </c>
      <c r="CV32" s="182">
        <v>0</v>
      </c>
      <c r="CW32" s="181">
        <v>0</v>
      </c>
    </row>
    <row r="33" spans="2:101" ht="21" customHeight="1" x14ac:dyDescent="0.2">
      <c r="B33" s="92" t="s">
        <v>31</v>
      </c>
      <c r="C33" s="176">
        <v>0</v>
      </c>
      <c r="D33" s="182">
        <v>0</v>
      </c>
      <c r="E33" s="193">
        <v>0</v>
      </c>
      <c r="F33" s="179">
        <v>0</v>
      </c>
      <c r="G33" s="177">
        <v>0</v>
      </c>
      <c r="H33" s="177">
        <v>0</v>
      </c>
      <c r="I33" s="177">
        <v>0</v>
      </c>
      <c r="J33" s="177">
        <v>0</v>
      </c>
      <c r="K33" s="177">
        <v>0</v>
      </c>
      <c r="L33" s="180">
        <v>0</v>
      </c>
      <c r="M33" s="181">
        <v>0</v>
      </c>
      <c r="N33" s="176">
        <v>0</v>
      </c>
      <c r="O33" s="177">
        <v>0</v>
      </c>
      <c r="P33" s="182">
        <v>0</v>
      </c>
      <c r="Q33" s="179">
        <v>0</v>
      </c>
      <c r="R33" s="177">
        <v>0</v>
      </c>
      <c r="S33" s="177">
        <v>0</v>
      </c>
      <c r="T33" s="177">
        <v>0</v>
      </c>
      <c r="U33" s="177">
        <v>0</v>
      </c>
      <c r="V33" s="177">
        <v>0</v>
      </c>
      <c r="W33" s="182">
        <v>0</v>
      </c>
      <c r="X33" s="181">
        <v>0</v>
      </c>
      <c r="Y33" s="176">
        <v>0</v>
      </c>
      <c r="Z33" s="177">
        <v>0</v>
      </c>
      <c r="AA33" s="182">
        <v>0</v>
      </c>
      <c r="AB33" s="179">
        <v>0</v>
      </c>
      <c r="AC33" s="177">
        <v>0</v>
      </c>
      <c r="AD33" s="177">
        <v>1</v>
      </c>
      <c r="AE33" s="177">
        <v>0</v>
      </c>
      <c r="AF33" s="177">
        <v>0</v>
      </c>
      <c r="AG33" s="177">
        <v>0</v>
      </c>
      <c r="AH33" s="182">
        <v>1</v>
      </c>
      <c r="AI33" s="181">
        <v>1</v>
      </c>
      <c r="AJ33" s="176">
        <v>0</v>
      </c>
      <c r="AK33" s="177">
        <v>0</v>
      </c>
      <c r="AL33" s="182">
        <v>0</v>
      </c>
      <c r="AM33" s="179">
        <v>0</v>
      </c>
      <c r="AN33" s="177">
        <v>0</v>
      </c>
      <c r="AO33" s="177">
        <v>0</v>
      </c>
      <c r="AP33" s="177">
        <v>0</v>
      </c>
      <c r="AQ33" s="177">
        <v>1</v>
      </c>
      <c r="AR33" s="177">
        <v>0</v>
      </c>
      <c r="AS33" s="182">
        <v>1</v>
      </c>
      <c r="AT33" s="181">
        <v>1</v>
      </c>
      <c r="AU33" s="176">
        <v>0</v>
      </c>
      <c r="AV33" s="177">
        <v>0</v>
      </c>
      <c r="AW33" s="182">
        <v>0</v>
      </c>
      <c r="AX33" s="179">
        <v>0</v>
      </c>
      <c r="AY33" s="177">
        <v>1</v>
      </c>
      <c r="AZ33" s="177">
        <v>0</v>
      </c>
      <c r="BA33" s="177">
        <v>0</v>
      </c>
      <c r="BB33" s="177">
        <v>0</v>
      </c>
      <c r="BC33" s="177">
        <v>0</v>
      </c>
      <c r="BD33" s="182">
        <v>1</v>
      </c>
      <c r="BE33" s="181">
        <v>1</v>
      </c>
      <c r="BF33" s="176">
        <v>0</v>
      </c>
      <c r="BG33" s="177">
        <v>0</v>
      </c>
      <c r="BH33" s="182">
        <v>0</v>
      </c>
      <c r="BI33" s="179">
        <v>0</v>
      </c>
      <c r="BJ33" s="177">
        <v>0</v>
      </c>
      <c r="BK33" s="177">
        <v>2</v>
      </c>
      <c r="BL33" s="177">
        <v>0</v>
      </c>
      <c r="BM33" s="177">
        <v>1</v>
      </c>
      <c r="BN33" s="177">
        <v>1</v>
      </c>
      <c r="BO33" s="180">
        <v>4</v>
      </c>
      <c r="BP33" s="181">
        <v>4</v>
      </c>
      <c r="BQ33" s="176">
        <v>0</v>
      </c>
      <c r="BR33" s="177">
        <v>0</v>
      </c>
      <c r="BS33" s="182">
        <v>0</v>
      </c>
      <c r="BT33" s="179">
        <v>0</v>
      </c>
      <c r="BU33" s="177">
        <v>0</v>
      </c>
      <c r="BV33" s="177">
        <v>0</v>
      </c>
      <c r="BW33" s="177">
        <v>0</v>
      </c>
      <c r="BX33" s="177">
        <v>0</v>
      </c>
      <c r="BY33" s="177">
        <v>0</v>
      </c>
      <c r="BZ33" s="182">
        <v>0</v>
      </c>
      <c r="CA33" s="181">
        <v>0</v>
      </c>
      <c r="CB33" s="176">
        <v>0</v>
      </c>
      <c r="CC33" s="177">
        <v>0</v>
      </c>
      <c r="CD33" s="182">
        <v>0</v>
      </c>
      <c r="CE33" s="179">
        <v>0</v>
      </c>
      <c r="CF33" s="177">
        <v>0</v>
      </c>
      <c r="CG33" s="177">
        <v>0</v>
      </c>
      <c r="CH33" s="177">
        <v>0</v>
      </c>
      <c r="CI33" s="177">
        <v>1</v>
      </c>
      <c r="CJ33" s="177">
        <v>0</v>
      </c>
      <c r="CK33" s="182">
        <v>1</v>
      </c>
      <c r="CL33" s="181">
        <v>1</v>
      </c>
      <c r="CM33" s="176">
        <v>0</v>
      </c>
      <c r="CN33" s="177">
        <v>0</v>
      </c>
      <c r="CO33" s="182">
        <v>0</v>
      </c>
      <c r="CP33" s="179">
        <v>0</v>
      </c>
      <c r="CQ33" s="177">
        <v>0</v>
      </c>
      <c r="CR33" s="177">
        <v>0</v>
      </c>
      <c r="CS33" s="177">
        <v>0</v>
      </c>
      <c r="CT33" s="177">
        <v>0</v>
      </c>
      <c r="CU33" s="177">
        <v>0</v>
      </c>
      <c r="CV33" s="182">
        <v>0</v>
      </c>
      <c r="CW33" s="181">
        <v>0</v>
      </c>
    </row>
    <row r="34" spans="2:101" ht="21" customHeight="1" x14ac:dyDescent="0.2">
      <c r="B34" s="92" t="s">
        <v>32</v>
      </c>
      <c r="C34" s="176">
        <v>0</v>
      </c>
      <c r="D34" s="182">
        <v>0</v>
      </c>
      <c r="E34" s="193">
        <v>0</v>
      </c>
      <c r="F34" s="179">
        <v>0</v>
      </c>
      <c r="G34" s="177">
        <v>0</v>
      </c>
      <c r="H34" s="177">
        <v>0</v>
      </c>
      <c r="I34" s="177">
        <v>0</v>
      </c>
      <c r="J34" s="177">
        <v>0</v>
      </c>
      <c r="K34" s="177">
        <v>0</v>
      </c>
      <c r="L34" s="180">
        <v>0</v>
      </c>
      <c r="M34" s="181">
        <v>0</v>
      </c>
      <c r="N34" s="176">
        <v>0</v>
      </c>
      <c r="O34" s="177">
        <v>0</v>
      </c>
      <c r="P34" s="182">
        <v>0</v>
      </c>
      <c r="Q34" s="179">
        <v>0</v>
      </c>
      <c r="R34" s="177">
        <v>0</v>
      </c>
      <c r="S34" s="177">
        <v>0</v>
      </c>
      <c r="T34" s="177">
        <v>0</v>
      </c>
      <c r="U34" s="177">
        <v>0</v>
      </c>
      <c r="V34" s="177">
        <v>0</v>
      </c>
      <c r="W34" s="182">
        <v>0</v>
      </c>
      <c r="X34" s="181">
        <v>0</v>
      </c>
      <c r="Y34" s="176">
        <v>0</v>
      </c>
      <c r="Z34" s="177">
        <v>0</v>
      </c>
      <c r="AA34" s="182">
        <v>0</v>
      </c>
      <c r="AB34" s="179">
        <v>0</v>
      </c>
      <c r="AC34" s="177">
        <v>2</v>
      </c>
      <c r="AD34" s="177">
        <v>2</v>
      </c>
      <c r="AE34" s="177">
        <v>0</v>
      </c>
      <c r="AF34" s="177">
        <v>0</v>
      </c>
      <c r="AG34" s="177">
        <v>1</v>
      </c>
      <c r="AH34" s="182">
        <v>5</v>
      </c>
      <c r="AI34" s="181">
        <v>5</v>
      </c>
      <c r="AJ34" s="176">
        <v>0</v>
      </c>
      <c r="AK34" s="177">
        <v>0</v>
      </c>
      <c r="AL34" s="182">
        <v>0</v>
      </c>
      <c r="AM34" s="179">
        <v>0</v>
      </c>
      <c r="AN34" s="177">
        <v>0</v>
      </c>
      <c r="AO34" s="177">
        <v>0</v>
      </c>
      <c r="AP34" s="177">
        <v>0</v>
      </c>
      <c r="AQ34" s="177">
        <v>0</v>
      </c>
      <c r="AR34" s="177">
        <v>0</v>
      </c>
      <c r="AS34" s="182">
        <v>0</v>
      </c>
      <c r="AT34" s="181">
        <v>0</v>
      </c>
      <c r="AU34" s="176">
        <v>0</v>
      </c>
      <c r="AV34" s="177">
        <v>0</v>
      </c>
      <c r="AW34" s="182">
        <v>0</v>
      </c>
      <c r="AX34" s="179">
        <v>0</v>
      </c>
      <c r="AY34" s="177">
        <v>0</v>
      </c>
      <c r="AZ34" s="177">
        <v>0</v>
      </c>
      <c r="BA34" s="177">
        <v>0</v>
      </c>
      <c r="BB34" s="177">
        <v>0</v>
      </c>
      <c r="BC34" s="177">
        <v>0</v>
      </c>
      <c r="BD34" s="182">
        <v>0</v>
      </c>
      <c r="BE34" s="181">
        <v>0</v>
      </c>
      <c r="BF34" s="176">
        <v>0</v>
      </c>
      <c r="BG34" s="177">
        <v>0</v>
      </c>
      <c r="BH34" s="182">
        <v>0</v>
      </c>
      <c r="BI34" s="179">
        <v>0</v>
      </c>
      <c r="BJ34" s="177">
        <v>1</v>
      </c>
      <c r="BK34" s="177">
        <v>1</v>
      </c>
      <c r="BL34" s="177">
        <v>1</v>
      </c>
      <c r="BM34" s="177">
        <v>1</v>
      </c>
      <c r="BN34" s="177">
        <v>0</v>
      </c>
      <c r="BO34" s="180">
        <v>4</v>
      </c>
      <c r="BP34" s="181">
        <v>4</v>
      </c>
      <c r="BQ34" s="176">
        <v>0</v>
      </c>
      <c r="BR34" s="177">
        <v>0</v>
      </c>
      <c r="BS34" s="182">
        <v>0</v>
      </c>
      <c r="BT34" s="179">
        <v>0</v>
      </c>
      <c r="BU34" s="177">
        <v>0</v>
      </c>
      <c r="BV34" s="177">
        <v>0</v>
      </c>
      <c r="BW34" s="177">
        <v>0</v>
      </c>
      <c r="BX34" s="177">
        <v>0</v>
      </c>
      <c r="BY34" s="177">
        <v>0</v>
      </c>
      <c r="BZ34" s="182">
        <v>0</v>
      </c>
      <c r="CA34" s="181">
        <v>0</v>
      </c>
      <c r="CB34" s="176">
        <v>0</v>
      </c>
      <c r="CC34" s="177">
        <v>0</v>
      </c>
      <c r="CD34" s="182">
        <v>0</v>
      </c>
      <c r="CE34" s="179">
        <v>0</v>
      </c>
      <c r="CF34" s="177">
        <v>0</v>
      </c>
      <c r="CG34" s="177">
        <v>0</v>
      </c>
      <c r="CH34" s="177">
        <v>2</v>
      </c>
      <c r="CI34" s="177">
        <v>0</v>
      </c>
      <c r="CJ34" s="177">
        <v>0</v>
      </c>
      <c r="CK34" s="182">
        <v>2</v>
      </c>
      <c r="CL34" s="181">
        <v>2</v>
      </c>
      <c r="CM34" s="176">
        <v>0</v>
      </c>
      <c r="CN34" s="177">
        <v>0</v>
      </c>
      <c r="CO34" s="182">
        <v>0</v>
      </c>
      <c r="CP34" s="179">
        <v>0</v>
      </c>
      <c r="CQ34" s="177">
        <v>0</v>
      </c>
      <c r="CR34" s="177">
        <v>0</v>
      </c>
      <c r="CS34" s="177">
        <v>0</v>
      </c>
      <c r="CT34" s="177">
        <v>0</v>
      </c>
      <c r="CU34" s="177">
        <v>0</v>
      </c>
      <c r="CV34" s="182">
        <v>0</v>
      </c>
      <c r="CW34" s="181">
        <v>0</v>
      </c>
    </row>
    <row r="35" spans="2:101" ht="21" customHeight="1" x14ac:dyDescent="0.2">
      <c r="B35" s="92" t="s">
        <v>33</v>
      </c>
      <c r="C35" s="176">
        <v>0</v>
      </c>
      <c r="D35" s="182">
        <v>0</v>
      </c>
      <c r="E35" s="193">
        <v>0</v>
      </c>
      <c r="F35" s="179">
        <v>0</v>
      </c>
      <c r="G35" s="177">
        <v>0</v>
      </c>
      <c r="H35" s="177">
        <v>0</v>
      </c>
      <c r="I35" s="177">
        <v>0</v>
      </c>
      <c r="J35" s="177">
        <v>0</v>
      </c>
      <c r="K35" s="177">
        <v>0</v>
      </c>
      <c r="L35" s="180">
        <v>0</v>
      </c>
      <c r="M35" s="181">
        <v>0</v>
      </c>
      <c r="N35" s="176">
        <v>0</v>
      </c>
      <c r="O35" s="177">
        <v>0</v>
      </c>
      <c r="P35" s="182">
        <v>0</v>
      </c>
      <c r="Q35" s="179">
        <v>0</v>
      </c>
      <c r="R35" s="177">
        <v>0</v>
      </c>
      <c r="S35" s="177">
        <v>0</v>
      </c>
      <c r="T35" s="177">
        <v>0</v>
      </c>
      <c r="U35" s="177">
        <v>0</v>
      </c>
      <c r="V35" s="177">
        <v>0</v>
      </c>
      <c r="W35" s="182">
        <v>0</v>
      </c>
      <c r="X35" s="181">
        <v>0</v>
      </c>
      <c r="Y35" s="176">
        <v>0</v>
      </c>
      <c r="Z35" s="177">
        <v>0</v>
      </c>
      <c r="AA35" s="182">
        <v>0</v>
      </c>
      <c r="AB35" s="179">
        <v>0</v>
      </c>
      <c r="AC35" s="177">
        <v>2</v>
      </c>
      <c r="AD35" s="177">
        <v>0</v>
      </c>
      <c r="AE35" s="177">
        <v>0</v>
      </c>
      <c r="AF35" s="177">
        <v>0</v>
      </c>
      <c r="AG35" s="177">
        <v>0</v>
      </c>
      <c r="AH35" s="182">
        <v>2</v>
      </c>
      <c r="AI35" s="181">
        <v>2</v>
      </c>
      <c r="AJ35" s="176">
        <v>0</v>
      </c>
      <c r="AK35" s="177">
        <v>0</v>
      </c>
      <c r="AL35" s="182">
        <v>0</v>
      </c>
      <c r="AM35" s="179">
        <v>0</v>
      </c>
      <c r="AN35" s="177">
        <v>0</v>
      </c>
      <c r="AO35" s="177">
        <v>0</v>
      </c>
      <c r="AP35" s="177">
        <v>0</v>
      </c>
      <c r="AQ35" s="177">
        <v>0</v>
      </c>
      <c r="AR35" s="177">
        <v>0</v>
      </c>
      <c r="AS35" s="182">
        <v>0</v>
      </c>
      <c r="AT35" s="181">
        <v>0</v>
      </c>
      <c r="AU35" s="176">
        <v>0</v>
      </c>
      <c r="AV35" s="177">
        <v>0</v>
      </c>
      <c r="AW35" s="182">
        <v>0</v>
      </c>
      <c r="AX35" s="179">
        <v>0</v>
      </c>
      <c r="AY35" s="177">
        <v>0</v>
      </c>
      <c r="AZ35" s="177">
        <v>0</v>
      </c>
      <c r="BA35" s="177">
        <v>0</v>
      </c>
      <c r="BB35" s="177">
        <v>0</v>
      </c>
      <c r="BC35" s="177">
        <v>0</v>
      </c>
      <c r="BD35" s="182">
        <v>0</v>
      </c>
      <c r="BE35" s="181">
        <v>0</v>
      </c>
      <c r="BF35" s="176">
        <v>0</v>
      </c>
      <c r="BG35" s="177">
        <v>0</v>
      </c>
      <c r="BH35" s="182">
        <v>0</v>
      </c>
      <c r="BI35" s="179">
        <v>0</v>
      </c>
      <c r="BJ35" s="177">
        <v>0</v>
      </c>
      <c r="BK35" s="177">
        <v>0</v>
      </c>
      <c r="BL35" s="177">
        <v>0</v>
      </c>
      <c r="BM35" s="177">
        <v>0</v>
      </c>
      <c r="BN35" s="177">
        <v>0</v>
      </c>
      <c r="BO35" s="180">
        <v>0</v>
      </c>
      <c r="BP35" s="181">
        <v>0</v>
      </c>
      <c r="BQ35" s="176">
        <v>0</v>
      </c>
      <c r="BR35" s="177">
        <v>0</v>
      </c>
      <c r="BS35" s="182">
        <v>0</v>
      </c>
      <c r="BT35" s="179">
        <v>0</v>
      </c>
      <c r="BU35" s="177">
        <v>0</v>
      </c>
      <c r="BV35" s="177">
        <v>0</v>
      </c>
      <c r="BW35" s="177">
        <v>0</v>
      </c>
      <c r="BX35" s="177">
        <v>0</v>
      </c>
      <c r="BY35" s="177">
        <v>0</v>
      </c>
      <c r="BZ35" s="182">
        <v>0</v>
      </c>
      <c r="CA35" s="181">
        <v>0</v>
      </c>
      <c r="CB35" s="176">
        <v>0</v>
      </c>
      <c r="CC35" s="177">
        <v>0</v>
      </c>
      <c r="CD35" s="182">
        <v>0</v>
      </c>
      <c r="CE35" s="179">
        <v>0</v>
      </c>
      <c r="CF35" s="177">
        <v>0</v>
      </c>
      <c r="CG35" s="177">
        <v>0</v>
      </c>
      <c r="CH35" s="177">
        <v>0</v>
      </c>
      <c r="CI35" s="177">
        <v>0</v>
      </c>
      <c r="CJ35" s="177">
        <v>0</v>
      </c>
      <c r="CK35" s="182">
        <v>0</v>
      </c>
      <c r="CL35" s="181">
        <v>0</v>
      </c>
      <c r="CM35" s="176">
        <v>0</v>
      </c>
      <c r="CN35" s="177">
        <v>0</v>
      </c>
      <c r="CO35" s="182">
        <v>0</v>
      </c>
      <c r="CP35" s="179">
        <v>0</v>
      </c>
      <c r="CQ35" s="177">
        <v>0</v>
      </c>
      <c r="CR35" s="177">
        <v>0</v>
      </c>
      <c r="CS35" s="177">
        <v>0</v>
      </c>
      <c r="CT35" s="177">
        <v>0</v>
      </c>
      <c r="CU35" s="177">
        <v>0</v>
      </c>
      <c r="CV35" s="182">
        <v>0</v>
      </c>
      <c r="CW35" s="181">
        <v>0</v>
      </c>
    </row>
    <row r="36" spans="2:101" ht="21" customHeight="1" x14ac:dyDescent="0.2">
      <c r="B36" s="92" t="s">
        <v>34</v>
      </c>
      <c r="C36" s="176">
        <v>0</v>
      </c>
      <c r="D36" s="182">
        <v>0</v>
      </c>
      <c r="E36" s="193">
        <v>0</v>
      </c>
      <c r="F36" s="179">
        <v>0</v>
      </c>
      <c r="G36" s="177">
        <v>0</v>
      </c>
      <c r="H36" s="177">
        <v>0</v>
      </c>
      <c r="I36" s="177">
        <v>0</v>
      </c>
      <c r="J36" s="177">
        <v>0</v>
      </c>
      <c r="K36" s="177">
        <v>0</v>
      </c>
      <c r="L36" s="180">
        <v>0</v>
      </c>
      <c r="M36" s="181">
        <v>0</v>
      </c>
      <c r="N36" s="176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0</v>
      </c>
      <c r="T36" s="177">
        <v>0</v>
      </c>
      <c r="U36" s="177">
        <v>0</v>
      </c>
      <c r="V36" s="177">
        <v>0</v>
      </c>
      <c r="W36" s="182">
        <v>0</v>
      </c>
      <c r="X36" s="181">
        <v>0</v>
      </c>
      <c r="Y36" s="176">
        <v>0</v>
      </c>
      <c r="Z36" s="177">
        <v>0</v>
      </c>
      <c r="AA36" s="182">
        <v>0</v>
      </c>
      <c r="AB36" s="179">
        <v>0</v>
      </c>
      <c r="AC36" s="177">
        <v>2</v>
      </c>
      <c r="AD36" s="177">
        <v>2</v>
      </c>
      <c r="AE36" s="177">
        <v>0</v>
      </c>
      <c r="AF36" s="177">
        <v>0</v>
      </c>
      <c r="AG36" s="177">
        <v>0</v>
      </c>
      <c r="AH36" s="182">
        <v>4</v>
      </c>
      <c r="AI36" s="181">
        <v>4</v>
      </c>
      <c r="AJ36" s="176">
        <v>0</v>
      </c>
      <c r="AK36" s="177">
        <v>0</v>
      </c>
      <c r="AL36" s="182">
        <v>0</v>
      </c>
      <c r="AM36" s="179">
        <v>0</v>
      </c>
      <c r="AN36" s="177">
        <v>0</v>
      </c>
      <c r="AO36" s="177">
        <v>0</v>
      </c>
      <c r="AP36" s="177">
        <v>0</v>
      </c>
      <c r="AQ36" s="177">
        <v>0</v>
      </c>
      <c r="AR36" s="177">
        <v>0</v>
      </c>
      <c r="AS36" s="182">
        <v>0</v>
      </c>
      <c r="AT36" s="181">
        <v>0</v>
      </c>
      <c r="AU36" s="176">
        <v>0</v>
      </c>
      <c r="AV36" s="177">
        <v>0</v>
      </c>
      <c r="AW36" s="182">
        <v>0</v>
      </c>
      <c r="AX36" s="179">
        <v>0</v>
      </c>
      <c r="AY36" s="177">
        <v>1</v>
      </c>
      <c r="AZ36" s="177">
        <v>1</v>
      </c>
      <c r="BA36" s="177">
        <v>0</v>
      </c>
      <c r="BB36" s="177">
        <v>0</v>
      </c>
      <c r="BC36" s="177">
        <v>0</v>
      </c>
      <c r="BD36" s="182">
        <v>2</v>
      </c>
      <c r="BE36" s="181">
        <v>2</v>
      </c>
      <c r="BF36" s="176">
        <v>0</v>
      </c>
      <c r="BG36" s="177">
        <v>0</v>
      </c>
      <c r="BH36" s="182">
        <v>0</v>
      </c>
      <c r="BI36" s="179">
        <v>0</v>
      </c>
      <c r="BJ36" s="177">
        <v>1</v>
      </c>
      <c r="BK36" s="177">
        <v>0</v>
      </c>
      <c r="BL36" s="177">
        <v>1</v>
      </c>
      <c r="BM36" s="177">
        <v>0</v>
      </c>
      <c r="BN36" s="177">
        <v>0</v>
      </c>
      <c r="BO36" s="180">
        <v>2</v>
      </c>
      <c r="BP36" s="181">
        <v>2</v>
      </c>
      <c r="BQ36" s="176">
        <v>0</v>
      </c>
      <c r="BR36" s="177">
        <v>0</v>
      </c>
      <c r="BS36" s="182">
        <v>0</v>
      </c>
      <c r="BT36" s="179">
        <v>0</v>
      </c>
      <c r="BU36" s="177">
        <v>0</v>
      </c>
      <c r="BV36" s="177">
        <v>0</v>
      </c>
      <c r="BW36" s="177">
        <v>0</v>
      </c>
      <c r="BX36" s="177">
        <v>0</v>
      </c>
      <c r="BY36" s="177">
        <v>0</v>
      </c>
      <c r="BZ36" s="182">
        <v>0</v>
      </c>
      <c r="CA36" s="181">
        <v>0</v>
      </c>
      <c r="CB36" s="176">
        <v>0</v>
      </c>
      <c r="CC36" s="177">
        <v>0</v>
      </c>
      <c r="CD36" s="182">
        <v>0</v>
      </c>
      <c r="CE36" s="179">
        <v>0</v>
      </c>
      <c r="CF36" s="177">
        <v>0</v>
      </c>
      <c r="CG36" s="177">
        <v>0</v>
      </c>
      <c r="CH36" s="177">
        <v>0</v>
      </c>
      <c r="CI36" s="177">
        <v>0</v>
      </c>
      <c r="CJ36" s="177">
        <v>0</v>
      </c>
      <c r="CK36" s="182">
        <v>0</v>
      </c>
      <c r="CL36" s="181">
        <v>0</v>
      </c>
      <c r="CM36" s="176">
        <v>0</v>
      </c>
      <c r="CN36" s="177">
        <v>0</v>
      </c>
      <c r="CO36" s="182">
        <v>0</v>
      </c>
      <c r="CP36" s="179">
        <v>0</v>
      </c>
      <c r="CQ36" s="177">
        <v>0</v>
      </c>
      <c r="CR36" s="177">
        <v>0</v>
      </c>
      <c r="CS36" s="177">
        <v>0</v>
      </c>
      <c r="CT36" s="177">
        <v>0</v>
      </c>
      <c r="CU36" s="177">
        <v>0</v>
      </c>
      <c r="CV36" s="182">
        <v>0</v>
      </c>
      <c r="CW36" s="181">
        <v>0</v>
      </c>
    </row>
    <row r="37" spans="2:101" ht="21" customHeight="1" x14ac:dyDescent="0.2">
      <c r="B37" s="92" t="s">
        <v>35</v>
      </c>
      <c r="C37" s="176">
        <v>0</v>
      </c>
      <c r="D37" s="182">
        <v>0</v>
      </c>
      <c r="E37" s="193">
        <v>0</v>
      </c>
      <c r="F37" s="179">
        <v>0</v>
      </c>
      <c r="G37" s="177">
        <v>0</v>
      </c>
      <c r="H37" s="177">
        <v>0</v>
      </c>
      <c r="I37" s="177">
        <v>1</v>
      </c>
      <c r="J37" s="177">
        <v>0</v>
      </c>
      <c r="K37" s="177">
        <v>0</v>
      </c>
      <c r="L37" s="180">
        <v>1</v>
      </c>
      <c r="M37" s="181">
        <v>1</v>
      </c>
      <c r="N37" s="176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0</v>
      </c>
      <c r="T37" s="177">
        <v>0</v>
      </c>
      <c r="U37" s="177">
        <v>0</v>
      </c>
      <c r="V37" s="177">
        <v>0</v>
      </c>
      <c r="W37" s="182">
        <v>0</v>
      </c>
      <c r="X37" s="181">
        <v>0</v>
      </c>
      <c r="Y37" s="176">
        <v>0</v>
      </c>
      <c r="Z37" s="177">
        <v>0</v>
      </c>
      <c r="AA37" s="182">
        <v>0</v>
      </c>
      <c r="AB37" s="179">
        <v>0</v>
      </c>
      <c r="AC37" s="177">
        <v>0</v>
      </c>
      <c r="AD37" s="177">
        <v>0</v>
      </c>
      <c r="AE37" s="177">
        <v>0</v>
      </c>
      <c r="AF37" s="177">
        <v>0</v>
      </c>
      <c r="AG37" s="177">
        <v>0</v>
      </c>
      <c r="AH37" s="182">
        <v>0</v>
      </c>
      <c r="AI37" s="181">
        <v>0</v>
      </c>
      <c r="AJ37" s="176">
        <v>0</v>
      </c>
      <c r="AK37" s="177">
        <v>0</v>
      </c>
      <c r="AL37" s="182">
        <v>0</v>
      </c>
      <c r="AM37" s="179">
        <v>0</v>
      </c>
      <c r="AN37" s="177">
        <v>0</v>
      </c>
      <c r="AO37" s="177">
        <v>0</v>
      </c>
      <c r="AP37" s="177">
        <v>0</v>
      </c>
      <c r="AQ37" s="177">
        <v>0</v>
      </c>
      <c r="AR37" s="177">
        <v>0</v>
      </c>
      <c r="AS37" s="182">
        <v>0</v>
      </c>
      <c r="AT37" s="181">
        <v>0</v>
      </c>
      <c r="AU37" s="176">
        <v>0</v>
      </c>
      <c r="AV37" s="177">
        <v>0</v>
      </c>
      <c r="AW37" s="182">
        <v>0</v>
      </c>
      <c r="AX37" s="179">
        <v>0</v>
      </c>
      <c r="AY37" s="177">
        <v>0</v>
      </c>
      <c r="AZ37" s="177">
        <v>0</v>
      </c>
      <c r="BA37" s="177">
        <v>0</v>
      </c>
      <c r="BB37" s="177">
        <v>0</v>
      </c>
      <c r="BC37" s="177">
        <v>0</v>
      </c>
      <c r="BD37" s="182">
        <v>0</v>
      </c>
      <c r="BE37" s="181">
        <v>0</v>
      </c>
      <c r="BF37" s="176">
        <v>0</v>
      </c>
      <c r="BG37" s="177">
        <v>0</v>
      </c>
      <c r="BH37" s="182">
        <v>0</v>
      </c>
      <c r="BI37" s="179">
        <v>0</v>
      </c>
      <c r="BJ37" s="177">
        <v>0</v>
      </c>
      <c r="BK37" s="177">
        <v>2</v>
      </c>
      <c r="BL37" s="177">
        <v>0</v>
      </c>
      <c r="BM37" s="177">
        <v>0</v>
      </c>
      <c r="BN37" s="177">
        <v>0</v>
      </c>
      <c r="BO37" s="180">
        <v>2</v>
      </c>
      <c r="BP37" s="181">
        <v>2</v>
      </c>
      <c r="BQ37" s="176">
        <v>0</v>
      </c>
      <c r="BR37" s="177">
        <v>0</v>
      </c>
      <c r="BS37" s="182">
        <v>0</v>
      </c>
      <c r="BT37" s="179">
        <v>0</v>
      </c>
      <c r="BU37" s="177">
        <v>0</v>
      </c>
      <c r="BV37" s="177">
        <v>0</v>
      </c>
      <c r="BW37" s="177">
        <v>0</v>
      </c>
      <c r="BX37" s="177">
        <v>0</v>
      </c>
      <c r="BY37" s="177">
        <v>0</v>
      </c>
      <c r="BZ37" s="182">
        <v>0</v>
      </c>
      <c r="CA37" s="181">
        <v>0</v>
      </c>
      <c r="CB37" s="176">
        <v>0</v>
      </c>
      <c r="CC37" s="177">
        <v>0</v>
      </c>
      <c r="CD37" s="182">
        <v>0</v>
      </c>
      <c r="CE37" s="179">
        <v>0</v>
      </c>
      <c r="CF37" s="177">
        <v>0</v>
      </c>
      <c r="CG37" s="177">
        <v>0</v>
      </c>
      <c r="CH37" s="177">
        <v>0</v>
      </c>
      <c r="CI37" s="177">
        <v>0</v>
      </c>
      <c r="CJ37" s="177">
        <v>0</v>
      </c>
      <c r="CK37" s="182">
        <v>0</v>
      </c>
      <c r="CL37" s="181">
        <v>0</v>
      </c>
      <c r="CM37" s="176">
        <v>0</v>
      </c>
      <c r="CN37" s="177">
        <v>0</v>
      </c>
      <c r="CO37" s="182">
        <v>0</v>
      </c>
      <c r="CP37" s="179">
        <v>0</v>
      </c>
      <c r="CQ37" s="177">
        <v>0</v>
      </c>
      <c r="CR37" s="177">
        <v>0</v>
      </c>
      <c r="CS37" s="177">
        <v>0</v>
      </c>
      <c r="CT37" s="177">
        <v>0</v>
      </c>
      <c r="CU37" s="177">
        <v>0</v>
      </c>
      <c r="CV37" s="182">
        <v>0</v>
      </c>
      <c r="CW37" s="181">
        <v>0</v>
      </c>
    </row>
    <row r="38" spans="2:101" ht="21" customHeight="1" x14ac:dyDescent="0.2">
      <c r="B38" s="92" t="s">
        <v>36</v>
      </c>
      <c r="C38" s="176">
        <v>0</v>
      </c>
      <c r="D38" s="182">
        <v>0</v>
      </c>
      <c r="E38" s="193">
        <v>0</v>
      </c>
      <c r="F38" s="179">
        <v>0</v>
      </c>
      <c r="G38" s="177">
        <v>0</v>
      </c>
      <c r="H38" s="177">
        <v>0</v>
      </c>
      <c r="I38" s="177">
        <v>0</v>
      </c>
      <c r="J38" s="177">
        <v>0</v>
      </c>
      <c r="K38" s="177">
        <v>0</v>
      </c>
      <c r="L38" s="180">
        <v>0</v>
      </c>
      <c r="M38" s="181">
        <v>0</v>
      </c>
      <c r="N38" s="176">
        <v>0</v>
      </c>
      <c r="O38" s="177">
        <v>0</v>
      </c>
      <c r="P38" s="182">
        <v>0</v>
      </c>
      <c r="Q38" s="179">
        <v>0</v>
      </c>
      <c r="R38" s="177">
        <v>0</v>
      </c>
      <c r="S38" s="177">
        <v>0</v>
      </c>
      <c r="T38" s="177">
        <v>0</v>
      </c>
      <c r="U38" s="177">
        <v>0</v>
      </c>
      <c r="V38" s="177">
        <v>0</v>
      </c>
      <c r="W38" s="182">
        <v>0</v>
      </c>
      <c r="X38" s="181">
        <v>0</v>
      </c>
      <c r="Y38" s="176">
        <v>0</v>
      </c>
      <c r="Z38" s="177">
        <v>0</v>
      </c>
      <c r="AA38" s="182">
        <v>0</v>
      </c>
      <c r="AB38" s="179">
        <v>0</v>
      </c>
      <c r="AC38" s="177">
        <v>3</v>
      </c>
      <c r="AD38" s="177">
        <v>1</v>
      </c>
      <c r="AE38" s="177">
        <v>0</v>
      </c>
      <c r="AF38" s="177">
        <v>0</v>
      </c>
      <c r="AG38" s="177">
        <v>0</v>
      </c>
      <c r="AH38" s="182">
        <v>4</v>
      </c>
      <c r="AI38" s="181">
        <v>4</v>
      </c>
      <c r="AJ38" s="176">
        <v>0</v>
      </c>
      <c r="AK38" s="177">
        <v>0</v>
      </c>
      <c r="AL38" s="182">
        <v>0</v>
      </c>
      <c r="AM38" s="179">
        <v>0</v>
      </c>
      <c r="AN38" s="177">
        <v>0</v>
      </c>
      <c r="AO38" s="177">
        <v>0</v>
      </c>
      <c r="AP38" s="177">
        <v>0</v>
      </c>
      <c r="AQ38" s="177">
        <v>0</v>
      </c>
      <c r="AR38" s="177">
        <v>0</v>
      </c>
      <c r="AS38" s="182">
        <v>0</v>
      </c>
      <c r="AT38" s="181">
        <v>0</v>
      </c>
      <c r="AU38" s="176">
        <v>0</v>
      </c>
      <c r="AV38" s="177">
        <v>0</v>
      </c>
      <c r="AW38" s="182">
        <v>0</v>
      </c>
      <c r="AX38" s="179">
        <v>0</v>
      </c>
      <c r="AY38" s="177">
        <v>0</v>
      </c>
      <c r="AZ38" s="177">
        <v>0</v>
      </c>
      <c r="BA38" s="177">
        <v>0</v>
      </c>
      <c r="BB38" s="177">
        <v>0</v>
      </c>
      <c r="BC38" s="177">
        <v>0</v>
      </c>
      <c r="BD38" s="182">
        <v>0</v>
      </c>
      <c r="BE38" s="181">
        <v>0</v>
      </c>
      <c r="BF38" s="176">
        <v>0</v>
      </c>
      <c r="BG38" s="177">
        <v>0</v>
      </c>
      <c r="BH38" s="182">
        <v>0</v>
      </c>
      <c r="BI38" s="179">
        <v>0</v>
      </c>
      <c r="BJ38" s="177">
        <v>0</v>
      </c>
      <c r="BK38" s="177">
        <v>0</v>
      </c>
      <c r="BL38" s="177">
        <v>0</v>
      </c>
      <c r="BM38" s="177">
        <v>0</v>
      </c>
      <c r="BN38" s="177">
        <v>0</v>
      </c>
      <c r="BO38" s="180">
        <v>0</v>
      </c>
      <c r="BP38" s="181">
        <v>0</v>
      </c>
      <c r="BQ38" s="176">
        <v>0</v>
      </c>
      <c r="BR38" s="177">
        <v>0</v>
      </c>
      <c r="BS38" s="182">
        <v>0</v>
      </c>
      <c r="BT38" s="179">
        <v>0</v>
      </c>
      <c r="BU38" s="177">
        <v>0</v>
      </c>
      <c r="BV38" s="177">
        <v>0</v>
      </c>
      <c r="BW38" s="177">
        <v>0</v>
      </c>
      <c r="BX38" s="177">
        <v>0</v>
      </c>
      <c r="BY38" s="177">
        <v>0</v>
      </c>
      <c r="BZ38" s="182">
        <v>0</v>
      </c>
      <c r="CA38" s="181">
        <v>0</v>
      </c>
      <c r="CB38" s="176">
        <v>0</v>
      </c>
      <c r="CC38" s="177">
        <v>0</v>
      </c>
      <c r="CD38" s="182">
        <v>0</v>
      </c>
      <c r="CE38" s="179">
        <v>0</v>
      </c>
      <c r="CF38" s="177">
        <v>0</v>
      </c>
      <c r="CG38" s="177">
        <v>0</v>
      </c>
      <c r="CH38" s="177">
        <v>0</v>
      </c>
      <c r="CI38" s="177">
        <v>0</v>
      </c>
      <c r="CJ38" s="177">
        <v>0</v>
      </c>
      <c r="CK38" s="182">
        <v>0</v>
      </c>
      <c r="CL38" s="181">
        <v>0</v>
      </c>
      <c r="CM38" s="176">
        <v>0</v>
      </c>
      <c r="CN38" s="177">
        <v>0</v>
      </c>
      <c r="CO38" s="182">
        <v>0</v>
      </c>
      <c r="CP38" s="179">
        <v>0</v>
      </c>
      <c r="CQ38" s="177">
        <v>0</v>
      </c>
      <c r="CR38" s="177">
        <v>0</v>
      </c>
      <c r="CS38" s="177">
        <v>0</v>
      </c>
      <c r="CT38" s="177">
        <v>0</v>
      </c>
      <c r="CU38" s="177">
        <v>0</v>
      </c>
      <c r="CV38" s="182">
        <v>0</v>
      </c>
      <c r="CW38" s="181">
        <v>0</v>
      </c>
    </row>
    <row r="39" spans="2:101" ht="21" customHeight="1" thickBot="1" x14ac:dyDescent="0.25">
      <c r="B39" s="94" t="s">
        <v>37</v>
      </c>
      <c r="C39" s="183">
        <v>0</v>
      </c>
      <c r="D39" s="189">
        <v>0</v>
      </c>
      <c r="E39" s="194">
        <v>0</v>
      </c>
      <c r="F39" s="186">
        <v>0</v>
      </c>
      <c r="G39" s="184">
        <v>0</v>
      </c>
      <c r="H39" s="184">
        <v>0</v>
      </c>
      <c r="I39" s="184">
        <v>0</v>
      </c>
      <c r="J39" s="184">
        <v>0</v>
      </c>
      <c r="K39" s="184">
        <v>0</v>
      </c>
      <c r="L39" s="187">
        <v>0</v>
      </c>
      <c r="M39" s="188">
        <v>0</v>
      </c>
      <c r="N39" s="183">
        <v>0</v>
      </c>
      <c r="O39" s="184">
        <v>0</v>
      </c>
      <c r="P39" s="189">
        <v>0</v>
      </c>
      <c r="Q39" s="186">
        <v>0</v>
      </c>
      <c r="R39" s="184">
        <v>0</v>
      </c>
      <c r="S39" s="184">
        <v>0</v>
      </c>
      <c r="T39" s="184">
        <v>0</v>
      </c>
      <c r="U39" s="184">
        <v>0</v>
      </c>
      <c r="V39" s="184">
        <v>0</v>
      </c>
      <c r="W39" s="189">
        <v>0</v>
      </c>
      <c r="X39" s="188">
        <v>0</v>
      </c>
      <c r="Y39" s="183">
        <v>0</v>
      </c>
      <c r="Z39" s="184">
        <v>0</v>
      </c>
      <c r="AA39" s="189">
        <v>0</v>
      </c>
      <c r="AB39" s="186">
        <v>0</v>
      </c>
      <c r="AC39" s="184">
        <v>0</v>
      </c>
      <c r="AD39" s="184">
        <v>0</v>
      </c>
      <c r="AE39" s="184">
        <v>0</v>
      </c>
      <c r="AF39" s="184">
        <v>0</v>
      </c>
      <c r="AG39" s="184">
        <v>0</v>
      </c>
      <c r="AH39" s="189">
        <v>0</v>
      </c>
      <c r="AI39" s="188">
        <v>0</v>
      </c>
      <c r="AJ39" s="183">
        <v>0</v>
      </c>
      <c r="AK39" s="184">
        <v>0</v>
      </c>
      <c r="AL39" s="189">
        <v>0</v>
      </c>
      <c r="AM39" s="186">
        <v>0</v>
      </c>
      <c r="AN39" s="184">
        <v>0</v>
      </c>
      <c r="AO39" s="184">
        <v>0</v>
      </c>
      <c r="AP39" s="184">
        <v>0</v>
      </c>
      <c r="AQ39" s="184">
        <v>0</v>
      </c>
      <c r="AR39" s="184">
        <v>0</v>
      </c>
      <c r="AS39" s="189">
        <v>0</v>
      </c>
      <c r="AT39" s="188">
        <v>0</v>
      </c>
      <c r="AU39" s="183">
        <v>0</v>
      </c>
      <c r="AV39" s="184">
        <v>0</v>
      </c>
      <c r="AW39" s="189">
        <v>0</v>
      </c>
      <c r="AX39" s="186">
        <v>0</v>
      </c>
      <c r="AY39" s="184">
        <v>0</v>
      </c>
      <c r="AZ39" s="184">
        <v>0</v>
      </c>
      <c r="BA39" s="184">
        <v>0</v>
      </c>
      <c r="BB39" s="184">
        <v>0</v>
      </c>
      <c r="BC39" s="184">
        <v>0</v>
      </c>
      <c r="BD39" s="189">
        <v>0</v>
      </c>
      <c r="BE39" s="188">
        <v>0</v>
      </c>
      <c r="BF39" s="183">
        <v>0</v>
      </c>
      <c r="BG39" s="184">
        <v>0</v>
      </c>
      <c r="BH39" s="189">
        <v>0</v>
      </c>
      <c r="BI39" s="186">
        <v>0</v>
      </c>
      <c r="BJ39" s="184">
        <v>0</v>
      </c>
      <c r="BK39" s="184">
        <v>0</v>
      </c>
      <c r="BL39" s="184">
        <v>0</v>
      </c>
      <c r="BM39" s="184">
        <v>0</v>
      </c>
      <c r="BN39" s="184">
        <v>0</v>
      </c>
      <c r="BO39" s="187">
        <v>0</v>
      </c>
      <c r="BP39" s="188">
        <v>0</v>
      </c>
      <c r="BQ39" s="183">
        <v>0</v>
      </c>
      <c r="BR39" s="184">
        <v>0</v>
      </c>
      <c r="BS39" s="189">
        <v>0</v>
      </c>
      <c r="BT39" s="186">
        <v>0</v>
      </c>
      <c r="BU39" s="184">
        <v>0</v>
      </c>
      <c r="BV39" s="184">
        <v>0</v>
      </c>
      <c r="BW39" s="184">
        <v>0</v>
      </c>
      <c r="BX39" s="184">
        <v>0</v>
      </c>
      <c r="BY39" s="184">
        <v>0</v>
      </c>
      <c r="BZ39" s="189">
        <v>0</v>
      </c>
      <c r="CA39" s="188">
        <v>0</v>
      </c>
      <c r="CB39" s="183">
        <v>0</v>
      </c>
      <c r="CC39" s="184">
        <v>0</v>
      </c>
      <c r="CD39" s="189">
        <v>0</v>
      </c>
      <c r="CE39" s="186">
        <v>0</v>
      </c>
      <c r="CF39" s="184">
        <v>0</v>
      </c>
      <c r="CG39" s="184">
        <v>0</v>
      </c>
      <c r="CH39" s="184">
        <v>0</v>
      </c>
      <c r="CI39" s="184">
        <v>0</v>
      </c>
      <c r="CJ39" s="184">
        <v>0</v>
      </c>
      <c r="CK39" s="189">
        <v>0</v>
      </c>
      <c r="CL39" s="188">
        <v>0</v>
      </c>
      <c r="CM39" s="183">
        <v>0</v>
      </c>
      <c r="CN39" s="184">
        <v>0</v>
      </c>
      <c r="CO39" s="189">
        <v>0</v>
      </c>
      <c r="CP39" s="186">
        <v>0</v>
      </c>
      <c r="CQ39" s="184">
        <v>0</v>
      </c>
      <c r="CR39" s="184">
        <v>0</v>
      </c>
      <c r="CS39" s="184">
        <v>0</v>
      </c>
      <c r="CT39" s="184">
        <v>0</v>
      </c>
      <c r="CU39" s="184">
        <v>0</v>
      </c>
      <c r="CV39" s="189">
        <v>0</v>
      </c>
      <c r="CW39" s="188">
        <v>0</v>
      </c>
    </row>
  </sheetData>
  <mergeCells count="39">
    <mergeCell ref="CM3:CW3"/>
    <mergeCell ref="CM4:CO4"/>
    <mergeCell ref="CP4:CV4"/>
    <mergeCell ref="CE4:CK4"/>
    <mergeCell ref="BF4:BH4"/>
    <mergeCell ref="BI4:BO4"/>
    <mergeCell ref="BQ4:BS4"/>
    <mergeCell ref="BT4:BZ4"/>
    <mergeCell ref="CB3:CL3"/>
    <mergeCell ref="CL4:CL5"/>
    <mergeCell ref="CW4:CW5"/>
    <mergeCell ref="AU4:AW4"/>
    <mergeCell ref="AJ4:AL4"/>
    <mergeCell ref="AX4:BD4"/>
    <mergeCell ref="CB4:CD4"/>
    <mergeCell ref="AU3:BE3"/>
    <mergeCell ref="BE4:BE5"/>
    <mergeCell ref="BF3:BP3"/>
    <mergeCell ref="BP4:BP5"/>
    <mergeCell ref="BQ3:CA3"/>
    <mergeCell ref="CA4:CA5"/>
    <mergeCell ref="I1:J1"/>
    <mergeCell ref="L1:M1"/>
    <mergeCell ref="B3:B5"/>
    <mergeCell ref="C3:M3"/>
    <mergeCell ref="N3:X3"/>
    <mergeCell ref="X4:X5"/>
    <mergeCell ref="C4:E4"/>
    <mergeCell ref="F4:L4"/>
    <mergeCell ref="M4:M5"/>
    <mergeCell ref="N4:P4"/>
    <mergeCell ref="Q4:W4"/>
    <mergeCell ref="Y3:AI3"/>
    <mergeCell ref="Y4:AA4"/>
    <mergeCell ref="AB4:AH4"/>
    <mergeCell ref="AI4:AI5"/>
    <mergeCell ref="AJ3:AT3"/>
    <mergeCell ref="AM4:AS4"/>
    <mergeCell ref="AT4:AT5"/>
  </mergeCells>
  <phoneticPr fontId="4"/>
  <pageMargins left="0.70866141732283472" right="0.70866141732283472" top="0.74803149606299213" bottom="0.74803149606299213" header="0.31496062992125984" footer="0.31496062992125984"/>
  <pageSetup paperSize="9" scale="60" orientation="landscape" r:id="rId1"/>
  <headerFooter>
    <oddFooter>&amp;L&amp;20&amp;A&amp;C&amp;P/&amp;N</oddFooter>
  </headerFooter>
  <colBreaks count="3" manualBreakCount="3">
    <brk id="24" max="1048575" man="1"/>
    <brk id="46" max="1048575" man="1"/>
    <brk id="68" max="104857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CW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4" width="9" style="161"/>
    <col min="5" max="5" width="10.33203125" style="161" customWidth="1"/>
    <col min="6" max="6" width="7.6640625" style="161" customWidth="1"/>
    <col min="7" max="7" width="8.44140625" style="161" customWidth="1"/>
    <col min="8" max="8" width="8.77734375" style="161" customWidth="1"/>
    <col min="9" max="16" width="9" style="161"/>
    <col min="17" max="17" width="7.21875" style="161" customWidth="1"/>
    <col min="18" max="27" width="9" style="161"/>
    <col min="28" max="28" width="7.6640625" style="161" customWidth="1"/>
    <col min="29" max="38" width="9" style="161"/>
    <col min="39" max="39" width="7.6640625" style="161" customWidth="1"/>
    <col min="40" max="49" width="9" style="161"/>
    <col min="50" max="50" width="7.6640625" style="161" customWidth="1"/>
    <col min="51" max="60" width="9" style="161"/>
    <col min="61" max="61" width="7.21875" style="161" customWidth="1"/>
    <col min="62" max="71" width="9" style="161"/>
    <col min="72" max="72" width="7.21875" style="161" customWidth="1"/>
    <col min="73" max="82" width="9" style="161"/>
    <col min="83" max="83" width="7.33203125" style="161" customWidth="1"/>
    <col min="84" max="93" width="9" style="161"/>
    <col min="94" max="94" width="7.44140625" style="161" customWidth="1"/>
    <col min="95" max="16384" width="9" style="161"/>
  </cols>
  <sheetData>
    <row r="1" spans="2:101" ht="24" customHeight="1" x14ac:dyDescent="0.2">
      <c r="B1" s="128" t="s">
        <v>122</v>
      </c>
      <c r="I1" s="441">
        <f>第１表!F2</f>
        <v>7</v>
      </c>
      <c r="J1" s="441"/>
      <c r="K1" s="15">
        <f>第１表!G2</f>
        <v>1</v>
      </c>
      <c r="L1" s="445">
        <f>IF(K1&lt;3,K1+12-2,K1-2)</f>
        <v>11</v>
      </c>
      <c r="M1" s="445"/>
    </row>
    <row r="2" spans="2:101" s="57" customFormat="1" ht="24" customHeight="1" thickBot="1" x14ac:dyDescent="0.25">
      <c r="B2" s="128" t="s">
        <v>149</v>
      </c>
    </row>
    <row r="3" spans="2:101" ht="21" customHeight="1" thickBot="1" x14ac:dyDescent="0.25">
      <c r="B3" s="466"/>
      <c r="C3" s="463" t="s">
        <v>94</v>
      </c>
      <c r="D3" s="464"/>
      <c r="E3" s="464"/>
      <c r="F3" s="464"/>
      <c r="G3" s="464"/>
      <c r="H3" s="464"/>
      <c r="I3" s="464"/>
      <c r="J3" s="464"/>
      <c r="K3" s="464"/>
      <c r="L3" s="464"/>
      <c r="M3" s="465"/>
      <c r="N3" s="463" t="s">
        <v>88</v>
      </c>
      <c r="O3" s="464"/>
      <c r="P3" s="464"/>
      <c r="Q3" s="464"/>
      <c r="R3" s="464"/>
      <c r="S3" s="464"/>
      <c r="T3" s="464"/>
      <c r="U3" s="464"/>
      <c r="V3" s="464"/>
      <c r="W3" s="464"/>
      <c r="X3" s="465"/>
      <c r="Y3" s="463" t="s">
        <v>138</v>
      </c>
      <c r="Z3" s="464"/>
      <c r="AA3" s="464"/>
      <c r="AB3" s="464"/>
      <c r="AC3" s="464"/>
      <c r="AD3" s="464"/>
      <c r="AE3" s="464"/>
      <c r="AF3" s="464"/>
      <c r="AG3" s="464"/>
      <c r="AH3" s="464"/>
      <c r="AI3" s="465"/>
      <c r="AJ3" s="463" t="s">
        <v>90</v>
      </c>
      <c r="AK3" s="464"/>
      <c r="AL3" s="464"/>
      <c r="AM3" s="464"/>
      <c r="AN3" s="464"/>
      <c r="AO3" s="464"/>
      <c r="AP3" s="464"/>
      <c r="AQ3" s="464"/>
      <c r="AR3" s="464"/>
      <c r="AS3" s="464"/>
      <c r="AT3" s="465"/>
      <c r="AU3" s="479" t="s">
        <v>89</v>
      </c>
      <c r="AV3" s="480"/>
      <c r="AW3" s="480"/>
      <c r="AX3" s="480"/>
      <c r="AY3" s="480"/>
      <c r="AZ3" s="480"/>
      <c r="BA3" s="480"/>
      <c r="BB3" s="480"/>
      <c r="BC3" s="480"/>
      <c r="BD3" s="480"/>
      <c r="BE3" s="481"/>
      <c r="BF3" s="479" t="s">
        <v>91</v>
      </c>
      <c r="BG3" s="480"/>
      <c r="BH3" s="480"/>
      <c r="BI3" s="480"/>
      <c r="BJ3" s="480"/>
      <c r="BK3" s="480"/>
      <c r="BL3" s="480"/>
      <c r="BM3" s="480"/>
      <c r="BN3" s="480"/>
      <c r="BO3" s="480"/>
      <c r="BP3" s="481"/>
      <c r="BQ3" s="479" t="s">
        <v>92</v>
      </c>
      <c r="BR3" s="480"/>
      <c r="BS3" s="480"/>
      <c r="BT3" s="480"/>
      <c r="BU3" s="480"/>
      <c r="BV3" s="480"/>
      <c r="BW3" s="480"/>
      <c r="BX3" s="480"/>
      <c r="BY3" s="480"/>
      <c r="BZ3" s="480"/>
      <c r="CA3" s="481"/>
      <c r="CB3" s="479" t="s">
        <v>93</v>
      </c>
      <c r="CC3" s="480"/>
      <c r="CD3" s="480"/>
      <c r="CE3" s="480"/>
      <c r="CF3" s="480"/>
      <c r="CG3" s="480"/>
      <c r="CH3" s="480"/>
      <c r="CI3" s="480"/>
      <c r="CJ3" s="480"/>
      <c r="CK3" s="480"/>
      <c r="CL3" s="481"/>
      <c r="CM3" s="480" t="s">
        <v>137</v>
      </c>
      <c r="CN3" s="480"/>
      <c r="CO3" s="480"/>
      <c r="CP3" s="480"/>
      <c r="CQ3" s="480"/>
      <c r="CR3" s="480"/>
      <c r="CS3" s="480"/>
      <c r="CT3" s="480"/>
      <c r="CU3" s="480"/>
      <c r="CV3" s="480"/>
      <c r="CW3" s="481"/>
    </row>
    <row r="4" spans="2:101" ht="21" customHeight="1" x14ac:dyDescent="0.2">
      <c r="B4" s="467"/>
      <c r="C4" s="471" t="s">
        <v>61</v>
      </c>
      <c r="D4" s="472"/>
      <c r="E4" s="473"/>
      <c r="F4" s="474" t="s">
        <v>62</v>
      </c>
      <c r="G4" s="472"/>
      <c r="H4" s="472"/>
      <c r="I4" s="472"/>
      <c r="J4" s="472"/>
      <c r="K4" s="472"/>
      <c r="L4" s="475"/>
      <c r="M4" s="469" t="s">
        <v>52</v>
      </c>
      <c r="N4" s="471" t="s">
        <v>61</v>
      </c>
      <c r="O4" s="472"/>
      <c r="P4" s="473"/>
      <c r="Q4" s="474" t="s">
        <v>62</v>
      </c>
      <c r="R4" s="472"/>
      <c r="S4" s="472"/>
      <c r="T4" s="472"/>
      <c r="U4" s="472"/>
      <c r="V4" s="472"/>
      <c r="W4" s="473"/>
      <c r="X4" s="469" t="s">
        <v>52</v>
      </c>
      <c r="Y4" s="471" t="s">
        <v>61</v>
      </c>
      <c r="Z4" s="472"/>
      <c r="AA4" s="473"/>
      <c r="AB4" s="474" t="s">
        <v>62</v>
      </c>
      <c r="AC4" s="472"/>
      <c r="AD4" s="472"/>
      <c r="AE4" s="472"/>
      <c r="AF4" s="472"/>
      <c r="AG4" s="472"/>
      <c r="AH4" s="473"/>
      <c r="AI4" s="469" t="s">
        <v>52</v>
      </c>
      <c r="AJ4" s="471" t="s">
        <v>61</v>
      </c>
      <c r="AK4" s="472"/>
      <c r="AL4" s="473"/>
      <c r="AM4" s="474" t="s">
        <v>62</v>
      </c>
      <c r="AN4" s="472"/>
      <c r="AO4" s="472"/>
      <c r="AP4" s="472"/>
      <c r="AQ4" s="472"/>
      <c r="AR4" s="472"/>
      <c r="AS4" s="473"/>
      <c r="AT4" s="469" t="s">
        <v>52</v>
      </c>
      <c r="AU4" s="493" t="s">
        <v>61</v>
      </c>
      <c r="AV4" s="491"/>
      <c r="AW4" s="492"/>
      <c r="AX4" s="490" t="s">
        <v>62</v>
      </c>
      <c r="AY4" s="491"/>
      <c r="AZ4" s="491"/>
      <c r="BA4" s="491"/>
      <c r="BB4" s="491"/>
      <c r="BC4" s="491"/>
      <c r="BD4" s="492"/>
      <c r="BE4" s="488" t="s">
        <v>52</v>
      </c>
      <c r="BF4" s="493" t="s">
        <v>61</v>
      </c>
      <c r="BG4" s="491"/>
      <c r="BH4" s="492"/>
      <c r="BI4" s="490" t="s">
        <v>62</v>
      </c>
      <c r="BJ4" s="491"/>
      <c r="BK4" s="491"/>
      <c r="BL4" s="491"/>
      <c r="BM4" s="491"/>
      <c r="BN4" s="491"/>
      <c r="BO4" s="492"/>
      <c r="BP4" s="488" t="s">
        <v>52</v>
      </c>
      <c r="BQ4" s="493" t="s">
        <v>61</v>
      </c>
      <c r="BR4" s="491"/>
      <c r="BS4" s="492"/>
      <c r="BT4" s="490" t="s">
        <v>62</v>
      </c>
      <c r="BU4" s="491"/>
      <c r="BV4" s="491"/>
      <c r="BW4" s="491"/>
      <c r="BX4" s="491"/>
      <c r="BY4" s="491"/>
      <c r="BZ4" s="492"/>
      <c r="CA4" s="488" t="s">
        <v>52</v>
      </c>
      <c r="CB4" s="493" t="s">
        <v>61</v>
      </c>
      <c r="CC4" s="491"/>
      <c r="CD4" s="492"/>
      <c r="CE4" s="490" t="s">
        <v>62</v>
      </c>
      <c r="CF4" s="491"/>
      <c r="CG4" s="491"/>
      <c r="CH4" s="491"/>
      <c r="CI4" s="491"/>
      <c r="CJ4" s="491"/>
      <c r="CK4" s="492"/>
      <c r="CL4" s="488" t="s">
        <v>52</v>
      </c>
      <c r="CM4" s="493" t="s">
        <v>61</v>
      </c>
      <c r="CN4" s="491"/>
      <c r="CO4" s="492"/>
      <c r="CP4" s="490" t="s">
        <v>62</v>
      </c>
      <c r="CQ4" s="491"/>
      <c r="CR4" s="491"/>
      <c r="CS4" s="491"/>
      <c r="CT4" s="491"/>
      <c r="CU4" s="491"/>
      <c r="CV4" s="492"/>
      <c r="CW4" s="488" t="s">
        <v>52</v>
      </c>
    </row>
    <row r="5" spans="2:101" ht="30" customHeight="1" thickBot="1" x14ac:dyDescent="0.25">
      <c r="B5" s="468"/>
      <c r="C5" s="163" t="s">
        <v>43</v>
      </c>
      <c r="D5" s="168" t="s">
        <v>44</v>
      </c>
      <c r="E5" s="191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7" t="s">
        <v>45</v>
      </c>
      <c r="M5" s="470"/>
      <c r="N5" s="163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  <c r="Y5" s="163" t="s">
        <v>43</v>
      </c>
      <c r="Z5" s="164" t="s">
        <v>44</v>
      </c>
      <c r="AA5" s="168" t="s">
        <v>45</v>
      </c>
      <c r="AB5" s="166" t="s">
        <v>83</v>
      </c>
      <c r="AC5" s="164" t="s">
        <v>47</v>
      </c>
      <c r="AD5" s="164" t="s">
        <v>48</v>
      </c>
      <c r="AE5" s="164" t="s">
        <v>49</v>
      </c>
      <c r="AF5" s="164" t="s">
        <v>50</v>
      </c>
      <c r="AG5" s="164" t="s">
        <v>51</v>
      </c>
      <c r="AH5" s="168" t="s">
        <v>45</v>
      </c>
      <c r="AI5" s="470"/>
      <c r="AJ5" s="163" t="s">
        <v>43</v>
      </c>
      <c r="AK5" s="164" t="s">
        <v>44</v>
      </c>
      <c r="AL5" s="168" t="s">
        <v>45</v>
      </c>
      <c r="AM5" s="166" t="s">
        <v>83</v>
      </c>
      <c r="AN5" s="164" t="s">
        <v>47</v>
      </c>
      <c r="AO5" s="164" t="s">
        <v>48</v>
      </c>
      <c r="AP5" s="164" t="s">
        <v>49</v>
      </c>
      <c r="AQ5" s="164" t="s">
        <v>50</v>
      </c>
      <c r="AR5" s="164" t="s">
        <v>51</v>
      </c>
      <c r="AS5" s="168" t="s">
        <v>45</v>
      </c>
      <c r="AT5" s="470"/>
      <c r="AU5" s="163" t="s">
        <v>43</v>
      </c>
      <c r="AV5" s="164" t="s">
        <v>44</v>
      </c>
      <c r="AW5" s="168" t="s">
        <v>45</v>
      </c>
      <c r="AX5" s="166" t="s">
        <v>83</v>
      </c>
      <c r="AY5" s="164" t="s">
        <v>47</v>
      </c>
      <c r="AZ5" s="164" t="s">
        <v>48</v>
      </c>
      <c r="BA5" s="164" t="s">
        <v>49</v>
      </c>
      <c r="BB5" s="164" t="s">
        <v>50</v>
      </c>
      <c r="BC5" s="164" t="s">
        <v>51</v>
      </c>
      <c r="BD5" s="168" t="s">
        <v>45</v>
      </c>
      <c r="BE5" s="489"/>
      <c r="BF5" s="163" t="s">
        <v>43</v>
      </c>
      <c r="BG5" s="164" t="s">
        <v>44</v>
      </c>
      <c r="BH5" s="168" t="s">
        <v>45</v>
      </c>
      <c r="BI5" s="166" t="s">
        <v>83</v>
      </c>
      <c r="BJ5" s="164" t="s">
        <v>47</v>
      </c>
      <c r="BK5" s="164" t="s">
        <v>48</v>
      </c>
      <c r="BL5" s="164" t="s">
        <v>49</v>
      </c>
      <c r="BM5" s="164" t="s">
        <v>50</v>
      </c>
      <c r="BN5" s="164" t="s">
        <v>51</v>
      </c>
      <c r="BO5" s="168" t="s">
        <v>45</v>
      </c>
      <c r="BP5" s="489"/>
      <c r="BQ5" s="163" t="s">
        <v>43</v>
      </c>
      <c r="BR5" s="164" t="s">
        <v>44</v>
      </c>
      <c r="BS5" s="168" t="s">
        <v>45</v>
      </c>
      <c r="BT5" s="166" t="s">
        <v>83</v>
      </c>
      <c r="BU5" s="164" t="s">
        <v>47</v>
      </c>
      <c r="BV5" s="164" t="s">
        <v>48</v>
      </c>
      <c r="BW5" s="164" t="s">
        <v>49</v>
      </c>
      <c r="BX5" s="164" t="s">
        <v>50</v>
      </c>
      <c r="BY5" s="164" t="s">
        <v>51</v>
      </c>
      <c r="BZ5" s="168" t="s">
        <v>45</v>
      </c>
      <c r="CA5" s="489"/>
      <c r="CB5" s="163" t="s">
        <v>43</v>
      </c>
      <c r="CC5" s="164" t="s">
        <v>44</v>
      </c>
      <c r="CD5" s="168" t="s">
        <v>45</v>
      </c>
      <c r="CE5" s="166" t="s">
        <v>83</v>
      </c>
      <c r="CF5" s="164" t="s">
        <v>47</v>
      </c>
      <c r="CG5" s="164" t="s">
        <v>48</v>
      </c>
      <c r="CH5" s="164" t="s">
        <v>49</v>
      </c>
      <c r="CI5" s="164" t="s">
        <v>50</v>
      </c>
      <c r="CJ5" s="164" t="s">
        <v>51</v>
      </c>
      <c r="CK5" s="168" t="s">
        <v>45</v>
      </c>
      <c r="CL5" s="489"/>
      <c r="CM5" s="163" t="s">
        <v>43</v>
      </c>
      <c r="CN5" s="164" t="s">
        <v>44</v>
      </c>
      <c r="CO5" s="168" t="s">
        <v>45</v>
      </c>
      <c r="CP5" s="166" t="s">
        <v>83</v>
      </c>
      <c r="CQ5" s="164" t="s">
        <v>47</v>
      </c>
      <c r="CR5" s="164" t="s">
        <v>48</v>
      </c>
      <c r="CS5" s="164" t="s">
        <v>49</v>
      </c>
      <c r="CT5" s="164" t="s">
        <v>50</v>
      </c>
      <c r="CU5" s="164" t="s">
        <v>51</v>
      </c>
      <c r="CV5" s="168" t="s">
        <v>45</v>
      </c>
      <c r="CW5" s="489"/>
    </row>
    <row r="6" spans="2:101" ht="21" customHeight="1" x14ac:dyDescent="0.2">
      <c r="B6" s="70" t="s">
        <v>4</v>
      </c>
      <c r="C6" s="169">
        <v>0</v>
      </c>
      <c r="D6" s="175">
        <v>0</v>
      </c>
      <c r="E6" s="192">
        <v>0</v>
      </c>
      <c r="F6" s="172">
        <v>0</v>
      </c>
      <c r="G6" s="170">
        <v>17</v>
      </c>
      <c r="H6" s="170">
        <v>38</v>
      </c>
      <c r="I6" s="170">
        <v>24</v>
      </c>
      <c r="J6" s="170">
        <v>27</v>
      </c>
      <c r="K6" s="170">
        <v>23</v>
      </c>
      <c r="L6" s="173">
        <v>129</v>
      </c>
      <c r="M6" s="174">
        <v>129</v>
      </c>
      <c r="N6" s="169">
        <v>0</v>
      </c>
      <c r="O6" s="170">
        <v>0</v>
      </c>
      <c r="P6" s="175">
        <v>0</v>
      </c>
      <c r="Q6" s="172">
        <v>0</v>
      </c>
      <c r="R6" s="170">
        <v>16</v>
      </c>
      <c r="S6" s="170">
        <v>34</v>
      </c>
      <c r="T6" s="170">
        <v>24</v>
      </c>
      <c r="U6" s="170">
        <v>26</v>
      </c>
      <c r="V6" s="170">
        <v>30</v>
      </c>
      <c r="W6" s="175">
        <v>130</v>
      </c>
      <c r="X6" s="174">
        <v>130</v>
      </c>
      <c r="Y6" s="169">
        <v>0</v>
      </c>
      <c r="Z6" s="170">
        <v>0</v>
      </c>
      <c r="AA6" s="175">
        <v>0</v>
      </c>
      <c r="AB6" s="172">
        <v>0</v>
      </c>
      <c r="AC6" s="170">
        <v>917</v>
      </c>
      <c r="AD6" s="170">
        <v>804</v>
      </c>
      <c r="AE6" s="170">
        <v>346</v>
      </c>
      <c r="AF6" s="170">
        <v>165</v>
      </c>
      <c r="AG6" s="170">
        <v>62</v>
      </c>
      <c r="AH6" s="175">
        <v>2294</v>
      </c>
      <c r="AI6" s="174">
        <v>2294</v>
      </c>
      <c r="AJ6" s="169">
        <v>1</v>
      </c>
      <c r="AK6" s="170">
        <v>0</v>
      </c>
      <c r="AL6" s="175">
        <v>1</v>
      </c>
      <c r="AM6" s="172">
        <v>0</v>
      </c>
      <c r="AN6" s="170">
        <v>45</v>
      </c>
      <c r="AO6" s="170">
        <v>63</v>
      </c>
      <c r="AP6" s="170">
        <v>59</v>
      </c>
      <c r="AQ6" s="170">
        <v>23</v>
      </c>
      <c r="AR6" s="170">
        <v>33</v>
      </c>
      <c r="AS6" s="175">
        <v>223</v>
      </c>
      <c r="AT6" s="174">
        <v>224</v>
      </c>
      <c r="AU6" s="169">
        <v>7</v>
      </c>
      <c r="AV6" s="170">
        <v>21</v>
      </c>
      <c r="AW6" s="175">
        <v>28</v>
      </c>
      <c r="AX6" s="172">
        <v>0</v>
      </c>
      <c r="AY6" s="170">
        <v>69</v>
      </c>
      <c r="AZ6" s="170">
        <v>63</v>
      </c>
      <c r="BA6" s="170">
        <v>64</v>
      </c>
      <c r="BB6" s="170">
        <v>37</v>
      </c>
      <c r="BC6" s="170">
        <v>18</v>
      </c>
      <c r="BD6" s="175">
        <v>251</v>
      </c>
      <c r="BE6" s="174">
        <v>279</v>
      </c>
      <c r="BF6" s="169">
        <v>0</v>
      </c>
      <c r="BG6" s="170">
        <v>1</v>
      </c>
      <c r="BH6" s="175">
        <v>1</v>
      </c>
      <c r="BI6" s="172">
        <v>0</v>
      </c>
      <c r="BJ6" s="170">
        <v>80</v>
      </c>
      <c r="BK6" s="170">
        <v>125</v>
      </c>
      <c r="BL6" s="170">
        <v>142</v>
      </c>
      <c r="BM6" s="170">
        <v>86</v>
      </c>
      <c r="BN6" s="170">
        <v>79</v>
      </c>
      <c r="BO6" s="173">
        <v>512</v>
      </c>
      <c r="BP6" s="174">
        <v>513</v>
      </c>
      <c r="BQ6" s="169">
        <v>0</v>
      </c>
      <c r="BR6" s="170">
        <v>0</v>
      </c>
      <c r="BS6" s="175">
        <v>0</v>
      </c>
      <c r="BT6" s="172">
        <v>0</v>
      </c>
      <c r="BU6" s="170">
        <v>1</v>
      </c>
      <c r="BV6" s="170">
        <v>2</v>
      </c>
      <c r="BW6" s="170">
        <v>9</v>
      </c>
      <c r="BX6" s="170">
        <v>5</v>
      </c>
      <c r="BY6" s="170">
        <v>6</v>
      </c>
      <c r="BZ6" s="175">
        <v>23</v>
      </c>
      <c r="CA6" s="174">
        <v>23</v>
      </c>
      <c r="CB6" s="169">
        <v>0</v>
      </c>
      <c r="CC6" s="170">
        <v>0</v>
      </c>
      <c r="CD6" s="175">
        <v>0</v>
      </c>
      <c r="CE6" s="172">
        <v>0</v>
      </c>
      <c r="CF6" s="170">
        <v>0</v>
      </c>
      <c r="CG6" s="170">
        <v>1</v>
      </c>
      <c r="CH6" s="170">
        <v>9</v>
      </c>
      <c r="CI6" s="170">
        <v>26</v>
      </c>
      <c r="CJ6" s="170">
        <v>6</v>
      </c>
      <c r="CK6" s="175">
        <v>42</v>
      </c>
      <c r="CL6" s="174">
        <v>42</v>
      </c>
      <c r="CM6" s="169">
        <v>0</v>
      </c>
      <c r="CN6" s="170">
        <v>0</v>
      </c>
      <c r="CO6" s="175">
        <v>0</v>
      </c>
      <c r="CP6" s="172">
        <v>0</v>
      </c>
      <c r="CQ6" s="170">
        <v>16</v>
      </c>
      <c r="CR6" s="170">
        <v>23</v>
      </c>
      <c r="CS6" s="170">
        <v>12</v>
      </c>
      <c r="CT6" s="170">
        <v>20</v>
      </c>
      <c r="CU6" s="170">
        <v>36</v>
      </c>
      <c r="CV6" s="175">
        <v>107</v>
      </c>
      <c r="CW6" s="174">
        <v>107</v>
      </c>
    </row>
    <row r="7" spans="2:101" ht="21" customHeight="1" x14ac:dyDescent="0.2">
      <c r="B7" s="81" t="s">
        <v>5</v>
      </c>
      <c r="C7" s="176">
        <v>0</v>
      </c>
      <c r="D7" s="182">
        <v>0</v>
      </c>
      <c r="E7" s="193">
        <v>0</v>
      </c>
      <c r="F7" s="179">
        <v>0</v>
      </c>
      <c r="G7" s="177">
        <v>7</v>
      </c>
      <c r="H7" s="177">
        <v>15</v>
      </c>
      <c r="I7" s="177">
        <v>14</v>
      </c>
      <c r="J7" s="177">
        <v>11</v>
      </c>
      <c r="K7" s="177">
        <v>9</v>
      </c>
      <c r="L7" s="180">
        <v>56</v>
      </c>
      <c r="M7" s="181">
        <v>56</v>
      </c>
      <c r="N7" s="176">
        <v>0</v>
      </c>
      <c r="O7" s="177">
        <v>0</v>
      </c>
      <c r="P7" s="182">
        <v>0</v>
      </c>
      <c r="Q7" s="179">
        <v>0</v>
      </c>
      <c r="R7" s="177">
        <v>10</v>
      </c>
      <c r="S7" s="177">
        <v>27</v>
      </c>
      <c r="T7" s="177">
        <v>18</v>
      </c>
      <c r="U7" s="177">
        <v>19</v>
      </c>
      <c r="V7" s="177">
        <v>23</v>
      </c>
      <c r="W7" s="182">
        <v>97</v>
      </c>
      <c r="X7" s="181">
        <v>97</v>
      </c>
      <c r="Y7" s="176">
        <v>0</v>
      </c>
      <c r="Z7" s="177">
        <v>0</v>
      </c>
      <c r="AA7" s="182">
        <v>0</v>
      </c>
      <c r="AB7" s="179">
        <v>0</v>
      </c>
      <c r="AC7" s="177">
        <v>387</v>
      </c>
      <c r="AD7" s="177">
        <v>422</v>
      </c>
      <c r="AE7" s="177">
        <v>185</v>
      </c>
      <c r="AF7" s="177">
        <v>75</v>
      </c>
      <c r="AG7" s="177">
        <v>24</v>
      </c>
      <c r="AH7" s="182">
        <v>1093</v>
      </c>
      <c r="AI7" s="181">
        <v>1093</v>
      </c>
      <c r="AJ7" s="176">
        <v>0</v>
      </c>
      <c r="AK7" s="177">
        <v>0</v>
      </c>
      <c r="AL7" s="182">
        <v>0</v>
      </c>
      <c r="AM7" s="179">
        <v>0</v>
      </c>
      <c r="AN7" s="177">
        <v>20</v>
      </c>
      <c r="AO7" s="177">
        <v>33</v>
      </c>
      <c r="AP7" s="177">
        <v>29</v>
      </c>
      <c r="AQ7" s="177">
        <v>11</v>
      </c>
      <c r="AR7" s="177">
        <v>24</v>
      </c>
      <c r="AS7" s="182">
        <v>117</v>
      </c>
      <c r="AT7" s="181">
        <v>117</v>
      </c>
      <c r="AU7" s="176">
        <v>3</v>
      </c>
      <c r="AV7" s="177">
        <v>11</v>
      </c>
      <c r="AW7" s="182">
        <v>14</v>
      </c>
      <c r="AX7" s="179">
        <v>0</v>
      </c>
      <c r="AY7" s="177">
        <v>31</v>
      </c>
      <c r="AZ7" s="177">
        <v>25</v>
      </c>
      <c r="BA7" s="177">
        <v>34</v>
      </c>
      <c r="BB7" s="177">
        <v>22</v>
      </c>
      <c r="BC7" s="177">
        <v>9</v>
      </c>
      <c r="BD7" s="182">
        <v>121</v>
      </c>
      <c r="BE7" s="181">
        <v>135</v>
      </c>
      <c r="BF7" s="176">
        <v>0</v>
      </c>
      <c r="BG7" s="177">
        <v>0</v>
      </c>
      <c r="BH7" s="182">
        <v>0</v>
      </c>
      <c r="BI7" s="179">
        <v>0</v>
      </c>
      <c r="BJ7" s="177">
        <v>35</v>
      </c>
      <c r="BK7" s="177">
        <v>50</v>
      </c>
      <c r="BL7" s="177">
        <v>54</v>
      </c>
      <c r="BM7" s="177">
        <v>33</v>
      </c>
      <c r="BN7" s="177">
        <v>33</v>
      </c>
      <c r="BO7" s="180">
        <v>205</v>
      </c>
      <c r="BP7" s="181">
        <v>205</v>
      </c>
      <c r="BQ7" s="176">
        <v>0</v>
      </c>
      <c r="BR7" s="177">
        <v>0</v>
      </c>
      <c r="BS7" s="182">
        <v>0</v>
      </c>
      <c r="BT7" s="179">
        <v>0</v>
      </c>
      <c r="BU7" s="177">
        <v>0</v>
      </c>
      <c r="BV7" s="177">
        <v>0</v>
      </c>
      <c r="BW7" s="177">
        <v>0</v>
      </c>
      <c r="BX7" s="177">
        <v>0</v>
      </c>
      <c r="BY7" s="177">
        <v>0</v>
      </c>
      <c r="BZ7" s="182">
        <v>0</v>
      </c>
      <c r="CA7" s="181">
        <v>0</v>
      </c>
      <c r="CB7" s="176">
        <v>0</v>
      </c>
      <c r="CC7" s="177">
        <v>0</v>
      </c>
      <c r="CD7" s="182">
        <v>0</v>
      </c>
      <c r="CE7" s="179">
        <v>0</v>
      </c>
      <c r="CF7" s="177">
        <v>0</v>
      </c>
      <c r="CG7" s="177">
        <v>0</v>
      </c>
      <c r="CH7" s="177">
        <v>0</v>
      </c>
      <c r="CI7" s="177">
        <v>1</v>
      </c>
      <c r="CJ7" s="177">
        <v>0</v>
      </c>
      <c r="CK7" s="182">
        <v>1</v>
      </c>
      <c r="CL7" s="181">
        <v>1</v>
      </c>
      <c r="CM7" s="176">
        <v>0</v>
      </c>
      <c r="CN7" s="177">
        <v>0</v>
      </c>
      <c r="CO7" s="182">
        <v>0</v>
      </c>
      <c r="CP7" s="179">
        <v>0</v>
      </c>
      <c r="CQ7" s="177">
        <v>1</v>
      </c>
      <c r="CR7" s="177">
        <v>5</v>
      </c>
      <c r="CS7" s="177">
        <v>1</v>
      </c>
      <c r="CT7" s="177">
        <v>9</v>
      </c>
      <c r="CU7" s="177">
        <v>11</v>
      </c>
      <c r="CV7" s="182">
        <v>27</v>
      </c>
      <c r="CW7" s="181">
        <v>27</v>
      </c>
    </row>
    <row r="8" spans="2:101" ht="21" customHeight="1" x14ac:dyDescent="0.2">
      <c r="B8" s="92" t="s">
        <v>6</v>
      </c>
      <c r="C8" s="176">
        <v>0</v>
      </c>
      <c r="D8" s="182">
        <v>0</v>
      </c>
      <c r="E8" s="193">
        <v>0</v>
      </c>
      <c r="F8" s="179">
        <v>0</v>
      </c>
      <c r="G8" s="177">
        <v>7</v>
      </c>
      <c r="H8" s="177">
        <v>10</v>
      </c>
      <c r="I8" s="177">
        <v>4</v>
      </c>
      <c r="J8" s="177">
        <v>10</v>
      </c>
      <c r="K8" s="177">
        <v>8</v>
      </c>
      <c r="L8" s="180">
        <v>39</v>
      </c>
      <c r="M8" s="181">
        <v>39</v>
      </c>
      <c r="N8" s="176">
        <v>0</v>
      </c>
      <c r="O8" s="177">
        <v>0</v>
      </c>
      <c r="P8" s="182">
        <v>0</v>
      </c>
      <c r="Q8" s="179">
        <v>0</v>
      </c>
      <c r="R8" s="177">
        <v>6</v>
      </c>
      <c r="S8" s="177">
        <v>5</v>
      </c>
      <c r="T8" s="177">
        <v>6</v>
      </c>
      <c r="U8" s="177">
        <v>5</v>
      </c>
      <c r="V8" s="177">
        <v>7</v>
      </c>
      <c r="W8" s="182">
        <v>29</v>
      </c>
      <c r="X8" s="181">
        <v>29</v>
      </c>
      <c r="Y8" s="176">
        <v>0</v>
      </c>
      <c r="Z8" s="177">
        <v>0</v>
      </c>
      <c r="AA8" s="182">
        <v>0</v>
      </c>
      <c r="AB8" s="179">
        <v>0</v>
      </c>
      <c r="AC8" s="177">
        <v>139</v>
      </c>
      <c r="AD8" s="177">
        <v>98</v>
      </c>
      <c r="AE8" s="177">
        <v>44</v>
      </c>
      <c r="AF8" s="177">
        <v>34</v>
      </c>
      <c r="AG8" s="177">
        <v>8</v>
      </c>
      <c r="AH8" s="182">
        <v>323</v>
      </c>
      <c r="AI8" s="181">
        <v>323</v>
      </c>
      <c r="AJ8" s="176">
        <v>0</v>
      </c>
      <c r="AK8" s="177">
        <v>0</v>
      </c>
      <c r="AL8" s="182">
        <v>0</v>
      </c>
      <c r="AM8" s="179">
        <v>0</v>
      </c>
      <c r="AN8" s="177">
        <v>9</v>
      </c>
      <c r="AO8" s="177">
        <v>16</v>
      </c>
      <c r="AP8" s="177">
        <v>18</v>
      </c>
      <c r="AQ8" s="177">
        <v>7</v>
      </c>
      <c r="AR8" s="177">
        <v>7</v>
      </c>
      <c r="AS8" s="182">
        <v>57</v>
      </c>
      <c r="AT8" s="181">
        <v>57</v>
      </c>
      <c r="AU8" s="176">
        <v>1</v>
      </c>
      <c r="AV8" s="177">
        <v>4</v>
      </c>
      <c r="AW8" s="182">
        <v>5</v>
      </c>
      <c r="AX8" s="179">
        <v>0</v>
      </c>
      <c r="AY8" s="177">
        <v>8</v>
      </c>
      <c r="AZ8" s="177">
        <v>10</v>
      </c>
      <c r="BA8" s="177">
        <v>8</v>
      </c>
      <c r="BB8" s="177">
        <v>5</v>
      </c>
      <c r="BC8" s="177">
        <v>2</v>
      </c>
      <c r="BD8" s="182">
        <v>33</v>
      </c>
      <c r="BE8" s="181">
        <v>38</v>
      </c>
      <c r="BF8" s="176">
        <v>0</v>
      </c>
      <c r="BG8" s="177">
        <v>0</v>
      </c>
      <c r="BH8" s="182">
        <v>0</v>
      </c>
      <c r="BI8" s="179">
        <v>0</v>
      </c>
      <c r="BJ8" s="177">
        <v>16</v>
      </c>
      <c r="BK8" s="177">
        <v>31</v>
      </c>
      <c r="BL8" s="177">
        <v>28</v>
      </c>
      <c r="BM8" s="177">
        <v>19</v>
      </c>
      <c r="BN8" s="177">
        <v>15</v>
      </c>
      <c r="BO8" s="180">
        <v>109</v>
      </c>
      <c r="BP8" s="181">
        <v>109</v>
      </c>
      <c r="BQ8" s="176">
        <v>0</v>
      </c>
      <c r="BR8" s="177">
        <v>0</v>
      </c>
      <c r="BS8" s="182">
        <v>0</v>
      </c>
      <c r="BT8" s="179">
        <v>0</v>
      </c>
      <c r="BU8" s="177">
        <v>0</v>
      </c>
      <c r="BV8" s="177">
        <v>0</v>
      </c>
      <c r="BW8" s="177">
        <v>0</v>
      </c>
      <c r="BX8" s="177">
        <v>0</v>
      </c>
      <c r="BY8" s="177">
        <v>0</v>
      </c>
      <c r="BZ8" s="182">
        <v>0</v>
      </c>
      <c r="CA8" s="181">
        <v>0</v>
      </c>
      <c r="CB8" s="176">
        <v>0</v>
      </c>
      <c r="CC8" s="177">
        <v>0</v>
      </c>
      <c r="CD8" s="182">
        <v>0</v>
      </c>
      <c r="CE8" s="179">
        <v>0</v>
      </c>
      <c r="CF8" s="177">
        <v>0</v>
      </c>
      <c r="CG8" s="177">
        <v>1</v>
      </c>
      <c r="CH8" s="177">
        <v>5</v>
      </c>
      <c r="CI8" s="177">
        <v>10</v>
      </c>
      <c r="CJ8" s="177">
        <v>2</v>
      </c>
      <c r="CK8" s="182">
        <v>18</v>
      </c>
      <c r="CL8" s="181">
        <v>18</v>
      </c>
      <c r="CM8" s="176">
        <v>0</v>
      </c>
      <c r="CN8" s="177">
        <v>0</v>
      </c>
      <c r="CO8" s="182">
        <v>0</v>
      </c>
      <c r="CP8" s="179">
        <v>0</v>
      </c>
      <c r="CQ8" s="177">
        <v>7</v>
      </c>
      <c r="CR8" s="177">
        <v>8</v>
      </c>
      <c r="CS8" s="177">
        <v>7</v>
      </c>
      <c r="CT8" s="177">
        <v>4</v>
      </c>
      <c r="CU8" s="177">
        <v>13</v>
      </c>
      <c r="CV8" s="182">
        <v>39</v>
      </c>
      <c r="CW8" s="181">
        <v>39</v>
      </c>
    </row>
    <row r="9" spans="2:101" ht="21" customHeight="1" x14ac:dyDescent="0.2">
      <c r="B9" s="92" t="s">
        <v>14</v>
      </c>
      <c r="C9" s="176">
        <v>0</v>
      </c>
      <c r="D9" s="182">
        <v>0</v>
      </c>
      <c r="E9" s="193">
        <v>0</v>
      </c>
      <c r="F9" s="179">
        <v>0</v>
      </c>
      <c r="G9" s="177">
        <v>0</v>
      </c>
      <c r="H9" s="177">
        <v>3</v>
      </c>
      <c r="I9" s="177">
        <v>1</v>
      </c>
      <c r="J9" s="177">
        <v>0</v>
      </c>
      <c r="K9" s="177">
        <v>1</v>
      </c>
      <c r="L9" s="180">
        <v>5</v>
      </c>
      <c r="M9" s="181">
        <v>5</v>
      </c>
      <c r="N9" s="176">
        <v>0</v>
      </c>
      <c r="O9" s="177">
        <v>0</v>
      </c>
      <c r="P9" s="182">
        <v>0</v>
      </c>
      <c r="Q9" s="179">
        <v>0</v>
      </c>
      <c r="R9" s="177">
        <v>0</v>
      </c>
      <c r="S9" s="177">
        <v>0</v>
      </c>
      <c r="T9" s="177">
        <v>0</v>
      </c>
      <c r="U9" s="177">
        <v>0</v>
      </c>
      <c r="V9" s="177">
        <v>0</v>
      </c>
      <c r="W9" s="182">
        <v>0</v>
      </c>
      <c r="X9" s="181">
        <v>0</v>
      </c>
      <c r="Y9" s="176">
        <v>0</v>
      </c>
      <c r="Z9" s="177">
        <v>0</v>
      </c>
      <c r="AA9" s="182">
        <v>0</v>
      </c>
      <c r="AB9" s="179">
        <v>0</v>
      </c>
      <c r="AC9" s="177">
        <v>52</v>
      </c>
      <c r="AD9" s="177">
        <v>61</v>
      </c>
      <c r="AE9" s="177">
        <v>23</v>
      </c>
      <c r="AF9" s="177">
        <v>8</v>
      </c>
      <c r="AG9" s="177">
        <v>6</v>
      </c>
      <c r="AH9" s="182">
        <v>150</v>
      </c>
      <c r="AI9" s="181">
        <v>150</v>
      </c>
      <c r="AJ9" s="176">
        <v>0</v>
      </c>
      <c r="AK9" s="177">
        <v>0</v>
      </c>
      <c r="AL9" s="182">
        <v>0</v>
      </c>
      <c r="AM9" s="179">
        <v>0</v>
      </c>
      <c r="AN9" s="177">
        <v>0</v>
      </c>
      <c r="AO9" s="177">
        <v>2</v>
      </c>
      <c r="AP9" s="177">
        <v>0</v>
      </c>
      <c r="AQ9" s="177">
        <v>2</v>
      </c>
      <c r="AR9" s="177">
        <v>0</v>
      </c>
      <c r="AS9" s="182">
        <v>4</v>
      </c>
      <c r="AT9" s="181">
        <v>4</v>
      </c>
      <c r="AU9" s="176">
        <v>2</v>
      </c>
      <c r="AV9" s="177">
        <v>0</v>
      </c>
      <c r="AW9" s="182">
        <v>2</v>
      </c>
      <c r="AX9" s="179">
        <v>0</v>
      </c>
      <c r="AY9" s="177">
        <v>5</v>
      </c>
      <c r="AZ9" s="177">
        <v>7</v>
      </c>
      <c r="BA9" s="177">
        <v>5</v>
      </c>
      <c r="BB9" s="177">
        <v>2</v>
      </c>
      <c r="BC9" s="177">
        <v>1</v>
      </c>
      <c r="BD9" s="182">
        <v>20</v>
      </c>
      <c r="BE9" s="181">
        <v>22</v>
      </c>
      <c r="BF9" s="176">
        <v>0</v>
      </c>
      <c r="BG9" s="177">
        <v>0</v>
      </c>
      <c r="BH9" s="182">
        <v>0</v>
      </c>
      <c r="BI9" s="179">
        <v>0</v>
      </c>
      <c r="BJ9" s="177">
        <v>7</v>
      </c>
      <c r="BK9" s="177">
        <v>6</v>
      </c>
      <c r="BL9" s="177">
        <v>14</v>
      </c>
      <c r="BM9" s="177">
        <v>5</v>
      </c>
      <c r="BN9" s="177">
        <v>6</v>
      </c>
      <c r="BO9" s="180">
        <v>38</v>
      </c>
      <c r="BP9" s="181">
        <v>38</v>
      </c>
      <c r="BQ9" s="176">
        <v>0</v>
      </c>
      <c r="BR9" s="177">
        <v>0</v>
      </c>
      <c r="BS9" s="182">
        <v>0</v>
      </c>
      <c r="BT9" s="179">
        <v>0</v>
      </c>
      <c r="BU9" s="177">
        <v>0</v>
      </c>
      <c r="BV9" s="177">
        <v>0</v>
      </c>
      <c r="BW9" s="177">
        <v>0</v>
      </c>
      <c r="BX9" s="177">
        <v>0</v>
      </c>
      <c r="BY9" s="177">
        <v>0</v>
      </c>
      <c r="BZ9" s="182">
        <v>0</v>
      </c>
      <c r="CA9" s="181">
        <v>0</v>
      </c>
      <c r="CB9" s="176">
        <v>0</v>
      </c>
      <c r="CC9" s="177">
        <v>0</v>
      </c>
      <c r="CD9" s="182">
        <v>0</v>
      </c>
      <c r="CE9" s="179">
        <v>0</v>
      </c>
      <c r="CF9" s="177">
        <v>0</v>
      </c>
      <c r="CG9" s="177">
        <v>0</v>
      </c>
      <c r="CH9" s="177">
        <v>0</v>
      </c>
      <c r="CI9" s="177">
        <v>4</v>
      </c>
      <c r="CJ9" s="177">
        <v>0</v>
      </c>
      <c r="CK9" s="182">
        <v>4</v>
      </c>
      <c r="CL9" s="181">
        <v>4</v>
      </c>
      <c r="CM9" s="176">
        <v>0</v>
      </c>
      <c r="CN9" s="177">
        <v>0</v>
      </c>
      <c r="CO9" s="182">
        <v>0</v>
      </c>
      <c r="CP9" s="179">
        <v>0</v>
      </c>
      <c r="CQ9" s="177">
        <v>2</v>
      </c>
      <c r="CR9" s="177">
        <v>2</v>
      </c>
      <c r="CS9" s="177">
        <v>0</v>
      </c>
      <c r="CT9" s="177">
        <v>2</v>
      </c>
      <c r="CU9" s="177">
        <v>2</v>
      </c>
      <c r="CV9" s="182">
        <v>8</v>
      </c>
      <c r="CW9" s="181">
        <v>8</v>
      </c>
    </row>
    <row r="10" spans="2:101" ht="21" customHeight="1" x14ac:dyDescent="0.2">
      <c r="B10" s="92" t="s">
        <v>7</v>
      </c>
      <c r="C10" s="176">
        <v>0</v>
      </c>
      <c r="D10" s="182">
        <v>0</v>
      </c>
      <c r="E10" s="193">
        <v>0</v>
      </c>
      <c r="F10" s="179">
        <v>0</v>
      </c>
      <c r="G10" s="177">
        <v>0</v>
      </c>
      <c r="H10" s="177">
        <v>1</v>
      </c>
      <c r="I10" s="177">
        <v>0</v>
      </c>
      <c r="J10" s="177">
        <v>0</v>
      </c>
      <c r="K10" s="177">
        <v>1</v>
      </c>
      <c r="L10" s="180">
        <v>2</v>
      </c>
      <c r="M10" s="181">
        <v>2</v>
      </c>
      <c r="N10" s="176">
        <v>0</v>
      </c>
      <c r="O10" s="177">
        <v>0</v>
      </c>
      <c r="P10" s="182">
        <v>0</v>
      </c>
      <c r="Q10" s="179">
        <v>0</v>
      </c>
      <c r="R10" s="177">
        <v>0</v>
      </c>
      <c r="S10" s="177">
        <v>0</v>
      </c>
      <c r="T10" s="177">
        <v>0</v>
      </c>
      <c r="U10" s="177">
        <v>0</v>
      </c>
      <c r="V10" s="177">
        <v>0</v>
      </c>
      <c r="W10" s="182">
        <v>0</v>
      </c>
      <c r="X10" s="181">
        <v>0</v>
      </c>
      <c r="Y10" s="176">
        <v>0</v>
      </c>
      <c r="Z10" s="177">
        <v>0</v>
      </c>
      <c r="AA10" s="182">
        <v>0</v>
      </c>
      <c r="AB10" s="179">
        <v>0</v>
      </c>
      <c r="AC10" s="177">
        <v>44</v>
      </c>
      <c r="AD10" s="177">
        <v>17</v>
      </c>
      <c r="AE10" s="177">
        <v>9</v>
      </c>
      <c r="AF10" s="177">
        <v>5</v>
      </c>
      <c r="AG10" s="177">
        <v>2</v>
      </c>
      <c r="AH10" s="182">
        <v>77</v>
      </c>
      <c r="AI10" s="181">
        <v>77</v>
      </c>
      <c r="AJ10" s="176">
        <v>0</v>
      </c>
      <c r="AK10" s="177">
        <v>0</v>
      </c>
      <c r="AL10" s="182">
        <v>0</v>
      </c>
      <c r="AM10" s="179">
        <v>0</v>
      </c>
      <c r="AN10" s="177">
        <v>3</v>
      </c>
      <c r="AO10" s="177">
        <v>2</v>
      </c>
      <c r="AP10" s="177">
        <v>5</v>
      </c>
      <c r="AQ10" s="177">
        <v>1</v>
      </c>
      <c r="AR10" s="177">
        <v>0</v>
      </c>
      <c r="AS10" s="182">
        <v>11</v>
      </c>
      <c r="AT10" s="181">
        <v>11</v>
      </c>
      <c r="AU10" s="176">
        <v>0</v>
      </c>
      <c r="AV10" s="177">
        <v>0</v>
      </c>
      <c r="AW10" s="182">
        <v>0</v>
      </c>
      <c r="AX10" s="179">
        <v>0</v>
      </c>
      <c r="AY10" s="177">
        <v>2</v>
      </c>
      <c r="AZ10" s="177">
        <v>1</v>
      </c>
      <c r="BA10" s="177">
        <v>1</v>
      </c>
      <c r="BB10" s="177">
        <v>0</v>
      </c>
      <c r="BC10" s="177">
        <v>0</v>
      </c>
      <c r="BD10" s="182">
        <v>4</v>
      </c>
      <c r="BE10" s="181">
        <v>4</v>
      </c>
      <c r="BF10" s="176">
        <v>0</v>
      </c>
      <c r="BG10" s="177">
        <v>0</v>
      </c>
      <c r="BH10" s="182">
        <v>0</v>
      </c>
      <c r="BI10" s="179">
        <v>0</v>
      </c>
      <c r="BJ10" s="177">
        <v>3</v>
      </c>
      <c r="BK10" s="177">
        <v>5</v>
      </c>
      <c r="BL10" s="177">
        <v>4</v>
      </c>
      <c r="BM10" s="177">
        <v>4</v>
      </c>
      <c r="BN10" s="177">
        <v>4</v>
      </c>
      <c r="BO10" s="180">
        <v>20</v>
      </c>
      <c r="BP10" s="181">
        <v>20</v>
      </c>
      <c r="BQ10" s="176">
        <v>0</v>
      </c>
      <c r="BR10" s="177">
        <v>0</v>
      </c>
      <c r="BS10" s="182">
        <v>0</v>
      </c>
      <c r="BT10" s="179">
        <v>0</v>
      </c>
      <c r="BU10" s="177">
        <v>0</v>
      </c>
      <c r="BV10" s="177">
        <v>0</v>
      </c>
      <c r="BW10" s="177">
        <v>0</v>
      </c>
      <c r="BX10" s="177">
        <v>0</v>
      </c>
      <c r="BY10" s="177">
        <v>0</v>
      </c>
      <c r="BZ10" s="182">
        <v>0</v>
      </c>
      <c r="CA10" s="181">
        <v>0</v>
      </c>
      <c r="CB10" s="176">
        <v>0</v>
      </c>
      <c r="CC10" s="177">
        <v>0</v>
      </c>
      <c r="CD10" s="182">
        <v>0</v>
      </c>
      <c r="CE10" s="179">
        <v>0</v>
      </c>
      <c r="CF10" s="177">
        <v>0</v>
      </c>
      <c r="CG10" s="177">
        <v>0</v>
      </c>
      <c r="CH10" s="177">
        <v>0</v>
      </c>
      <c r="CI10" s="177">
        <v>0</v>
      </c>
      <c r="CJ10" s="177">
        <v>0</v>
      </c>
      <c r="CK10" s="182">
        <v>0</v>
      </c>
      <c r="CL10" s="181">
        <v>0</v>
      </c>
      <c r="CM10" s="176">
        <v>0</v>
      </c>
      <c r="CN10" s="177">
        <v>0</v>
      </c>
      <c r="CO10" s="182">
        <v>0</v>
      </c>
      <c r="CP10" s="179">
        <v>0</v>
      </c>
      <c r="CQ10" s="177">
        <v>1</v>
      </c>
      <c r="CR10" s="177">
        <v>0</v>
      </c>
      <c r="CS10" s="177">
        <v>0</v>
      </c>
      <c r="CT10" s="177">
        <v>0</v>
      </c>
      <c r="CU10" s="177">
        <v>0</v>
      </c>
      <c r="CV10" s="182">
        <v>1</v>
      </c>
      <c r="CW10" s="181">
        <v>1</v>
      </c>
    </row>
    <row r="11" spans="2:101" ht="21" customHeight="1" x14ac:dyDescent="0.2">
      <c r="B11" s="92" t="s">
        <v>8</v>
      </c>
      <c r="C11" s="176">
        <v>0</v>
      </c>
      <c r="D11" s="182">
        <v>0</v>
      </c>
      <c r="E11" s="193">
        <v>0</v>
      </c>
      <c r="F11" s="179">
        <v>0</v>
      </c>
      <c r="G11" s="177">
        <v>0</v>
      </c>
      <c r="H11" s="177">
        <v>0</v>
      </c>
      <c r="I11" s="177">
        <v>0</v>
      </c>
      <c r="J11" s="177">
        <v>0</v>
      </c>
      <c r="K11" s="177">
        <v>0</v>
      </c>
      <c r="L11" s="180">
        <v>0</v>
      </c>
      <c r="M11" s="181">
        <v>0</v>
      </c>
      <c r="N11" s="176">
        <v>0</v>
      </c>
      <c r="O11" s="177">
        <v>0</v>
      </c>
      <c r="P11" s="182">
        <v>0</v>
      </c>
      <c r="Q11" s="179">
        <v>0</v>
      </c>
      <c r="R11" s="177">
        <v>0</v>
      </c>
      <c r="S11" s="177">
        <v>0</v>
      </c>
      <c r="T11" s="177">
        <v>0</v>
      </c>
      <c r="U11" s="177">
        <v>0</v>
      </c>
      <c r="V11" s="177">
        <v>0</v>
      </c>
      <c r="W11" s="182">
        <v>0</v>
      </c>
      <c r="X11" s="181">
        <v>0</v>
      </c>
      <c r="Y11" s="176">
        <v>0</v>
      </c>
      <c r="Z11" s="177">
        <v>0</v>
      </c>
      <c r="AA11" s="182">
        <v>0</v>
      </c>
      <c r="AB11" s="179">
        <v>0</v>
      </c>
      <c r="AC11" s="177">
        <v>36</v>
      </c>
      <c r="AD11" s="177">
        <v>26</v>
      </c>
      <c r="AE11" s="177">
        <v>9</v>
      </c>
      <c r="AF11" s="177">
        <v>4</v>
      </c>
      <c r="AG11" s="177">
        <v>3</v>
      </c>
      <c r="AH11" s="182">
        <v>78</v>
      </c>
      <c r="AI11" s="181">
        <v>78</v>
      </c>
      <c r="AJ11" s="176">
        <v>0</v>
      </c>
      <c r="AK11" s="177">
        <v>0</v>
      </c>
      <c r="AL11" s="182">
        <v>0</v>
      </c>
      <c r="AM11" s="179">
        <v>0</v>
      </c>
      <c r="AN11" s="177">
        <v>0</v>
      </c>
      <c r="AO11" s="177">
        <v>0</v>
      </c>
      <c r="AP11" s="177">
        <v>0</v>
      </c>
      <c r="AQ11" s="177">
        <v>0</v>
      </c>
      <c r="AR11" s="177">
        <v>1</v>
      </c>
      <c r="AS11" s="182">
        <v>1</v>
      </c>
      <c r="AT11" s="181">
        <v>1</v>
      </c>
      <c r="AU11" s="176">
        <v>0</v>
      </c>
      <c r="AV11" s="177">
        <v>1</v>
      </c>
      <c r="AW11" s="182">
        <v>1</v>
      </c>
      <c r="AX11" s="179">
        <v>0</v>
      </c>
      <c r="AY11" s="177">
        <v>1</v>
      </c>
      <c r="AZ11" s="177">
        <v>1</v>
      </c>
      <c r="BA11" s="177">
        <v>1</v>
      </c>
      <c r="BB11" s="177">
        <v>0</v>
      </c>
      <c r="BC11" s="177">
        <v>1</v>
      </c>
      <c r="BD11" s="182">
        <v>4</v>
      </c>
      <c r="BE11" s="181">
        <v>5</v>
      </c>
      <c r="BF11" s="176">
        <v>0</v>
      </c>
      <c r="BG11" s="177">
        <v>0</v>
      </c>
      <c r="BH11" s="182">
        <v>0</v>
      </c>
      <c r="BI11" s="179">
        <v>0</v>
      </c>
      <c r="BJ11" s="177">
        <v>3</v>
      </c>
      <c r="BK11" s="177">
        <v>3</v>
      </c>
      <c r="BL11" s="177">
        <v>3</v>
      </c>
      <c r="BM11" s="177">
        <v>3</v>
      </c>
      <c r="BN11" s="177">
        <v>0</v>
      </c>
      <c r="BO11" s="180">
        <v>12</v>
      </c>
      <c r="BP11" s="181">
        <v>12</v>
      </c>
      <c r="BQ11" s="176">
        <v>0</v>
      </c>
      <c r="BR11" s="177">
        <v>0</v>
      </c>
      <c r="BS11" s="182">
        <v>0</v>
      </c>
      <c r="BT11" s="179">
        <v>0</v>
      </c>
      <c r="BU11" s="177">
        <v>0</v>
      </c>
      <c r="BV11" s="177">
        <v>0</v>
      </c>
      <c r="BW11" s="177">
        <v>1</v>
      </c>
      <c r="BX11" s="177">
        <v>1</v>
      </c>
      <c r="BY11" s="177">
        <v>1</v>
      </c>
      <c r="BZ11" s="182">
        <v>3</v>
      </c>
      <c r="CA11" s="181">
        <v>3</v>
      </c>
      <c r="CB11" s="176">
        <v>0</v>
      </c>
      <c r="CC11" s="177">
        <v>0</v>
      </c>
      <c r="CD11" s="182">
        <v>0</v>
      </c>
      <c r="CE11" s="179">
        <v>0</v>
      </c>
      <c r="CF11" s="177">
        <v>0</v>
      </c>
      <c r="CG11" s="177">
        <v>0</v>
      </c>
      <c r="CH11" s="177">
        <v>0</v>
      </c>
      <c r="CI11" s="177">
        <v>1</v>
      </c>
      <c r="CJ11" s="177">
        <v>0</v>
      </c>
      <c r="CK11" s="182">
        <v>1</v>
      </c>
      <c r="CL11" s="181">
        <v>1</v>
      </c>
      <c r="CM11" s="176">
        <v>0</v>
      </c>
      <c r="CN11" s="177">
        <v>0</v>
      </c>
      <c r="CO11" s="182">
        <v>0</v>
      </c>
      <c r="CP11" s="179">
        <v>0</v>
      </c>
      <c r="CQ11" s="177">
        <v>0</v>
      </c>
      <c r="CR11" s="177">
        <v>0</v>
      </c>
      <c r="CS11" s="177">
        <v>0</v>
      </c>
      <c r="CT11" s="177">
        <v>1</v>
      </c>
      <c r="CU11" s="177">
        <v>0</v>
      </c>
      <c r="CV11" s="182">
        <v>1</v>
      </c>
      <c r="CW11" s="181">
        <v>1</v>
      </c>
    </row>
    <row r="12" spans="2:101" ht="21" customHeight="1" x14ac:dyDescent="0.2">
      <c r="B12" s="92" t="s">
        <v>9</v>
      </c>
      <c r="C12" s="176">
        <v>0</v>
      </c>
      <c r="D12" s="182">
        <v>0</v>
      </c>
      <c r="E12" s="193">
        <v>0</v>
      </c>
      <c r="F12" s="179">
        <v>0</v>
      </c>
      <c r="G12" s="177">
        <v>0</v>
      </c>
      <c r="H12" s="177">
        <v>0</v>
      </c>
      <c r="I12" s="177">
        <v>1</v>
      </c>
      <c r="J12" s="177">
        <v>0</v>
      </c>
      <c r="K12" s="177">
        <v>0</v>
      </c>
      <c r="L12" s="180">
        <v>1</v>
      </c>
      <c r="M12" s="181">
        <v>1</v>
      </c>
      <c r="N12" s="176">
        <v>0</v>
      </c>
      <c r="O12" s="177">
        <v>0</v>
      </c>
      <c r="P12" s="182">
        <v>0</v>
      </c>
      <c r="Q12" s="179">
        <v>0</v>
      </c>
      <c r="R12" s="177">
        <v>0</v>
      </c>
      <c r="S12" s="177">
        <v>0</v>
      </c>
      <c r="T12" s="177">
        <v>0</v>
      </c>
      <c r="U12" s="177">
        <v>0</v>
      </c>
      <c r="V12" s="177">
        <v>0</v>
      </c>
      <c r="W12" s="182">
        <v>0</v>
      </c>
      <c r="X12" s="181">
        <v>0</v>
      </c>
      <c r="Y12" s="176">
        <v>0</v>
      </c>
      <c r="Z12" s="177">
        <v>0</v>
      </c>
      <c r="AA12" s="182">
        <v>0</v>
      </c>
      <c r="AB12" s="179">
        <v>0</v>
      </c>
      <c r="AC12" s="177">
        <v>44</v>
      </c>
      <c r="AD12" s="177">
        <v>36</v>
      </c>
      <c r="AE12" s="177">
        <v>17</v>
      </c>
      <c r="AF12" s="177">
        <v>7</v>
      </c>
      <c r="AG12" s="177">
        <v>3</v>
      </c>
      <c r="AH12" s="182">
        <v>107</v>
      </c>
      <c r="AI12" s="181">
        <v>107</v>
      </c>
      <c r="AJ12" s="176">
        <v>0</v>
      </c>
      <c r="AK12" s="177">
        <v>0</v>
      </c>
      <c r="AL12" s="182">
        <v>0</v>
      </c>
      <c r="AM12" s="179">
        <v>0</v>
      </c>
      <c r="AN12" s="177">
        <v>1</v>
      </c>
      <c r="AO12" s="177">
        <v>0</v>
      </c>
      <c r="AP12" s="177">
        <v>1</v>
      </c>
      <c r="AQ12" s="177">
        <v>0</v>
      </c>
      <c r="AR12" s="177">
        <v>0</v>
      </c>
      <c r="AS12" s="182">
        <v>2</v>
      </c>
      <c r="AT12" s="181">
        <v>2</v>
      </c>
      <c r="AU12" s="176">
        <v>0</v>
      </c>
      <c r="AV12" s="177">
        <v>1</v>
      </c>
      <c r="AW12" s="182">
        <v>1</v>
      </c>
      <c r="AX12" s="179">
        <v>0</v>
      </c>
      <c r="AY12" s="177">
        <v>5</v>
      </c>
      <c r="AZ12" s="177">
        <v>1</v>
      </c>
      <c r="BA12" s="177">
        <v>1</v>
      </c>
      <c r="BB12" s="177">
        <v>0</v>
      </c>
      <c r="BC12" s="177">
        <v>1</v>
      </c>
      <c r="BD12" s="182">
        <v>8</v>
      </c>
      <c r="BE12" s="181">
        <v>9</v>
      </c>
      <c r="BF12" s="176">
        <v>0</v>
      </c>
      <c r="BG12" s="177">
        <v>0</v>
      </c>
      <c r="BH12" s="182">
        <v>0</v>
      </c>
      <c r="BI12" s="179">
        <v>0</v>
      </c>
      <c r="BJ12" s="177">
        <v>0</v>
      </c>
      <c r="BK12" s="177">
        <v>2</v>
      </c>
      <c r="BL12" s="177">
        <v>4</v>
      </c>
      <c r="BM12" s="177">
        <v>8</v>
      </c>
      <c r="BN12" s="177">
        <v>1</v>
      </c>
      <c r="BO12" s="180">
        <v>15</v>
      </c>
      <c r="BP12" s="181">
        <v>15</v>
      </c>
      <c r="BQ12" s="176">
        <v>0</v>
      </c>
      <c r="BR12" s="177">
        <v>0</v>
      </c>
      <c r="BS12" s="182">
        <v>0</v>
      </c>
      <c r="BT12" s="179">
        <v>0</v>
      </c>
      <c r="BU12" s="177">
        <v>0</v>
      </c>
      <c r="BV12" s="177">
        <v>1</v>
      </c>
      <c r="BW12" s="177">
        <v>1</v>
      </c>
      <c r="BX12" s="177">
        <v>0</v>
      </c>
      <c r="BY12" s="177">
        <v>1</v>
      </c>
      <c r="BZ12" s="182">
        <v>3</v>
      </c>
      <c r="CA12" s="181">
        <v>3</v>
      </c>
      <c r="CB12" s="176">
        <v>0</v>
      </c>
      <c r="CC12" s="177">
        <v>0</v>
      </c>
      <c r="CD12" s="182">
        <v>0</v>
      </c>
      <c r="CE12" s="179">
        <v>0</v>
      </c>
      <c r="CF12" s="177">
        <v>0</v>
      </c>
      <c r="CG12" s="177">
        <v>0</v>
      </c>
      <c r="CH12" s="177">
        <v>0</v>
      </c>
      <c r="CI12" s="177">
        <v>0</v>
      </c>
      <c r="CJ12" s="177">
        <v>0</v>
      </c>
      <c r="CK12" s="182">
        <v>0</v>
      </c>
      <c r="CL12" s="181">
        <v>0</v>
      </c>
      <c r="CM12" s="176">
        <v>0</v>
      </c>
      <c r="CN12" s="177">
        <v>0</v>
      </c>
      <c r="CO12" s="182">
        <v>0</v>
      </c>
      <c r="CP12" s="179">
        <v>0</v>
      </c>
      <c r="CQ12" s="177">
        <v>1</v>
      </c>
      <c r="CR12" s="177">
        <v>2</v>
      </c>
      <c r="CS12" s="177">
        <v>0</v>
      </c>
      <c r="CT12" s="177">
        <v>0</v>
      </c>
      <c r="CU12" s="177">
        <v>2</v>
      </c>
      <c r="CV12" s="182">
        <v>5</v>
      </c>
      <c r="CW12" s="181">
        <v>5</v>
      </c>
    </row>
    <row r="13" spans="2:101" ht="21" customHeight="1" x14ac:dyDescent="0.2">
      <c r="B13" s="92" t="s">
        <v>10</v>
      </c>
      <c r="C13" s="176">
        <v>0</v>
      </c>
      <c r="D13" s="182">
        <v>0</v>
      </c>
      <c r="E13" s="193">
        <v>0</v>
      </c>
      <c r="F13" s="179">
        <v>0</v>
      </c>
      <c r="G13" s="177">
        <v>0</v>
      </c>
      <c r="H13" s="177">
        <v>1</v>
      </c>
      <c r="I13" s="177">
        <v>2</v>
      </c>
      <c r="J13" s="177">
        <v>1</v>
      </c>
      <c r="K13" s="177">
        <v>1</v>
      </c>
      <c r="L13" s="180">
        <v>5</v>
      </c>
      <c r="M13" s="181">
        <v>5</v>
      </c>
      <c r="N13" s="176">
        <v>0</v>
      </c>
      <c r="O13" s="177">
        <v>0</v>
      </c>
      <c r="P13" s="182">
        <v>0</v>
      </c>
      <c r="Q13" s="179">
        <v>0</v>
      </c>
      <c r="R13" s="177">
        <v>0</v>
      </c>
      <c r="S13" s="177">
        <v>1</v>
      </c>
      <c r="T13" s="177">
        <v>0</v>
      </c>
      <c r="U13" s="177">
        <v>0</v>
      </c>
      <c r="V13" s="177">
        <v>0</v>
      </c>
      <c r="W13" s="182">
        <v>1</v>
      </c>
      <c r="X13" s="181">
        <v>1</v>
      </c>
      <c r="Y13" s="176">
        <v>0</v>
      </c>
      <c r="Z13" s="177">
        <v>0</v>
      </c>
      <c r="AA13" s="182">
        <v>0</v>
      </c>
      <c r="AB13" s="179">
        <v>0</v>
      </c>
      <c r="AC13" s="177">
        <v>36</v>
      </c>
      <c r="AD13" s="177">
        <v>17</v>
      </c>
      <c r="AE13" s="177">
        <v>8</v>
      </c>
      <c r="AF13" s="177">
        <v>4</v>
      </c>
      <c r="AG13" s="177">
        <v>0</v>
      </c>
      <c r="AH13" s="182">
        <v>65</v>
      </c>
      <c r="AI13" s="181">
        <v>65</v>
      </c>
      <c r="AJ13" s="176">
        <v>0</v>
      </c>
      <c r="AK13" s="177">
        <v>0</v>
      </c>
      <c r="AL13" s="182">
        <v>0</v>
      </c>
      <c r="AM13" s="179">
        <v>0</v>
      </c>
      <c r="AN13" s="177">
        <v>2</v>
      </c>
      <c r="AO13" s="177">
        <v>0</v>
      </c>
      <c r="AP13" s="177">
        <v>1</v>
      </c>
      <c r="AQ13" s="177">
        <v>2</v>
      </c>
      <c r="AR13" s="177">
        <v>0</v>
      </c>
      <c r="AS13" s="182">
        <v>5</v>
      </c>
      <c r="AT13" s="181">
        <v>5</v>
      </c>
      <c r="AU13" s="176">
        <v>1</v>
      </c>
      <c r="AV13" s="177">
        <v>1</v>
      </c>
      <c r="AW13" s="182">
        <v>2</v>
      </c>
      <c r="AX13" s="179">
        <v>0</v>
      </c>
      <c r="AY13" s="177">
        <v>5</v>
      </c>
      <c r="AZ13" s="177">
        <v>3</v>
      </c>
      <c r="BA13" s="177">
        <v>4</v>
      </c>
      <c r="BB13" s="177">
        <v>1</v>
      </c>
      <c r="BC13" s="177">
        <v>1</v>
      </c>
      <c r="BD13" s="182">
        <v>14</v>
      </c>
      <c r="BE13" s="181">
        <v>16</v>
      </c>
      <c r="BF13" s="176">
        <v>0</v>
      </c>
      <c r="BG13" s="177">
        <v>0</v>
      </c>
      <c r="BH13" s="182">
        <v>0</v>
      </c>
      <c r="BI13" s="179">
        <v>0</v>
      </c>
      <c r="BJ13" s="177">
        <v>4</v>
      </c>
      <c r="BK13" s="177">
        <v>6</v>
      </c>
      <c r="BL13" s="177">
        <v>7</v>
      </c>
      <c r="BM13" s="177">
        <v>5</v>
      </c>
      <c r="BN13" s="177">
        <v>9</v>
      </c>
      <c r="BO13" s="180">
        <v>31</v>
      </c>
      <c r="BP13" s="181">
        <v>31</v>
      </c>
      <c r="BQ13" s="176">
        <v>0</v>
      </c>
      <c r="BR13" s="177">
        <v>0</v>
      </c>
      <c r="BS13" s="182">
        <v>0</v>
      </c>
      <c r="BT13" s="179">
        <v>0</v>
      </c>
      <c r="BU13" s="177">
        <v>1</v>
      </c>
      <c r="BV13" s="177">
        <v>1</v>
      </c>
      <c r="BW13" s="177">
        <v>5</v>
      </c>
      <c r="BX13" s="177">
        <v>2</v>
      </c>
      <c r="BY13" s="177">
        <v>4</v>
      </c>
      <c r="BZ13" s="182">
        <v>13</v>
      </c>
      <c r="CA13" s="181">
        <v>13</v>
      </c>
      <c r="CB13" s="176">
        <v>0</v>
      </c>
      <c r="CC13" s="177">
        <v>0</v>
      </c>
      <c r="CD13" s="182">
        <v>0</v>
      </c>
      <c r="CE13" s="179">
        <v>0</v>
      </c>
      <c r="CF13" s="177">
        <v>0</v>
      </c>
      <c r="CG13" s="177">
        <v>0</v>
      </c>
      <c r="CH13" s="177">
        <v>1</v>
      </c>
      <c r="CI13" s="177">
        <v>2</v>
      </c>
      <c r="CJ13" s="177">
        <v>0</v>
      </c>
      <c r="CK13" s="182">
        <v>3</v>
      </c>
      <c r="CL13" s="181">
        <v>3</v>
      </c>
      <c r="CM13" s="176">
        <v>0</v>
      </c>
      <c r="CN13" s="177">
        <v>0</v>
      </c>
      <c r="CO13" s="182">
        <v>0</v>
      </c>
      <c r="CP13" s="179">
        <v>0</v>
      </c>
      <c r="CQ13" s="177">
        <v>2</v>
      </c>
      <c r="CR13" s="177">
        <v>0</v>
      </c>
      <c r="CS13" s="177">
        <v>0</v>
      </c>
      <c r="CT13" s="177">
        <v>1</v>
      </c>
      <c r="CU13" s="177">
        <v>3</v>
      </c>
      <c r="CV13" s="182">
        <v>6</v>
      </c>
      <c r="CW13" s="181">
        <v>6</v>
      </c>
    </row>
    <row r="14" spans="2:101" ht="21" customHeight="1" x14ac:dyDescent="0.2">
      <c r="B14" s="92" t="s">
        <v>11</v>
      </c>
      <c r="C14" s="176">
        <v>0</v>
      </c>
      <c r="D14" s="182">
        <v>0</v>
      </c>
      <c r="E14" s="193">
        <v>0</v>
      </c>
      <c r="F14" s="179">
        <v>0</v>
      </c>
      <c r="G14" s="177">
        <v>0</v>
      </c>
      <c r="H14" s="177">
        <v>3</v>
      </c>
      <c r="I14" s="177">
        <v>0</v>
      </c>
      <c r="J14" s="177">
        <v>0</v>
      </c>
      <c r="K14" s="177">
        <v>0</v>
      </c>
      <c r="L14" s="180">
        <v>3</v>
      </c>
      <c r="M14" s="181">
        <v>3</v>
      </c>
      <c r="N14" s="176">
        <v>0</v>
      </c>
      <c r="O14" s="177">
        <v>0</v>
      </c>
      <c r="P14" s="182">
        <v>0</v>
      </c>
      <c r="Q14" s="179">
        <v>0</v>
      </c>
      <c r="R14" s="177">
        <v>0</v>
      </c>
      <c r="S14" s="177">
        <v>0</v>
      </c>
      <c r="T14" s="177">
        <v>0</v>
      </c>
      <c r="U14" s="177">
        <v>1</v>
      </c>
      <c r="V14" s="177">
        <v>0</v>
      </c>
      <c r="W14" s="182">
        <v>1</v>
      </c>
      <c r="X14" s="181">
        <v>1</v>
      </c>
      <c r="Y14" s="176">
        <v>0</v>
      </c>
      <c r="Z14" s="177">
        <v>0</v>
      </c>
      <c r="AA14" s="182">
        <v>0</v>
      </c>
      <c r="AB14" s="179">
        <v>0</v>
      </c>
      <c r="AC14" s="177">
        <v>25</v>
      </c>
      <c r="AD14" s="177">
        <v>13</v>
      </c>
      <c r="AE14" s="177">
        <v>3</v>
      </c>
      <c r="AF14" s="177">
        <v>6</v>
      </c>
      <c r="AG14" s="177">
        <v>1</v>
      </c>
      <c r="AH14" s="182">
        <v>48</v>
      </c>
      <c r="AI14" s="181">
        <v>48</v>
      </c>
      <c r="AJ14" s="176">
        <v>0</v>
      </c>
      <c r="AK14" s="177">
        <v>0</v>
      </c>
      <c r="AL14" s="182">
        <v>0</v>
      </c>
      <c r="AM14" s="179">
        <v>0</v>
      </c>
      <c r="AN14" s="177">
        <v>3</v>
      </c>
      <c r="AO14" s="177">
        <v>2</v>
      </c>
      <c r="AP14" s="177">
        <v>0</v>
      </c>
      <c r="AQ14" s="177">
        <v>0</v>
      </c>
      <c r="AR14" s="177">
        <v>0</v>
      </c>
      <c r="AS14" s="182">
        <v>5</v>
      </c>
      <c r="AT14" s="181">
        <v>5</v>
      </c>
      <c r="AU14" s="176">
        <v>0</v>
      </c>
      <c r="AV14" s="177">
        <v>2</v>
      </c>
      <c r="AW14" s="182">
        <v>2</v>
      </c>
      <c r="AX14" s="179">
        <v>0</v>
      </c>
      <c r="AY14" s="177">
        <v>0</v>
      </c>
      <c r="AZ14" s="177">
        <v>4</v>
      </c>
      <c r="BA14" s="177">
        <v>3</v>
      </c>
      <c r="BB14" s="177">
        <v>2</v>
      </c>
      <c r="BC14" s="177">
        <v>0</v>
      </c>
      <c r="BD14" s="182">
        <v>9</v>
      </c>
      <c r="BE14" s="181">
        <v>11</v>
      </c>
      <c r="BF14" s="176">
        <v>0</v>
      </c>
      <c r="BG14" s="177">
        <v>0</v>
      </c>
      <c r="BH14" s="182">
        <v>0</v>
      </c>
      <c r="BI14" s="179">
        <v>0</v>
      </c>
      <c r="BJ14" s="177">
        <v>0</v>
      </c>
      <c r="BK14" s="177">
        <v>3</v>
      </c>
      <c r="BL14" s="177">
        <v>3</v>
      </c>
      <c r="BM14" s="177">
        <v>1</v>
      </c>
      <c r="BN14" s="177">
        <v>0</v>
      </c>
      <c r="BO14" s="180">
        <v>7</v>
      </c>
      <c r="BP14" s="181">
        <v>7</v>
      </c>
      <c r="BQ14" s="176">
        <v>0</v>
      </c>
      <c r="BR14" s="177">
        <v>0</v>
      </c>
      <c r="BS14" s="182">
        <v>0</v>
      </c>
      <c r="BT14" s="179">
        <v>0</v>
      </c>
      <c r="BU14" s="177">
        <v>0</v>
      </c>
      <c r="BV14" s="177">
        <v>0</v>
      </c>
      <c r="BW14" s="177">
        <v>0</v>
      </c>
      <c r="BX14" s="177">
        <v>0</v>
      </c>
      <c r="BY14" s="177">
        <v>0</v>
      </c>
      <c r="BZ14" s="182">
        <v>0</v>
      </c>
      <c r="CA14" s="181">
        <v>0</v>
      </c>
      <c r="CB14" s="176">
        <v>0</v>
      </c>
      <c r="CC14" s="177">
        <v>0</v>
      </c>
      <c r="CD14" s="182">
        <v>0</v>
      </c>
      <c r="CE14" s="179">
        <v>0</v>
      </c>
      <c r="CF14" s="177">
        <v>0</v>
      </c>
      <c r="CG14" s="177">
        <v>0</v>
      </c>
      <c r="CH14" s="177">
        <v>0</v>
      </c>
      <c r="CI14" s="177">
        <v>0</v>
      </c>
      <c r="CJ14" s="177">
        <v>0</v>
      </c>
      <c r="CK14" s="182">
        <v>0</v>
      </c>
      <c r="CL14" s="181">
        <v>0</v>
      </c>
      <c r="CM14" s="176">
        <v>0</v>
      </c>
      <c r="CN14" s="177">
        <v>0</v>
      </c>
      <c r="CO14" s="182">
        <v>0</v>
      </c>
      <c r="CP14" s="179">
        <v>0</v>
      </c>
      <c r="CQ14" s="177">
        <v>0</v>
      </c>
      <c r="CR14" s="177">
        <v>1</v>
      </c>
      <c r="CS14" s="177">
        <v>0</v>
      </c>
      <c r="CT14" s="177">
        <v>0</v>
      </c>
      <c r="CU14" s="177">
        <v>0</v>
      </c>
      <c r="CV14" s="182">
        <v>1</v>
      </c>
      <c r="CW14" s="181">
        <v>1</v>
      </c>
    </row>
    <row r="15" spans="2:101" ht="21" customHeight="1" x14ac:dyDescent="0.2">
      <c r="B15" s="92" t="s">
        <v>12</v>
      </c>
      <c r="C15" s="176">
        <v>0</v>
      </c>
      <c r="D15" s="182">
        <v>0</v>
      </c>
      <c r="E15" s="193">
        <v>0</v>
      </c>
      <c r="F15" s="179">
        <v>0</v>
      </c>
      <c r="G15" s="177">
        <v>0</v>
      </c>
      <c r="H15" s="177">
        <v>0</v>
      </c>
      <c r="I15" s="177">
        <v>0</v>
      </c>
      <c r="J15" s="177">
        <v>0</v>
      </c>
      <c r="K15" s="177">
        <v>0</v>
      </c>
      <c r="L15" s="180">
        <v>0</v>
      </c>
      <c r="M15" s="181">
        <v>0</v>
      </c>
      <c r="N15" s="176">
        <v>0</v>
      </c>
      <c r="O15" s="177">
        <v>0</v>
      </c>
      <c r="P15" s="182">
        <v>0</v>
      </c>
      <c r="Q15" s="179">
        <v>0</v>
      </c>
      <c r="R15" s="177">
        <v>0</v>
      </c>
      <c r="S15" s="177">
        <v>0</v>
      </c>
      <c r="T15" s="177">
        <v>0</v>
      </c>
      <c r="U15" s="177">
        <v>0</v>
      </c>
      <c r="V15" s="177">
        <v>0</v>
      </c>
      <c r="W15" s="182">
        <v>0</v>
      </c>
      <c r="X15" s="181">
        <v>0</v>
      </c>
      <c r="Y15" s="176">
        <v>0</v>
      </c>
      <c r="Z15" s="177">
        <v>0</v>
      </c>
      <c r="AA15" s="182">
        <v>0</v>
      </c>
      <c r="AB15" s="179">
        <v>0</v>
      </c>
      <c r="AC15" s="177">
        <v>13</v>
      </c>
      <c r="AD15" s="177">
        <v>12</v>
      </c>
      <c r="AE15" s="177">
        <v>5</v>
      </c>
      <c r="AF15" s="177">
        <v>5</v>
      </c>
      <c r="AG15" s="177">
        <v>4</v>
      </c>
      <c r="AH15" s="182">
        <v>39</v>
      </c>
      <c r="AI15" s="181">
        <v>39</v>
      </c>
      <c r="AJ15" s="176">
        <v>0</v>
      </c>
      <c r="AK15" s="177">
        <v>0</v>
      </c>
      <c r="AL15" s="182">
        <v>0</v>
      </c>
      <c r="AM15" s="179">
        <v>0</v>
      </c>
      <c r="AN15" s="177">
        <v>0</v>
      </c>
      <c r="AO15" s="177">
        <v>0</v>
      </c>
      <c r="AP15" s="177">
        <v>0</v>
      </c>
      <c r="AQ15" s="177">
        <v>0</v>
      </c>
      <c r="AR15" s="177">
        <v>0</v>
      </c>
      <c r="AS15" s="182">
        <v>0</v>
      </c>
      <c r="AT15" s="181">
        <v>0</v>
      </c>
      <c r="AU15" s="176">
        <v>0</v>
      </c>
      <c r="AV15" s="177">
        <v>0</v>
      </c>
      <c r="AW15" s="182">
        <v>0</v>
      </c>
      <c r="AX15" s="179">
        <v>0</v>
      </c>
      <c r="AY15" s="177">
        <v>0</v>
      </c>
      <c r="AZ15" s="177">
        <v>1</v>
      </c>
      <c r="BA15" s="177">
        <v>1</v>
      </c>
      <c r="BB15" s="177">
        <v>2</v>
      </c>
      <c r="BC15" s="177">
        <v>0</v>
      </c>
      <c r="BD15" s="182">
        <v>4</v>
      </c>
      <c r="BE15" s="181">
        <v>4</v>
      </c>
      <c r="BF15" s="176">
        <v>0</v>
      </c>
      <c r="BG15" s="177">
        <v>0</v>
      </c>
      <c r="BH15" s="182">
        <v>0</v>
      </c>
      <c r="BI15" s="179">
        <v>0</v>
      </c>
      <c r="BJ15" s="177">
        <v>1</v>
      </c>
      <c r="BK15" s="177">
        <v>4</v>
      </c>
      <c r="BL15" s="177">
        <v>1</v>
      </c>
      <c r="BM15" s="177">
        <v>1</v>
      </c>
      <c r="BN15" s="177">
        <v>2</v>
      </c>
      <c r="BO15" s="180">
        <v>9</v>
      </c>
      <c r="BP15" s="181">
        <v>9</v>
      </c>
      <c r="BQ15" s="176">
        <v>0</v>
      </c>
      <c r="BR15" s="177">
        <v>0</v>
      </c>
      <c r="BS15" s="182">
        <v>0</v>
      </c>
      <c r="BT15" s="179">
        <v>0</v>
      </c>
      <c r="BU15" s="177">
        <v>0</v>
      </c>
      <c r="BV15" s="177">
        <v>0</v>
      </c>
      <c r="BW15" s="177">
        <v>1</v>
      </c>
      <c r="BX15" s="177">
        <v>2</v>
      </c>
      <c r="BY15" s="177">
        <v>0</v>
      </c>
      <c r="BZ15" s="182">
        <v>3</v>
      </c>
      <c r="CA15" s="181">
        <v>3</v>
      </c>
      <c r="CB15" s="176">
        <v>0</v>
      </c>
      <c r="CC15" s="177">
        <v>0</v>
      </c>
      <c r="CD15" s="182">
        <v>0</v>
      </c>
      <c r="CE15" s="179">
        <v>0</v>
      </c>
      <c r="CF15" s="177">
        <v>0</v>
      </c>
      <c r="CG15" s="177">
        <v>0</v>
      </c>
      <c r="CH15" s="177">
        <v>2</v>
      </c>
      <c r="CI15" s="177">
        <v>0</v>
      </c>
      <c r="CJ15" s="177">
        <v>1</v>
      </c>
      <c r="CK15" s="182">
        <v>3</v>
      </c>
      <c r="CL15" s="181">
        <v>3</v>
      </c>
      <c r="CM15" s="176">
        <v>0</v>
      </c>
      <c r="CN15" s="177">
        <v>0</v>
      </c>
      <c r="CO15" s="182">
        <v>0</v>
      </c>
      <c r="CP15" s="179">
        <v>0</v>
      </c>
      <c r="CQ15" s="177">
        <v>0</v>
      </c>
      <c r="CR15" s="177">
        <v>1</v>
      </c>
      <c r="CS15" s="177">
        <v>2</v>
      </c>
      <c r="CT15" s="177">
        <v>1</v>
      </c>
      <c r="CU15" s="177">
        <v>1</v>
      </c>
      <c r="CV15" s="182">
        <v>5</v>
      </c>
      <c r="CW15" s="181">
        <v>5</v>
      </c>
    </row>
    <row r="16" spans="2:101" ht="21" customHeight="1" x14ac:dyDescent="0.2">
      <c r="B16" s="92" t="s">
        <v>13</v>
      </c>
      <c r="C16" s="176">
        <v>0</v>
      </c>
      <c r="D16" s="182">
        <v>0</v>
      </c>
      <c r="E16" s="193">
        <v>0</v>
      </c>
      <c r="F16" s="179">
        <v>0</v>
      </c>
      <c r="G16" s="177">
        <v>0</v>
      </c>
      <c r="H16" s="177">
        <v>0</v>
      </c>
      <c r="I16" s="177">
        <v>0</v>
      </c>
      <c r="J16" s="177">
        <v>0</v>
      </c>
      <c r="K16" s="177">
        <v>0</v>
      </c>
      <c r="L16" s="180">
        <v>0</v>
      </c>
      <c r="M16" s="181">
        <v>0</v>
      </c>
      <c r="N16" s="176">
        <v>0</v>
      </c>
      <c r="O16" s="177">
        <v>0</v>
      </c>
      <c r="P16" s="182">
        <v>0</v>
      </c>
      <c r="Q16" s="179">
        <v>0</v>
      </c>
      <c r="R16" s="177">
        <v>0</v>
      </c>
      <c r="S16" s="177">
        <v>0</v>
      </c>
      <c r="T16" s="177">
        <v>0</v>
      </c>
      <c r="U16" s="177">
        <v>0</v>
      </c>
      <c r="V16" s="177">
        <v>0</v>
      </c>
      <c r="W16" s="182">
        <v>0</v>
      </c>
      <c r="X16" s="181">
        <v>0</v>
      </c>
      <c r="Y16" s="176">
        <v>0</v>
      </c>
      <c r="Z16" s="177">
        <v>0</v>
      </c>
      <c r="AA16" s="182">
        <v>0</v>
      </c>
      <c r="AB16" s="179">
        <v>0</v>
      </c>
      <c r="AC16" s="177">
        <v>14</v>
      </c>
      <c r="AD16" s="177">
        <v>10</v>
      </c>
      <c r="AE16" s="177">
        <v>10</v>
      </c>
      <c r="AF16" s="177">
        <v>1</v>
      </c>
      <c r="AG16" s="177">
        <v>5</v>
      </c>
      <c r="AH16" s="182">
        <v>40</v>
      </c>
      <c r="AI16" s="181">
        <v>40</v>
      </c>
      <c r="AJ16" s="176">
        <v>0</v>
      </c>
      <c r="AK16" s="177">
        <v>0</v>
      </c>
      <c r="AL16" s="182">
        <v>0</v>
      </c>
      <c r="AM16" s="179">
        <v>0</v>
      </c>
      <c r="AN16" s="177">
        <v>0</v>
      </c>
      <c r="AO16" s="177">
        <v>1</v>
      </c>
      <c r="AP16" s="177">
        <v>2</v>
      </c>
      <c r="AQ16" s="177">
        <v>0</v>
      </c>
      <c r="AR16" s="177">
        <v>0</v>
      </c>
      <c r="AS16" s="182">
        <v>3</v>
      </c>
      <c r="AT16" s="181">
        <v>3</v>
      </c>
      <c r="AU16" s="176">
        <v>0</v>
      </c>
      <c r="AV16" s="177">
        <v>0</v>
      </c>
      <c r="AW16" s="182">
        <v>0</v>
      </c>
      <c r="AX16" s="179">
        <v>0</v>
      </c>
      <c r="AY16" s="177">
        <v>1</v>
      </c>
      <c r="AZ16" s="177">
        <v>0</v>
      </c>
      <c r="BA16" s="177">
        <v>0</v>
      </c>
      <c r="BB16" s="177">
        <v>0</v>
      </c>
      <c r="BC16" s="177">
        <v>1</v>
      </c>
      <c r="BD16" s="182">
        <v>2</v>
      </c>
      <c r="BE16" s="181">
        <v>2</v>
      </c>
      <c r="BF16" s="176">
        <v>0</v>
      </c>
      <c r="BG16" s="177">
        <v>0</v>
      </c>
      <c r="BH16" s="182">
        <v>0</v>
      </c>
      <c r="BI16" s="179">
        <v>0</v>
      </c>
      <c r="BJ16" s="177">
        <v>2</v>
      </c>
      <c r="BK16" s="177">
        <v>0</v>
      </c>
      <c r="BL16" s="177">
        <v>0</v>
      </c>
      <c r="BM16" s="177">
        <v>0</v>
      </c>
      <c r="BN16" s="177">
        <v>1</v>
      </c>
      <c r="BO16" s="180">
        <v>3</v>
      </c>
      <c r="BP16" s="181">
        <v>3</v>
      </c>
      <c r="BQ16" s="176">
        <v>0</v>
      </c>
      <c r="BR16" s="177">
        <v>0</v>
      </c>
      <c r="BS16" s="182">
        <v>0</v>
      </c>
      <c r="BT16" s="179">
        <v>0</v>
      </c>
      <c r="BU16" s="177">
        <v>0</v>
      </c>
      <c r="BV16" s="177">
        <v>0</v>
      </c>
      <c r="BW16" s="177">
        <v>1</v>
      </c>
      <c r="BX16" s="177">
        <v>0</v>
      </c>
      <c r="BY16" s="177">
        <v>0</v>
      </c>
      <c r="BZ16" s="182">
        <v>1</v>
      </c>
      <c r="CA16" s="181">
        <v>1</v>
      </c>
      <c r="CB16" s="176">
        <v>0</v>
      </c>
      <c r="CC16" s="177">
        <v>0</v>
      </c>
      <c r="CD16" s="182">
        <v>0</v>
      </c>
      <c r="CE16" s="179">
        <v>0</v>
      </c>
      <c r="CF16" s="177">
        <v>0</v>
      </c>
      <c r="CG16" s="177">
        <v>0</v>
      </c>
      <c r="CH16" s="177">
        <v>0</v>
      </c>
      <c r="CI16" s="177">
        <v>0</v>
      </c>
      <c r="CJ16" s="177">
        <v>0</v>
      </c>
      <c r="CK16" s="182">
        <v>0</v>
      </c>
      <c r="CL16" s="181">
        <v>0</v>
      </c>
      <c r="CM16" s="176">
        <v>0</v>
      </c>
      <c r="CN16" s="177">
        <v>0</v>
      </c>
      <c r="CO16" s="182">
        <v>0</v>
      </c>
      <c r="CP16" s="179">
        <v>0</v>
      </c>
      <c r="CQ16" s="177">
        <v>0</v>
      </c>
      <c r="CR16" s="177">
        <v>0</v>
      </c>
      <c r="CS16" s="177">
        <v>0</v>
      </c>
      <c r="CT16" s="177">
        <v>0</v>
      </c>
      <c r="CU16" s="177">
        <v>0</v>
      </c>
      <c r="CV16" s="182">
        <v>0</v>
      </c>
      <c r="CW16" s="181">
        <v>0</v>
      </c>
    </row>
    <row r="17" spans="2:101" ht="21" customHeight="1" x14ac:dyDescent="0.2">
      <c r="B17" s="92" t="s">
        <v>15</v>
      </c>
      <c r="C17" s="176">
        <v>0</v>
      </c>
      <c r="D17" s="182">
        <v>0</v>
      </c>
      <c r="E17" s="193">
        <v>0</v>
      </c>
      <c r="F17" s="179">
        <v>0</v>
      </c>
      <c r="G17" s="177">
        <v>0</v>
      </c>
      <c r="H17" s="177">
        <v>0</v>
      </c>
      <c r="I17" s="177">
        <v>0</v>
      </c>
      <c r="J17" s="177">
        <v>0</v>
      </c>
      <c r="K17" s="177">
        <v>0</v>
      </c>
      <c r="L17" s="180">
        <v>0</v>
      </c>
      <c r="M17" s="181">
        <v>0</v>
      </c>
      <c r="N17" s="176">
        <v>0</v>
      </c>
      <c r="O17" s="177">
        <v>0</v>
      </c>
      <c r="P17" s="182">
        <v>0</v>
      </c>
      <c r="Q17" s="179">
        <v>0</v>
      </c>
      <c r="R17" s="177">
        <v>0</v>
      </c>
      <c r="S17" s="177">
        <v>0</v>
      </c>
      <c r="T17" s="177">
        <v>0</v>
      </c>
      <c r="U17" s="177">
        <v>0</v>
      </c>
      <c r="V17" s="177">
        <v>0</v>
      </c>
      <c r="W17" s="182">
        <v>0</v>
      </c>
      <c r="X17" s="181">
        <v>0</v>
      </c>
      <c r="Y17" s="176">
        <v>0</v>
      </c>
      <c r="Z17" s="177">
        <v>0</v>
      </c>
      <c r="AA17" s="182">
        <v>0</v>
      </c>
      <c r="AB17" s="179">
        <v>0</v>
      </c>
      <c r="AC17" s="177">
        <v>5</v>
      </c>
      <c r="AD17" s="177">
        <v>7</v>
      </c>
      <c r="AE17" s="177">
        <v>1</v>
      </c>
      <c r="AF17" s="177">
        <v>0</v>
      </c>
      <c r="AG17" s="177">
        <v>1</v>
      </c>
      <c r="AH17" s="182">
        <v>14</v>
      </c>
      <c r="AI17" s="181">
        <v>14</v>
      </c>
      <c r="AJ17" s="176">
        <v>0</v>
      </c>
      <c r="AK17" s="177">
        <v>0</v>
      </c>
      <c r="AL17" s="182">
        <v>0</v>
      </c>
      <c r="AM17" s="179">
        <v>0</v>
      </c>
      <c r="AN17" s="177">
        <v>0</v>
      </c>
      <c r="AO17" s="177">
        <v>0</v>
      </c>
      <c r="AP17" s="177">
        <v>0</v>
      </c>
      <c r="AQ17" s="177">
        <v>0</v>
      </c>
      <c r="AR17" s="177">
        <v>0</v>
      </c>
      <c r="AS17" s="182">
        <v>0</v>
      </c>
      <c r="AT17" s="181">
        <v>0</v>
      </c>
      <c r="AU17" s="176">
        <v>0</v>
      </c>
      <c r="AV17" s="177">
        <v>0</v>
      </c>
      <c r="AW17" s="182">
        <v>0</v>
      </c>
      <c r="AX17" s="179">
        <v>0</v>
      </c>
      <c r="AY17" s="177">
        <v>0</v>
      </c>
      <c r="AZ17" s="177">
        <v>0</v>
      </c>
      <c r="BA17" s="177">
        <v>1</v>
      </c>
      <c r="BB17" s="177">
        <v>0</v>
      </c>
      <c r="BC17" s="177">
        <v>0</v>
      </c>
      <c r="BD17" s="182">
        <v>1</v>
      </c>
      <c r="BE17" s="181">
        <v>1</v>
      </c>
      <c r="BF17" s="176">
        <v>0</v>
      </c>
      <c r="BG17" s="177">
        <v>0</v>
      </c>
      <c r="BH17" s="182">
        <v>0</v>
      </c>
      <c r="BI17" s="179">
        <v>0</v>
      </c>
      <c r="BJ17" s="177">
        <v>0</v>
      </c>
      <c r="BK17" s="177">
        <v>3</v>
      </c>
      <c r="BL17" s="177">
        <v>0</v>
      </c>
      <c r="BM17" s="177">
        <v>0</v>
      </c>
      <c r="BN17" s="177">
        <v>0</v>
      </c>
      <c r="BO17" s="180">
        <v>3</v>
      </c>
      <c r="BP17" s="181">
        <v>3</v>
      </c>
      <c r="BQ17" s="176">
        <v>0</v>
      </c>
      <c r="BR17" s="177">
        <v>0</v>
      </c>
      <c r="BS17" s="182">
        <v>0</v>
      </c>
      <c r="BT17" s="179">
        <v>0</v>
      </c>
      <c r="BU17" s="177">
        <v>0</v>
      </c>
      <c r="BV17" s="177">
        <v>0</v>
      </c>
      <c r="BW17" s="177">
        <v>0</v>
      </c>
      <c r="BX17" s="177">
        <v>0</v>
      </c>
      <c r="BY17" s="177">
        <v>0</v>
      </c>
      <c r="BZ17" s="182">
        <v>0</v>
      </c>
      <c r="CA17" s="181">
        <v>0</v>
      </c>
      <c r="CB17" s="176">
        <v>0</v>
      </c>
      <c r="CC17" s="177">
        <v>0</v>
      </c>
      <c r="CD17" s="182">
        <v>0</v>
      </c>
      <c r="CE17" s="179">
        <v>0</v>
      </c>
      <c r="CF17" s="177">
        <v>0</v>
      </c>
      <c r="CG17" s="177">
        <v>0</v>
      </c>
      <c r="CH17" s="177">
        <v>0</v>
      </c>
      <c r="CI17" s="177">
        <v>1</v>
      </c>
      <c r="CJ17" s="177">
        <v>0</v>
      </c>
      <c r="CK17" s="182">
        <v>1</v>
      </c>
      <c r="CL17" s="181">
        <v>1</v>
      </c>
      <c r="CM17" s="176">
        <v>0</v>
      </c>
      <c r="CN17" s="177">
        <v>0</v>
      </c>
      <c r="CO17" s="182">
        <v>0</v>
      </c>
      <c r="CP17" s="179">
        <v>0</v>
      </c>
      <c r="CQ17" s="177">
        <v>0</v>
      </c>
      <c r="CR17" s="177">
        <v>0</v>
      </c>
      <c r="CS17" s="177">
        <v>0</v>
      </c>
      <c r="CT17" s="177">
        <v>0</v>
      </c>
      <c r="CU17" s="177">
        <v>0</v>
      </c>
      <c r="CV17" s="182">
        <v>0</v>
      </c>
      <c r="CW17" s="181">
        <v>0</v>
      </c>
    </row>
    <row r="18" spans="2:101" ht="21" customHeight="1" x14ac:dyDescent="0.2">
      <c r="B18" s="92" t="s">
        <v>16</v>
      </c>
      <c r="C18" s="176">
        <v>0</v>
      </c>
      <c r="D18" s="182">
        <v>0</v>
      </c>
      <c r="E18" s="193">
        <v>0</v>
      </c>
      <c r="F18" s="179">
        <v>0</v>
      </c>
      <c r="G18" s="177">
        <v>0</v>
      </c>
      <c r="H18" s="177">
        <v>0</v>
      </c>
      <c r="I18" s="177">
        <v>1</v>
      </c>
      <c r="J18" s="177">
        <v>1</v>
      </c>
      <c r="K18" s="177">
        <v>1</v>
      </c>
      <c r="L18" s="180">
        <v>3</v>
      </c>
      <c r="M18" s="181">
        <v>3</v>
      </c>
      <c r="N18" s="176">
        <v>0</v>
      </c>
      <c r="O18" s="177">
        <v>0</v>
      </c>
      <c r="P18" s="182">
        <v>0</v>
      </c>
      <c r="Q18" s="179">
        <v>0</v>
      </c>
      <c r="R18" s="177">
        <v>0</v>
      </c>
      <c r="S18" s="177">
        <v>0</v>
      </c>
      <c r="T18" s="177">
        <v>0</v>
      </c>
      <c r="U18" s="177">
        <v>0</v>
      </c>
      <c r="V18" s="177">
        <v>0</v>
      </c>
      <c r="W18" s="182">
        <v>0</v>
      </c>
      <c r="X18" s="181">
        <v>0</v>
      </c>
      <c r="Y18" s="176">
        <v>0</v>
      </c>
      <c r="Z18" s="177">
        <v>0</v>
      </c>
      <c r="AA18" s="182">
        <v>0</v>
      </c>
      <c r="AB18" s="179">
        <v>0</v>
      </c>
      <c r="AC18" s="177">
        <v>8</v>
      </c>
      <c r="AD18" s="177">
        <v>9</v>
      </c>
      <c r="AE18" s="177">
        <v>5</v>
      </c>
      <c r="AF18" s="177">
        <v>1</v>
      </c>
      <c r="AG18" s="177">
        <v>0</v>
      </c>
      <c r="AH18" s="182">
        <v>23</v>
      </c>
      <c r="AI18" s="181">
        <v>23</v>
      </c>
      <c r="AJ18" s="176">
        <v>0</v>
      </c>
      <c r="AK18" s="177">
        <v>0</v>
      </c>
      <c r="AL18" s="182">
        <v>0</v>
      </c>
      <c r="AM18" s="179">
        <v>0</v>
      </c>
      <c r="AN18" s="177">
        <v>1</v>
      </c>
      <c r="AO18" s="177">
        <v>0</v>
      </c>
      <c r="AP18" s="177">
        <v>0</v>
      </c>
      <c r="AQ18" s="177">
        <v>0</v>
      </c>
      <c r="AR18" s="177">
        <v>0</v>
      </c>
      <c r="AS18" s="182">
        <v>1</v>
      </c>
      <c r="AT18" s="181">
        <v>1</v>
      </c>
      <c r="AU18" s="176">
        <v>0</v>
      </c>
      <c r="AV18" s="177">
        <v>0</v>
      </c>
      <c r="AW18" s="182">
        <v>0</v>
      </c>
      <c r="AX18" s="179">
        <v>0</v>
      </c>
      <c r="AY18" s="177">
        <v>3</v>
      </c>
      <c r="AZ18" s="177">
        <v>1</v>
      </c>
      <c r="BA18" s="177">
        <v>0</v>
      </c>
      <c r="BB18" s="177">
        <v>0</v>
      </c>
      <c r="BC18" s="177">
        <v>1</v>
      </c>
      <c r="BD18" s="182">
        <v>5</v>
      </c>
      <c r="BE18" s="181">
        <v>5</v>
      </c>
      <c r="BF18" s="176">
        <v>0</v>
      </c>
      <c r="BG18" s="177">
        <v>0</v>
      </c>
      <c r="BH18" s="182">
        <v>0</v>
      </c>
      <c r="BI18" s="179">
        <v>0</v>
      </c>
      <c r="BJ18" s="177">
        <v>1</v>
      </c>
      <c r="BK18" s="177">
        <v>2</v>
      </c>
      <c r="BL18" s="177">
        <v>1</v>
      </c>
      <c r="BM18" s="177">
        <v>1</v>
      </c>
      <c r="BN18" s="177">
        <v>0</v>
      </c>
      <c r="BO18" s="180">
        <v>5</v>
      </c>
      <c r="BP18" s="181">
        <v>5</v>
      </c>
      <c r="BQ18" s="176">
        <v>0</v>
      </c>
      <c r="BR18" s="177">
        <v>0</v>
      </c>
      <c r="BS18" s="182">
        <v>0</v>
      </c>
      <c r="BT18" s="179">
        <v>0</v>
      </c>
      <c r="BU18" s="177">
        <v>0</v>
      </c>
      <c r="BV18" s="177">
        <v>0</v>
      </c>
      <c r="BW18" s="177">
        <v>0</v>
      </c>
      <c r="BX18" s="177">
        <v>0</v>
      </c>
      <c r="BY18" s="177">
        <v>0</v>
      </c>
      <c r="BZ18" s="182">
        <v>0</v>
      </c>
      <c r="CA18" s="181">
        <v>0</v>
      </c>
      <c r="CB18" s="176">
        <v>0</v>
      </c>
      <c r="CC18" s="177">
        <v>0</v>
      </c>
      <c r="CD18" s="182">
        <v>0</v>
      </c>
      <c r="CE18" s="179">
        <v>0</v>
      </c>
      <c r="CF18" s="177">
        <v>0</v>
      </c>
      <c r="CG18" s="177">
        <v>0</v>
      </c>
      <c r="CH18" s="177">
        <v>0</v>
      </c>
      <c r="CI18" s="177">
        <v>0</v>
      </c>
      <c r="CJ18" s="177">
        <v>0</v>
      </c>
      <c r="CK18" s="182">
        <v>0</v>
      </c>
      <c r="CL18" s="181">
        <v>0</v>
      </c>
      <c r="CM18" s="176">
        <v>0</v>
      </c>
      <c r="CN18" s="177">
        <v>0</v>
      </c>
      <c r="CO18" s="182">
        <v>0</v>
      </c>
      <c r="CP18" s="179">
        <v>0</v>
      </c>
      <c r="CQ18" s="177">
        <v>1</v>
      </c>
      <c r="CR18" s="177">
        <v>1</v>
      </c>
      <c r="CS18" s="177">
        <v>0</v>
      </c>
      <c r="CT18" s="177">
        <v>0</v>
      </c>
      <c r="CU18" s="177">
        <v>1</v>
      </c>
      <c r="CV18" s="182">
        <v>3</v>
      </c>
      <c r="CW18" s="181">
        <v>3</v>
      </c>
    </row>
    <row r="19" spans="2:101" ht="21" customHeight="1" x14ac:dyDescent="0.2">
      <c r="B19" s="92" t="s">
        <v>17</v>
      </c>
      <c r="C19" s="176">
        <v>0</v>
      </c>
      <c r="D19" s="182">
        <v>0</v>
      </c>
      <c r="E19" s="193">
        <v>0</v>
      </c>
      <c r="F19" s="179">
        <v>0</v>
      </c>
      <c r="G19" s="177">
        <v>0</v>
      </c>
      <c r="H19" s="177">
        <v>0</v>
      </c>
      <c r="I19" s="177">
        <v>0</v>
      </c>
      <c r="J19" s="177">
        <v>0</v>
      </c>
      <c r="K19" s="177">
        <v>0</v>
      </c>
      <c r="L19" s="180">
        <v>0</v>
      </c>
      <c r="M19" s="181">
        <v>0</v>
      </c>
      <c r="N19" s="176">
        <v>0</v>
      </c>
      <c r="O19" s="177">
        <v>0</v>
      </c>
      <c r="P19" s="182">
        <v>0</v>
      </c>
      <c r="Q19" s="179">
        <v>0</v>
      </c>
      <c r="R19" s="177">
        <v>0</v>
      </c>
      <c r="S19" s="177">
        <v>0</v>
      </c>
      <c r="T19" s="177">
        <v>0</v>
      </c>
      <c r="U19" s="177">
        <v>0</v>
      </c>
      <c r="V19" s="177">
        <v>0</v>
      </c>
      <c r="W19" s="182">
        <v>0</v>
      </c>
      <c r="X19" s="181">
        <v>0</v>
      </c>
      <c r="Y19" s="176">
        <v>0</v>
      </c>
      <c r="Z19" s="177">
        <v>0</v>
      </c>
      <c r="AA19" s="182">
        <v>0</v>
      </c>
      <c r="AB19" s="179">
        <v>0</v>
      </c>
      <c r="AC19" s="177">
        <v>21</v>
      </c>
      <c r="AD19" s="177">
        <v>21</v>
      </c>
      <c r="AE19" s="177">
        <v>11</v>
      </c>
      <c r="AF19" s="177">
        <v>4</v>
      </c>
      <c r="AG19" s="177">
        <v>3</v>
      </c>
      <c r="AH19" s="182">
        <v>60</v>
      </c>
      <c r="AI19" s="181">
        <v>60</v>
      </c>
      <c r="AJ19" s="176">
        <v>0</v>
      </c>
      <c r="AK19" s="177">
        <v>0</v>
      </c>
      <c r="AL19" s="182">
        <v>0</v>
      </c>
      <c r="AM19" s="179">
        <v>0</v>
      </c>
      <c r="AN19" s="177">
        <v>2</v>
      </c>
      <c r="AO19" s="177">
        <v>2</v>
      </c>
      <c r="AP19" s="177">
        <v>0</v>
      </c>
      <c r="AQ19" s="177">
        <v>0</v>
      </c>
      <c r="AR19" s="177">
        <v>0</v>
      </c>
      <c r="AS19" s="182">
        <v>4</v>
      </c>
      <c r="AT19" s="181">
        <v>4</v>
      </c>
      <c r="AU19" s="176">
        <v>0</v>
      </c>
      <c r="AV19" s="177">
        <v>0</v>
      </c>
      <c r="AW19" s="182">
        <v>0</v>
      </c>
      <c r="AX19" s="179">
        <v>0</v>
      </c>
      <c r="AY19" s="177">
        <v>0</v>
      </c>
      <c r="AZ19" s="177">
        <v>0</v>
      </c>
      <c r="BA19" s="177">
        <v>3</v>
      </c>
      <c r="BB19" s="177">
        <v>2</v>
      </c>
      <c r="BC19" s="177">
        <v>1</v>
      </c>
      <c r="BD19" s="182">
        <v>6</v>
      </c>
      <c r="BE19" s="181">
        <v>6</v>
      </c>
      <c r="BF19" s="176">
        <v>0</v>
      </c>
      <c r="BG19" s="177">
        <v>0</v>
      </c>
      <c r="BH19" s="182">
        <v>0</v>
      </c>
      <c r="BI19" s="179">
        <v>0</v>
      </c>
      <c r="BJ19" s="177">
        <v>1</v>
      </c>
      <c r="BK19" s="177">
        <v>2</v>
      </c>
      <c r="BL19" s="177">
        <v>4</v>
      </c>
      <c r="BM19" s="177">
        <v>1</v>
      </c>
      <c r="BN19" s="177">
        <v>2</v>
      </c>
      <c r="BO19" s="180">
        <v>10</v>
      </c>
      <c r="BP19" s="181">
        <v>10</v>
      </c>
      <c r="BQ19" s="176">
        <v>0</v>
      </c>
      <c r="BR19" s="177">
        <v>0</v>
      </c>
      <c r="BS19" s="182">
        <v>0</v>
      </c>
      <c r="BT19" s="179">
        <v>0</v>
      </c>
      <c r="BU19" s="177">
        <v>0</v>
      </c>
      <c r="BV19" s="177">
        <v>0</v>
      </c>
      <c r="BW19" s="177">
        <v>0</v>
      </c>
      <c r="BX19" s="177">
        <v>0</v>
      </c>
      <c r="BY19" s="177">
        <v>0</v>
      </c>
      <c r="BZ19" s="182">
        <v>0</v>
      </c>
      <c r="CA19" s="181">
        <v>0</v>
      </c>
      <c r="CB19" s="176">
        <v>0</v>
      </c>
      <c r="CC19" s="177">
        <v>0</v>
      </c>
      <c r="CD19" s="182">
        <v>0</v>
      </c>
      <c r="CE19" s="179">
        <v>0</v>
      </c>
      <c r="CF19" s="177">
        <v>0</v>
      </c>
      <c r="CG19" s="177">
        <v>0</v>
      </c>
      <c r="CH19" s="177">
        <v>1</v>
      </c>
      <c r="CI19" s="177">
        <v>3</v>
      </c>
      <c r="CJ19" s="177">
        <v>3</v>
      </c>
      <c r="CK19" s="182">
        <v>7</v>
      </c>
      <c r="CL19" s="181">
        <v>7</v>
      </c>
      <c r="CM19" s="176">
        <v>0</v>
      </c>
      <c r="CN19" s="177">
        <v>0</v>
      </c>
      <c r="CO19" s="182">
        <v>0</v>
      </c>
      <c r="CP19" s="179">
        <v>0</v>
      </c>
      <c r="CQ19" s="177">
        <v>0</v>
      </c>
      <c r="CR19" s="177">
        <v>2</v>
      </c>
      <c r="CS19" s="177">
        <v>0</v>
      </c>
      <c r="CT19" s="177">
        <v>1</v>
      </c>
      <c r="CU19" s="177">
        <v>1</v>
      </c>
      <c r="CV19" s="182">
        <v>4</v>
      </c>
      <c r="CW19" s="181">
        <v>4</v>
      </c>
    </row>
    <row r="20" spans="2:101" ht="21" customHeight="1" x14ac:dyDescent="0.2">
      <c r="B20" s="92" t="s">
        <v>18</v>
      </c>
      <c r="C20" s="176">
        <v>0</v>
      </c>
      <c r="D20" s="182">
        <v>0</v>
      </c>
      <c r="E20" s="193">
        <v>0</v>
      </c>
      <c r="F20" s="179">
        <v>0</v>
      </c>
      <c r="G20" s="177">
        <v>0</v>
      </c>
      <c r="H20" s="177">
        <v>3</v>
      </c>
      <c r="I20" s="177">
        <v>0</v>
      </c>
      <c r="J20" s="177">
        <v>0</v>
      </c>
      <c r="K20" s="177">
        <v>0</v>
      </c>
      <c r="L20" s="180">
        <v>3</v>
      </c>
      <c r="M20" s="181">
        <v>3</v>
      </c>
      <c r="N20" s="176">
        <v>0</v>
      </c>
      <c r="O20" s="177">
        <v>0</v>
      </c>
      <c r="P20" s="182">
        <v>0</v>
      </c>
      <c r="Q20" s="179">
        <v>0</v>
      </c>
      <c r="R20" s="177">
        <v>0</v>
      </c>
      <c r="S20" s="177">
        <v>0</v>
      </c>
      <c r="T20" s="177">
        <v>0</v>
      </c>
      <c r="U20" s="177">
        <v>0</v>
      </c>
      <c r="V20" s="177">
        <v>0</v>
      </c>
      <c r="W20" s="182">
        <v>0</v>
      </c>
      <c r="X20" s="181">
        <v>0</v>
      </c>
      <c r="Y20" s="176">
        <v>0</v>
      </c>
      <c r="Z20" s="177">
        <v>0</v>
      </c>
      <c r="AA20" s="182">
        <v>0</v>
      </c>
      <c r="AB20" s="179">
        <v>0</v>
      </c>
      <c r="AC20" s="177">
        <v>23</v>
      </c>
      <c r="AD20" s="177">
        <v>9</v>
      </c>
      <c r="AE20" s="177">
        <v>5</v>
      </c>
      <c r="AF20" s="177">
        <v>2</v>
      </c>
      <c r="AG20" s="177">
        <v>0</v>
      </c>
      <c r="AH20" s="182">
        <v>39</v>
      </c>
      <c r="AI20" s="181">
        <v>39</v>
      </c>
      <c r="AJ20" s="176">
        <v>0</v>
      </c>
      <c r="AK20" s="177">
        <v>0</v>
      </c>
      <c r="AL20" s="182">
        <v>0</v>
      </c>
      <c r="AM20" s="179">
        <v>0</v>
      </c>
      <c r="AN20" s="177">
        <v>0</v>
      </c>
      <c r="AO20" s="177">
        <v>1</v>
      </c>
      <c r="AP20" s="177">
        <v>1</v>
      </c>
      <c r="AQ20" s="177">
        <v>0</v>
      </c>
      <c r="AR20" s="177">
        <v>0</v>
      </c>
      <c r="AS20" s="182">
        <v>2</v>
      </c>
      <c r="AT20" s="181">
        <v>2</v>
      </c>
      <c r="AU20" s="176">
        <v>0</v>
      </c>
      <c r="AV20" s="177">
        <v>0</v>
      </c>
      <c r="AW20" s="182">
        <v>0</v>
      </c>
      <c r="AX20" s="179">
        <v>0</v>
      </c>
      <c r="AY20" s="177">
        <v>2</v>
      </c>
      <c r="AZ20" s="177">
        <v>2</v>
      </c>
      <c r="BA20" s="177">
        <v>0</v>
      </c>
      <c r="BB20" s="177">
        <v>0</v>
      </c>
      <c r="BC20" s="177">
        <v>0</v>
      </c>
      <c r="BD20" s="182">
        <v>4</v>
      </c>
      <c r="BE20" s="181">
        <v>4</v>
      </c>
      <c r="BF20" s="176">
        <v>0</v>
      </c>
      <c r="BG20" s="177">
        <v>0</v>
      </c>
      <c r="BH20" s="182">
        <v>0</v>
      </c>
      <c r="BI20" s="179">
        <v>0</v>
      </c>
      <c r="BJ20" s="177">
        <v>1</v>
      </c>
      <c r="BK20" s="177">
        <v>4</v>
      </c>
      <c r="BL20" s="177">
        <v>7</v>
      </c>
      <c r="BM20" s="177">
        <v>1</v>
      </c>
      <c r="BN20" s="177">
        <v>1</v>
      </c>
      <c r="BO20" s="180">
        <v>14</v>
      </c>
      <c r="BP20" s="181">
        <v>14</v>
      </c>
      <c r="BQ20" s="176">
        <v>0</v>
      </c>
      <c r="BR20" s="177">
        <v>0</v>
      </c>
      <c r="BS20" s="182">
        <v>0</v>
      </c>
      <c r="BT20" s="179">
        <v>0</v>
      </c>
      <c r="BU20" s="177">
        <v>0</v>
      </c>
      <c r="BV20" s="177">
        <v>0</v>
      </c>
      <c r="BW20" s="177">
        <v>0</v>
      </c>
      <c r="BX20" s="177">
        <v>0</v>
      </c>
      <c r="BY20" s="177">
        <v>0</v>
      </c>
      <c r="BZ20" s="182">
        <v>0</v>
      </c>
      <c r="CA20" s="181">
        <v>0</v>
      </c>
      <c r="CB20" s="176">
        <v>0</v>
      </c>
      <c r="CC20" s="177">
        <v>0</v>
      </c>
      <c r="CD20" s="182">
        <v>0</v>
      </c>
      <c r="CE20" s="179">
        <v>0</v>
      </c>
      <c r="CF20" s="177">
        <v>0</v>
      </c>
      <c r="CG20" s="177">
        <v>0</v>
      </c>
      <c r="CH20" s="177">
        <v>0</v>
      </c>
      <c r="CI20" s="177">
        <v>1</v>
      </c>
      <c r="CJ20" s="177">
        <v>0</v>
      </c>
      <c r="CK20" s="182">
        <v>1</v>
      </c>
      <c r="CL20" s="181">
        <v>1</v>
      </c>
      <c r="CM20" s="176">
        <v>0</v>
      </c>
      <c r="CN20" s="177">
        <v>0</v>
      </c>
      <c r="CO20" s="182">
        <v>0</v>
      </c>
      <c r="CP20" s="179">
        <v>0</v>
      </c>
      <c r="CQ20" s="177">
        <v>0</v>
      </c>
      <c r="CR20" s="177">
        <v>0</v>
      </c>
      <c r="CS20" s="177">
        <v>2</v>
      </c>
      <c r="CT20" s="177">
        <v>0</v>
      </c>
      <c r="CU20" s="177">
        <v>2</v>
      </c>
      <c r="CV20" s="182">
        <v>4</v>
      </c>
      <c r="CW20" s="181">
        <v>4</v>
      </c>
    </row>
    <row r="21" spans="2:101" ht="21" customHeight="1" x14ac:dyDescent="0.2">
      <c r="B21" s="92" t="s">
        <v>19</v>
      </c>
      <c r="C21" s="176">
        <v>0</v>
      </c>
      <c r="D21" s="182">
        <v>0</v>
      </c>
      <c r="E21" s="193">
        <v>0</v>
      </c>
      <c r="F21" s="179">
        <v>0</v>
      </c>
      <c r="G21" s="177">
        <v>0</v>
      </c>
      <c r="H21" s="177">
        <v>1</v>
      </c>
      <c r="I21" s="177">
        <v>1</v>
      </c>
      <c r="J21" s="177">
        <v>2</v>
      </c>
      <c r="K21" s="177">
        <v>0</v>
      </c>
      <c r="L21" s="180">
        <v>4</v>
      </c>
      <c r="M21" s="181">
        <v>4</v>
      </c>
      <c r="N21" s="176">
        <v>0</v>
      </c>
      <c r="O21" s="177">
        <v>0</v>
      </c>
      <c r="P21" s="182">
        <v>0</v>
      </c>
      <c r="Q21" s="179">
        <v>0</v>
      </c>
      <c r="R21" s="177">
        <v>0</v>
      </c>
      <c r="S21" s="177">
        <v>1</v>
      </c>
      <c r="T21" s="177">
        <v>0</v>
      </c>
      <c r="U21" s="177">
        <v>1</v>
      </c>
      <c r="V21" s="177">
        <v>0</v>
      </c>
      <c r="W21" s="182">
        <v>2</v>
      </c>
      <c r="X21" s="181">
        <v>2</v>
      </c>
      <c r="Y21" s="176">
        <v>0</v>
      </c>
      <c r="Z21" s="177">
        <v>0</v>
      </c>
      <c r="AA21" s="182">
        <v>0</v>
      </c>
      <c r="AB21" s="179">
        <v>0</v>
      </c>
      <c r="AC21" s="177">
        <v>8</v>
      </c>
      <c r="AD21" s="177">
        <v>4</v>
      </c>
      <c r="AE21" s="177">
        <v>1</v>
      </c>
      <c r="AF21" s="177">
        <v>2</v>
      </c>
      <c r="AG21" s="177">
        <v>0</v>
      </c>
      <c r="AH21" s="182">
        <v>15</v>
      </c>
      <c r="AI21" s="181">
        <v>15</v>
      </c>
      <c r="AJ21" s="176">
        <v>1</v>
      </c>
      <c r="AK21" s="177">
        <v>0</v>
      </c>
      <c r="AL21" s="182">
        <v>1</v>
      </c>
      <c r="AM21" s="179">
        <v>0</v>
      </c>
      <c r="AN21" s="177">
        <v>1</v>
      </c>
      <c r="AO21" s="177">
        <v>2</v>
      </c>
      <c r="AP21" s="177">
        <v>0</v>
      </c>
      <c r="AQ21" s="177">
        <v>0</v>
      </c>
      <c r="AR21" s="177">
        <v>0</v>
      </c>
      <c r="AS21" s="182">
        <v>3</v>
      </c>
      <c r="AT21" s="181">
        <v>4</v>
      </c>
      <c r="AU21" s="176">
        <v>0</v>
      </c>
      <c r="AV21" s="177">
        <v>0</v>
      </c>
      <c r="AW21" s="182">
        <v>0</v>
      </c>
      <c r="AX21" s="179">
        <v>0</v>
      </c>
      <c r="AY21" s="177">
        <v>0</v>
      </c>
      <c r="AZ21" s="177">
        <v>1</v>
      </c>
      <c r="BA21" s="177">
        <v>1</v>
      </c>
      <c r="BB21" s="177">
        <v>1</v>
      </c>
      <c r="BC21" s="177">
        <v>0</v>
      </c>
      <c r="BD21" s="182">
        <v>3</v>
      </c>
      <c r="BE21" s="181">
        <v>3</v>
      </c>
      <c r="BF21" s="176">
        <v>0</v>
      </c>
      <c r="BG21" s="177">
        <v>0</v>
      </c>
      <c r="BH21" s="182">
        <v>0</v>
      </c>
      <c r="BI21" s="179">
        <v>0</v>
      </c>
      <c r="BJ21" s="177">
        <v>0</v>
      </c>
      <c r="BK21" s="177">
        <v>0</v>
      </c>
      <c r="BL21" s="177">
        <v>2</v>
      </c>
      <c r="BM21" s="177">
        <v>0</v>
      </c>
      <c r="BN21" s="177">
        <v>0</v>
      </c>
      <c r="BO21" s="180">
        <v>2</v>
      </c>
      <c r="BP21" s="181">
        <v>2</v>
      </c>
      <c r="BQ21" s="176">
        <v>0</v>
      </c>
      <c r="BR21" s="177">
        <v>0</v>
      </c>
      <c r="BS21" s="182">
        <v>0</v>
      </c>
      <c r="BT21" s="179">
        <v>0</v>
      </c>
      <c r="BU21" s="177">
        <v>0</v>
      </c>
      <c r="BV21" s="177">
        <v>0</v>
      </c>
      <c r="BW21" s="177">
        <v>0</v>
      </c>
      <c r="BX21" s="177">
        <v>0</v>
      </c>
      <c r="BY21" s="177">
        <v>0</v>
      </c>
      <c r="BZ21" s="182">
        <v>0</v>
      </c>
      <c r="CA21" s="181">
        <v>0</v>
      </c>
      <c r="CB21" s="176">
        <v>0</v>
      </c>
      <c r="CC21" s="177">
        <v>0</v>
      </c>
      <c r="CD21" s="182">
        <v>0</v>
      </c>
      <c r="CE21" s="179">
        <v>0</v>
      </c>
      <c r="CF21" s="177">
        <v>0</v>
      </c>
      <c r="CG21" s="177">
        <v>0</v>
      </c>
      <c r="CH21" s="177">
        <v>0</v>
      </c>
      <c r="CI21" s="177">
        <v>0</v>
      </c>
      <c r="CJ21" s="177">
        <v>0</v>
      </c>
      <c r="CK21" s="182">
        <v>0</v>
      </c>
      <c r="CL21" s="181">
        <v>0</v>
      </c>
      <c r="CM21" s="176">
        <v>0</v>
      </c>
      <c r="CN21" s="177">
        <v>0</v>
      </c>
      <c r="CO21" s="182">
        <v>0</v>
      </c>
      <c r="CP21" s="179">
        <v>0</v>
      </c>
      <c r="CQ21" s="177">
        <v>0</v>
      </c>
      <c r="CR21" s="177">
        <v>0</v>
      </c>
      <c r="CS21" s="177">
        <v>0</v>
      </c>
      <c r="CT21" s="177">
        <v>0</v>
      </c>
      <c r="CU21" s="177">
        <v>0</v>
      </c>
      <c r="CV21" s="182">
        <v>0</v>
      </c>
      <c r="CW21" s="181">
        <v>0</v>
      </c>
    </row>
    <row r="22" spans="2:101" ht="21" customHeight="1" x14ac:dyDescent="0.2">
      <c r="B22" s="92" t="s">
        <v>20</v>
      </c>
      <c r="C22" s="176">
        <v>0</v>
      </c>
      <c r="D22" s="182">
        <v>0</v>
      </c>
      <c r="E22" s="193">
        <v>0</v>
      </c>
      <c r="F22" s="179">
        <v>0</v>
      </c>
      <c r="G22" s="177">
        <v>0</v>
      </c>
      <c r="H22" s="177">
        <v>0</v>
      </c>
      <c r="I22" s="177">
        <v>0</v>
      </c>
      <c r="J22" s="177">
        <v>0</v>
      </c>
      <c r="K22" s="177">
        <v>0</v>
      </c>
      <c r="L22" s="180">
        <v>0</v>
      </c>
      <c r="M22" s="181">
        <v>0</v>
      </c>
      <c r="N22" s="176">
        <v>0</v>
      </c>
      <c r="O22" s="177">
        <v>0</v>
      </c>
      <c r="P22" s="182">
        <v>0</v>
      </c>
      <c r="Q22" s="179">
        <v>0</v>
      </c>
      <c r="R22" s="177">
        <v>0</v>
      </c>
      <c r="S22" s="177">
        <v>0</v>
      </c>
      <c r="T22" s="177">
        <v>0</v>
      </c>
      <c r="U22" s="177">
        <v>0</v>
      </c>
      <c r="V22" s="177">
        <v>0</v>
      </c>
      <c r="W22" s="182">
        <v>0</v>
      </c>
      <c r="X22" s="181">
        <v>0</v>
      </c>
      <c r="Y22" s="176">
        <v>0</v>
      </c>
      <c r="Z22" s="177">
        <v>0</v>
      </c>
      <c r="AA22" s="182">
        <v>0</v>
      </c>
      <c r="AB22" s="179">
        <v>0</v>
      </c>
      <c r="AC22" s="177">
        <v>15</v>
      </c>
      <c r="AD22" s="177">
        <v>14</v>
      </c>
      <c r="AE22" s="177">
        <v>2</v>
      </c>
      <c r="AF22" s="177">
        <v>1</v>
      </c>
      <c r="AG22" s="177">
        <v>0</v>
      </c>
      <c r="AH22" s="182">
        <v>32</v>
      </c>
      <c r="AI22" s="181">
        <v>32</v>
      </c>
      <c r="AJ22" s="176">
        <v>0</v>
      </c>
      <c r="AK22" s="177">
        <v>0</v>
      </c>
      <c r="AL22" s="182">
        <v>0</v>
      </c>
      <c r="AM22" s="179">
        <v>0</v>
      </c>
      <c r="AN22" s="177">
        <v>0</v>
      </c>
      <c r="AO22" s="177">
        <v>0</v>
      </c>
      <c r="AP22" s="177">
        <v>1</v>
      </c>
      <c r="AQ22" s="177">
        <v>0</v>
      </c>
      <c r="AR22" s="177">
        <v>0</v>
      </c>
      <c r="AS22" s="182">
        <v>1</v>
      </c>
      <c r="AT22" s="181">
        <v>1</v>
      </c>
      <c r="AU22" s="176">
        <v>0</v>
      </c>
      <c r="AV22" s="177">
        <v>0</v>
      </c>
      <c r="AW22" s="182">
        <v>0</v>
      </c>
      <c r="AX22" s="179">
        <v>0</v>
      </c>
      <c r="AY22" s="177">
        <v>0</v>
      </c>
      <c r="AZ22" s="177">
        <v>1</v>
      </c>
      <c r="BA22" s="177">
        <v>0</v>
      </c>
      <c r="BB22" s="177">
        <v>0</v>
      </c>
      <c r="BC22" s="177">
        <v>0</v>
      </c>
      <c r="BD22" s="182">
        <v>1</v>
      </c>
      <c r="BE22" s="181">
        <v>1</v>
      </c>
      <c r="BF22" s="176">
        <v>0</v>
      </c>
      <c r="BG22" s="177">
        <v>0</v>
      </c>
      <c r="BH22" s="182">
        <v>0</v>
      </c>
      <c r="BI22" s="179">
        <v>0</v>
      </c>
      <c r="BJ22" s="177">
        <v>1</v>
      </c>
      <c r="BK22" s="177">
        <v>1</v>
      </c>
      <c r="BL22" s="177">
        <v>3</v>
      </c>
      <c r="BM22" s="177">
        <v>0</v>
      </c>
      <c r="BN22" s="177">
        <v>0</v>
      </c>
      <c r="BO22" s="180">
        <v>5</v>
      </c>
      <c r="BP22" s="181">
        <v>5</v>
      </c>
      <c r="BQ22" s="176">
        <v>0</v>
      </c>
      <c r="BR22" s="177">
        <v>0</v>
      </c>
      <c r="BS22" s="182">
        <v>0</v>
      </c>
      <c r="BT22" s="179">
        <v>0</v>
      </c>
      <c r="BU22" s="177">
        <v>0</v>
      </c>
      <c r="BV22" s="177">
        <v>0</v>
      </c>
      <c r="BW22" s="177">
        <v>0</v>
      </c>
      <c r="BX22" s="177">
        <v>0</v>
      </c>
      <c r="BY22" s="177">
        <v>0</v>
      </c>
      <c r="BZ22" s="182">
        <v>0</v>
      </c>
      <c r="CA22" s="181">
        <v>0</v>
      </c>
      <c r="CB22" s="176">
        <v>0</v>
      </c>
      <c r="CC22" s="177">
        <v>0</v>
      </c>
      <c r="CD22" s="182">
        <v>0</v>
      </c>
      <c r="CE22" s="179">
        <v>0</v>
      </c>
      <c r="CF22" s="177">
        <v>0</v>
      </c>
      <c r="CG22" s="177">
        <v>0</v>
      </c>
      <c r="CH22" s="177">
        <v>0</v>
      </c>
      <c r="CI22" s="177">
        <v>0</v>
      </c>
      <c r="CJ22" s="177">
        <v>0</v>
      </c>
      <c r="CK22" s="182">
        <v>0</v>
      </c>
      <c r="CL22" s="181">
        <v>0</v>
      </c>
      <c r="CM22" s="176">
        <v>0</v>
      </c>
      <c r="CN22" s="177">
        <v>0</v>
      </c>
      <c r="CO22" s="182">
        <v>0</v>
      </c>
      <c r="CP22" s="179">
        <v>0</v>
      </c>
      <c r="CQ22" s="177">
        <v>0</v>
      </c>
      <c r="CR22" s="177">
        <v>0</v>
      </c>
      <c r="CS22" s="177">
        <v>0</v>
      </c>
      <c r="CT22" s="177">
        <v>0</v>
      </c>
      <c r="CU22" s="177">
        <v>0</v>
      </c>
      <c r="CV22" s="182">
        <v>0</v>
      </c>
      <c r="CW22" s="181">
        <v>0</v>
      </c>
    </row>
    <row r="23" spans="2:101" ht="21" customHeight="1" x14ac:dyDescent="0.2">
      <c r="B23" s="92" t="s">
        <v>21</v>
      </c>
      <c r="C23" s="176">
        <v>0</v>
      </c>
      <c r="D23" s="182">
        <v>0</v>
      </c>
      <c r="E23" s="193">
        <v>0</v>
      </c>
      <c r="F23" s="179">
        <v>0</v>
      </c>
      <c r="G23" s="177">
        <v>0</v>
      </c>
      <c r="H23" s="177">
        <v>0</v>
      </c>
      <c r="I23" s="177">
        <v>0</v>
      </c>
      <c r="J23" s="177">
        <v>0</v>
      </c>
      <c r="K23" s="177">
        <v>0</v>
      </c>
      <c r="L23" s="180">
        <v>0</v>
      </c>
      <c r="M23" s="181">
        <v>0</v>
      </c>
      <c r="N23" s="176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0</v>
      </c>
      <c r="T23" s="177">
        <v>0</v>
      </c>
      <c r="U23" s="177">
        <v>0</v>
      </c>
      <c r="V23" s="177">
        <v>0</v>
      </c>
      <c r="W23" s="182">
        <v>0</v>
      </c>
      <c r="X23" s="181">
        <v>0</v>
      </c>
      <c r="Y23" s="176">
        <v>0</v>
      </c>
      <c r="Z23" s="177">
        <v>0</v>
      </c>
      <c r="AA23" s="182">
        <v>0</v>
      </c>
      <c r="AB23" s="179">
        <v>0</v>
      </c>
      <c r="AC23" s="177">
        <v>13</v>
      </c>
      <c r="AD23" s="177">
        <v>10</v>
      </c>
      <c r="AE23" s="177">
        <v>2</v>
      </c>
      <c r="AF23" s="177">
        <v>2</v>
      </c>
      <c r="AG23" s="177">
        <v>0</v>
      </c>
      <c r="AH23" s="182">
        <v>27</v>
      </c>
      <c r="AI23" s="181">
        <v>27</v>
      </c>
      <c r="AJ23" s="176">
        <v>0</v>
      </c>
      <c r="AK23" s="177">
        <v>0</v>
      </c>
      <c r="AL23" s="182">
        <v>0</v>
      </c>
      <c r="AM23" s="179">
        <v>0</v>
      </c>
      <c r="AN23" s="177">
        <v>0</v>
      </c>
      <c r="AO23" s="177">
        <v>0</v>
      </c>
      <c r="AP23" s="177">
        <v>0</v>
      </c>
      <c r="AQ23" s="177">
        <v>0</v>
      </c>
      <c r="AR23" s="177">
        <v>0</v>
      </c>
      <c r="AS23" s="182">
        <v>0</v>
      </c>
      <c r="AT23" s="181">
        <v>0</v>
      </c>
      <c r="AU23" s="176">
        <v>0</v>
      </c>
      <c r="AV23" s="177">
        <v>0</v>
      </c>
      <c r="AW23" s="182">
        <v>0</v>
      </c>
      <c r="AX23" s="179">
        <v>0</v>
      </c>
      <c r="AY23" s="177">
        <v>1</v>
      </c>
      <c r="AZ23" s="177">
        <v>0</v>
      </c>
      <c r="BA23" s="177">
        <v>1</v>
      </c>
      <c r="BB23" s="177">
        <v>0</v>
      </c>
      <c r="BC23" s="177">
        <v>0</v>
      </c>
      <c r="BD23" s="182">
        <v>2</v>
      </c>
      <c r="BE23" s="181">
        <v>2</v>
      </c>
      <c r="BF23" s="176">
        <v>0</v>
      </c>
      <c r="BG23" s="177">
        <v>0</v>
      </c>
      <c r="BH23" s="182">
        <v>0</v>
      </c>
      <c r="BI23" s="179">
        <v>0</v>
      </c>
      <c r="BJ23" s="177">
        <v>0</v>
      </c>
      <c r="BK23" s="177">
        <v>1</v>
      </c>
      <c r="BL23" s="177">
        <v>0</v>
      </c>
      <c r="BM23" s="177">
        <v>2</v>
      </c>
      <c r="BN23" s="177">
        <v>0</v>
      </c>
      <c r="BO23" s="180">
        <v>3</v>
      </c>
      <c r="BP23" s="181">
        <v>3</v>
      </c>
      <c r="BQ23" s="176">
        <v>0</v>
      </c>
      <c r="BR23" s="177">
        <v>0</v>
      </c>
      <c r="BS23" s="182">
        <v>0</v>
      </c>
      <c r="BT23" s="179">
        <v>0</v>
      </c>
      <c r="BU23" s="177">
        <v>0</v>
      </c>
      <c r="BV23" s="177">
        <v>0</v>
      </c>
      <c r="BW23" s="177">
        <v>0</v>
      </c>
      <c r="BX23" s="177">
        <v>0</v>
      </c>
      <c r="BY23" s="177">
        <v>0</v>
      </c>
      <c r="BZ23" s="182">
        <v>0</v>
      </c>
      <c r="CA23" s="181">
        <v>0</v>
      </c>
      <c r="CB23" s="176">
        <v>0</v>
      </c>
      <c r="CC23" s="177">
        <v>0</v>
      </c>
      <c r="CD23" s="182">
        <v>0</v>
      </c>
      <c r="CE23" s="179">
        <v>0</v>
      </c>
      <c r="CF23" s="177">
        <v>0</v>
      </c>
      <c r="CG23" s="177">
        <v>0</v>
      </c>
      <c r="CH23" s="177">
        <v>0</v>
      </c>
      <c r="CI23" s="177">
        <v>0</v>
      </c>
      <c r="CJ23" s="177">
        <v>0</v>
      </c>
      <c r="CK23" s="182">
        <v>0</v>
      </c>
      <c r="CL23" s="181">
        <v>0</v>
      </c>
      <c r="CM23" s="176">
        <v>0</v>
      </c>
      <c r="CN23" s="177">
        <v>0</v>
      </c>
      <c r="CO23" s="182">
        <v>0</v>
      </c>
      <c r="CP23" s="179">
        <v>0</v>
      </c>
      <c r="CQ23" s="177">
        <v>0</v>
      </c>
      <c r="CR23" s="177">
        <v>0</v>
      </c>
      <c r="CS23" s="177">
        <v>0</v>
      </c>
      <c r="CT23" s="177">
        <v>0</v>
      </c>
      <c r="CU23" s="177">
        <v>0</v>
      </c>
      <c r="CV23" s="182">
        <v>0</v>
      </c>
      <c r="CW23" s="181">
        <v>0</v>
      </c>
    </row>
    <row r="24" spans="2:101" ht="21" customHeight="1" x14ac:dyDescent="0.2">
      <c r="B24" s="92" t="s">
        <v>22</v>
      </c>
      <c r="C24" s="176">
        <v>0</v>
      </c>
      <c r="D24" s="182">
        <v>0</v>
      </c>
      <c r="E24" s="193">
        <v>0</v>
      </c>
      <c r="F24" s="179">
        <v>0</v>
      </c>
      <c r="G24" s="177">
        <v>0</v>
      </c>
      <c r="H24" s="177">
        <v>0</v>
      </c>
      <c r="I24" s="177">
        <v>0</v>
      </c>
      <c r="J24" s="177">
        <v>1</v>
      </c>
      <c r="K24" s="177">
        <v>0</v>
      </c>
      <c r="L24" s="180">
        <v>1</v>
      </c>
      <c r="M24" s="181">
        <v>1</v>
      </c>
      <c r="N24" s="176">
        <v>0</v>
      </c>
      <c r="O24" s="177">
        <v>0</v>
      </c>
      <c r="P24" s="182">
        <v>0</v>
      </c>
      <c r="Q24" s="179">
        <v>0</v>
      </c>
      <c r="R24" s="177">
        <v>0</v>
      </c>
      <c r="S24" s="177">
        <v>0</v>
      </c>
      <c r="T24" s="177">
        <v>0</v>
      </c>
      <c r="U24" s="177">
        <v>0</v>
      </c>
      <c r="V24" s="177">
        <v>0</v>
      </c>
      <c r="W24" s="182">
        <v>0</v>
      </c>
      <c r="X24" s="181">
        <v>0</v>
      </c>
      <c r="Y24" s="176">
        <v>0</v>
      </c>
      <c r="Z24" s="177">
        <v>0</v>
      </c>
      <c r="AA24" s="182">
        <v>0</v>
      </c>
      <c r="AB24" s="179">
        <v>0</v>
      </c>
      <c r="AC24" s="177">
        <v>6</v>
      </c>
      <c r="AD24" s="177">
        <v>6</v>
      </c>
      <c r="AE24" s="177">
        <v>1</v>
      </c>
      <c r="AF24" s="177">
        <v>0</v>
      </c>
      <c r="AG24" s="177">
        <v>1</v>
      </c>
      <c r="AH24" s="182">
        <v>14</v>
      </c>
      <c r="AI24" s="181">
        <v>14</v>
      </c>
      <c r="AJ24" s="176">
        <v>0</v>
      </c>
      <c r="AK24" s="177">
        <v>0</v>
      </c>
      <c r="AL24" s="182">
        <v>0</v>
      </c>
      <c r="AM24" s="179">
        <v>0</v>
      </c>
      <c r="AN24" s="177">
        <v>1</v>
      </c>
      <c r="AO24" s="177">
        <v>0</v>
      </c>
      <c r="AP24" s="177">
        <v>0</v>
      </c>
      <c r="AQ24" s="177">
        <v>0</v>
      </c>
      <c r="AR24" s="177">
        <v>1</v>
      </c>
      <c r="AS24" s="182">
        <v>2</v>
      </c>
      <c r="AT24" s="181">
        <v>2</v>
      </c>
      <c r="AU24" s="176">
        <v>0</v>
      </c>
      <c r="AV24" s="177">
        <v>0</v>
      </c>
      <c r="AW24" s="182">
        <v>0</v>
      </c>
      <c r="AX24" s="179">
        <v>0</v>
      </c>
      <c r="AY24" s="177">
        <v>1</v>
      </c>
      <c r="AZ24" s="177">
        <v>1</v>
      </c>
      <c r="BA24" s="177">
        <v>0</v>
      </c>
      <c r="BB24" s="177">
        <v>0</v>
      </c>
      <c r="BC24" s="177">
        <v>0</v>
      </c>
      <c r="BD24" s="182">
        <v>2</v>
      </c>
      <c r="BE24" s="181">
        <v>2</v>
      </c>
      <c r="BF24" s="176">
        <v>0</v>
      </c>
      <c r="BG24" s="177">
        <v>1</v>
      </c>
      <c r="BH24" s="182">
        <v>1</v>
      </c>
      <c r="BI24" s="179">
        <v>0</v>
      </c>
      <c r="BJ24" s="177">
        <v>0</v>
      </c>
      <c r="BK24" s="177">
        <v>0</v>
      </c>
      <c r="BL24" s="177">
        <v>0</v>
      </c>
      <c r="BM24" s="177">
        <v>0</v>
      </c>
      <c r="BN24" s="177">
        <v>0</v>
      </c>
      <c r="BO24" s="180">
        <v>0</v>
      </c>
      <c r="BP24" s="181">
        <v>1</v>
      </c>
      <c r="BQ24" s="176">
        <v>0</v>
      </c>
      <c r="BR24" s="177">
        <v>0</v>
      </c>
      <c r="BS24" s="182">
        <v>0</v>
      </c>
      <c r="BT24" s="179">
        <v>0</v>
      </c>
      <c r="BU24" s="177">
        <v>0</v>
      </c>
      <c r="BV24" s="177">
        <v>0</v>
      </c>
      <c r="BW24" s="177">
        <v>0</v>
      </c>
      <c r="BX24" s="177">
        <v>0</v>
      </c>
      <c r="BY24" s="177">
        <v>0</v>
      </c>
      <c r="BZ24" s="182">
        <v>0</v>
      </c>
      <c r="CA24" s="181">
        <v>0</v>
      </c>
      <c r="CB24" s="176">
        <v>0</v>
      </c>
      <c r="CC24" s="177">
        <v>0</v>
      </c>
      <c r="CD24" s="182">
        <v>0</v>
      </c>
      <c r="CE24" s="179">
        <v>0</v>
      </c>
      <c r="CF24" s="177">
        <v>0</v>
      </c>
      <c r="CG24" s="177">
        <v>0</v>
      </c>
      <c r="CH24" s="177">
        <v>0</v>
      </c>
      <c r="CI24" s="177">
        <v>0</v>
      </c>
      <c r="CJ24" s="177">
        <v>0</v>
      </c>
      <c r="CK24" s="182">
        <v>0</v>
      </c>
      <c r="CL24" s="181">
        <v>0</v>
      </c>
      <c r="CM24" s="176">
        <v>0</v>
      </c>
      <c r="CN24" s="177">
        <v>0</v>
      </c>
      <c r="CO24" s="182">
        <v>0</v>
      </c>
      <c r="CP24" s="179">
        <v>0</v>
      </c>
      <c r="CQ24" s="177">
        <v>0</v>
      </c>
      <c r="CR24" s="177">
        <v>0</v>
      </c>
      <c r="CS24" s="177">
        <v>0</v>
      </c>
      <c r="CT24" s="177">
        <v>0</v>
      </c>
      <c r="CU24" s="177">
        <v>0</v>
      </c>
      <c r="CV24" s="182">
        <v>0</v>
      </c>
      <c r="CW24" s="181">
        <v>0</v>
      </c>
    </row>
    <row r="25" spans="2:101" ht="21" customHeight="1" x14ac:dyDescent="0.2">
      <c r="B25" s="92" t="s">
        <v>23</v>
      </c>
      <c r="C25" s="176">
        <v>0</v>
      </c>
      <c r="D25" s="182">
        <v>0</v>
      </c>
      <c r="E25" s="193">
        <v>0</v>
      </c>
      <c r="F25" s="179">
        <v>0</v>
      </c>
      <c r="G25" s="177">
        <v>0</v>
      </c>
      <c r="H25" s="177">
        <v>0</v>
      </c>
      <c r="I25" s="177">
        <v>0</v>
      </c>
      <c r="J25" s="177">
        <v>0</v>
      </c>
      <c r="K25" s="177">
        <v>1</v>
      </c>
      <c r="L25" s="180">
        <v>1</v>
      </c>
      <c r="M25" s="181">
        <v>1</v>
      </c>
      <c r="N25" s="176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0</v>
      </c>
      <c r="T25" s="177">
        <v>0</v>
      </c>
      <c r="U25" s="177">
        <v>0</v>
      </c>
      <c r="V25" s="177">
        <v>0</v>
      </c>
      <c r="W25" s="182">
        <v>0</v>
      </c>
      <c r="X25" s="181">
        <v>0</v>
      </c>
      <c r="Y25" s="176">
        <v>0</v>
      </c>
      <c r="Z25" s="177">
        <v>0</v>
      </c>
      <c r="AA25" s="182">
        <v>0</v>
      </c>
      <c r="AB25" s="179">
        <v>0</v>
      </c>
      <c r="AC25" s="177">
        <v>2</v>
      </c>
      <c r="AD25" s="177">
        <v>1</v>
      </c>
      <c r="AE25" s="177">
        <v>2</v>
      </c>
      <c r="AF25" s="177">
        <v>0</v>
      </c>
      <c r="AG25" s="177">
        <v>0</v>
      </c>
      <c r="AH25" s="182">
        <v>5</v>
      </c>
      <c r="AI25" s="181">
        <v>5</v>
      </c>
      <c r="AJ25" s="176">
        <v>0</v>
      </c>
      <c r="AK25" s="177">
        <v>0</v>
      </c>
      <c r="AL25" s="182">
        <v>0</v>
      </c>
      <c r="AM25" s="179">
        <v>0</v>
      </c>
      <c r="AN25" s="177">
        <v>0</v>
      </c>
      <c r="AO25" s="177">
        <v>0</v>
      </c>
      <c r="AP25" s="177">
        <v>0</v>
      </c>
      <c r="AQ25" s="177">
        <v>0</v>
      </c>
      <c r="AR25" s="177">
        <v>0</v>
      </c>
      <c r="AS25" s="182">
        <v>0</v>
      </c>
      <c r="AT25" s="181">
        <v>0</v>
      </c>
      <c r="AU25" s="176">
        <v>0</v>
      </c>
      <c r="AV25" s="177">
        <v>0</v>
      </c>
      <c r="AW25" s="182">
        <v>0</v>
      </c>
      <c r="AX25" s="179">
        <v>0</v>
      </c>
      <c r="AY25" s="177">
        <v>0</v>
      </c>
      <c r="AZ25" s="177">
        <v>0</v>
      </c>
      <c r="BA25" s="177">
        <v>0</v>
      </c>
      <c r="BB25" s="177">
        <v>0</v>
      </c>
      <c r="BC25" s="177">
        <v>0</v>
      </c>
      <c r="BD25" s="182">
        <v>0</v>
      </c>
      <c r="BE25" s="181">
        <v>0</v>
      </c>
      <c r="BF25" s="176">
        <v>0</v>
      </c>
      <c r="BG25" s="177">
        <v>0</v>
      </c>
      <c r="BH25" s="182">
        <v>0</v>
      </c>
      <c r="BI25" s="179">
        <v>0</v>
      </c>
      <c r="BJ25" s="177">
        <v>1</v>
      </c>
      <c r="BK25" s="177">
        <v>0</v>
      </c>
      <c r="BL25" s="177">
        <v>3</v>
      </c>
      <c r="BM25" s="177">
        <v>0</v>
      </c>
      <c r="BN25" s="177">
        <v>2</v>
      </c>
      <c r="BO25" s="180">
        <v>6</v>
      </c>
      <c r="BP25" s="181">
        <v>6</v>
      </c>
      <c r="BQ25" s="176">
        <v>0</v>
      </c>
      <c r="BR25" s="177">
        <v>0</v>
      </c>
      <c r="BS25" s="182">
        <v>0</v>
      </c>
      <c r="BT25" s="179">
        <v>0</v>
      </c>
      <c r="BU25" s="177">
        <v>0</v>
      </c>
      <c r="BV25" s="177">
        <v>0</v>
      </c>
      <c r="BW25" s="177">
        <v>0</v>
      </c>
      <c r="BX25" s="177">
        <v>0</v>
      </c>
      <c r="BY25" s="177">
        <v>0</v>
      </c>
      <c r="BZ25" s="182">
        <v>0</v>
      </c>
      <c r="CA25" s="181">
        <v>0</v>
      </c>
      <c r="CB25" s="176">
        <v>0</v>
      </c>
      <c r="CC25" s="177">
        <v>0</v>
      </c>
      <c r="CD25" s="182">
        <v>0</v>
      </c>
      <c r="CE25" s="179">
        <v>0</v>
      </c>
      <c r="CF25" s="177">
        <v>0</v>
      </c>
      <c r="CG25" s="177">
        <v>0</v>
      </c>
      <c r="CH25" s="177">
        <v>0</v>
      </c>
      <c r="CI25" s="177">
        <v>0</v>
      </c>
      <c r="CJ25" s="177">
        <v>0</v>
      </c>
      <c r="CK25" s="182">
        <v>0</v>
      </c>
      <c r="CL25" s="181">
        <v>0</v>
      </c>
      <c r="CM25" s="176">
        <v>0</v>
      </c>
      <c r="CN25" s="177">
        <v>0</v>
      </c>
      <c r="CO25" s="182">
        <v>0</v>
      </c>
      <c r="CP25" s="179">
        <v>0</v>
      </c>
      <c r="CQ25" s="177">
        <v>0</v>
      </c>
      <c r="CR25" s="177">
        <v>1</v>
      </c>
      <c r="CS25" s="177">
        <v>0</v>
      </c>
      <c r="CT25" s="177">
        <v>1</v>
      </c>
      <c r="CU25" s="177">
        <v>0</v>
      </c>
      <c r="CV25" s="182">
        <v>2</v>
      </c>
      <c r="CW25" s="181">
        <v>2</v>
      </c>
    </row>
    <row r="26" spans="2:101" ht="21" customHeight="1" x14ac:dyDescent="0.2">
      <c r="B26" s="92" t="s">
        <v>24</v>
      </c>
      <c r="C26" s="176">
        <v>0</v>
      </c>
      <c r="D26" s="182">
        <v>0</v>
      </c>
      <c r="E26" s="193">
        <v>0</v>
      </c>
      <c r="F26" s="179">
        <v>0</v>
      </c>
      <c r="G26" s="177">
        <v>1</v>
      </c>
      <c r="H26" s="177">
        <v>0</v>
      </c>
      <c r="I26" s="177">
        <v>0</v>
      </c>
      <c r="J26" s="177">
        <v>1</v>
      </c>
      <c r="K26" s="177">
        <v>1</v>
      </c>
      <c r="L26" s="180">
        <v>3</v>
      </c>
      <c r="M26" s="181">
        <v>3</v>
      </c>
      <c r="N26" s="176">
        <v>0</v>
      </c>
      <c r="O26" s="177">
        <v>0</v>
      </c>
      <c r="P26" s="182">
        <v>0</v>
      </c>
      <c r="Q26" s="179">
        <v>0</v>
      </c>
      <c r="R26" s="177">
        <v>0</v>
      </c>
      <c r="S26" s="177">
        <v>0</v>
      </c>
      <c r="T26" s="177">
        <v>0</v>
      </c>
      <c r="U26" s="177">
        <v>0</v>
      </c>
      <c r="V26" s="177">
        <v>0</v>
      </c>
      <c r="W26" s="182">
        <v>0</v>
      </c>
      <c r="X26" s="181">
        <v>0</v>
      </c>
      <c r="Y26" s="176">
        <v>0</v>
      </c>
      <c r="Z26" s="177">
        <v>0</v>
      </c>
      <c r="AA26" s="182">
        <v>0</v>
      </c>
      <c r="AB26" s="179">
        <v>0</v>
      </c>
      <c r="AC26" s="177">
        <v>0</v>
      </c>
      <c r="AD26" s="177">
        <v>1</v>
      </c>
      <c r="AE26" s="177">
        <v>0</v>
      </c>
      <c r="AF26" s="177">
        <v>2</v>
      </c>
      <c r="AG26" s="177">
        <v>0</v>
      </c>
      <c r="AH26" s="182">
        <v>3</v>
      </c>
      <c r="AI26" s="181">
        <v>3</v>
      </c>
      <c r="AJ26" s="176">
        <v>0</v>
      </c>
      <c r="AK26" s="177">
        <v>0</v>
      </c>
      <c r="AL26" s="182">
        <v>0</v>
      </c>
      <c r="AM26" s="179">
        <v>0</v>
      </c>
      <c r="AN26" s="177">
        <v>0</v>
      </c>
      <c r="AO26" s="177">
        <v>0</v>
      </c>
      <c r="AP26" s="177">
        <v>0</v>
      </c>
      <c r="AQ26" s="177">
        <v>0</v>
      </c>
      <c r="AR26" s="177">
        <v>0</v>
      </c>
      <c r="AS26" s="182">
        <v>0</v>
      </c>
      <c r="AT26" s="181">
        <v>0</v>
      </c>
      <c r="AU26" s="176">
        <v>0</v>
      </c>
      <c r="AV26" s="177">
        <v>0</v>
      </c>
      <c r="AW26" s="182">
        <v>0</v>
      </c>
      <c r="AX26" s="179">
        <v>0</v>
      </c>
      <c r="AY26" s="177">
        <v>2</v>
      </c>
      <c r="AZ26" s="177">
        <v>2</v>
      </c>
      <c r="BA26" s="177">
        <v>0</v>
      </c>
      <c r="BB26" s="177">
        <v>0</v>
      </c>
      <c r="BC26" s="177">
        <v>0</v>
      </c>
      <c r="BD26" s="182">
        <v>4</v>
      </c>
      <c r="BE26" s="181">
        <v>4</v>
      </c>
      <c r="BF26" s="176">
        <v>0</v>
      </c>
      <c r="BG26" s="177">
        <v>0</v>
      </c>
      <c r="BH26" s="182">
        <v>0</v>
      </c>
      <c r="BI26" s="179">
        <v>0</v>
      </c>
      <c r="BJ26" s="177">
        <v>0</v>
      </c>
      <c r="BK26" s="177">
        <v>0</v>
      </c>
      <c r="BL26" s="177">
        <v>0</v>
      </c>
      <c r="BM26" s="177">
        <v>0</v>
      </c>
      <c r="BN26" s="177">
        <v>2</v>
      </c>
      <c r="BO26" s="180">
        <v>2</v>
      </c>
      <c r="BP26" s="181">
        <v>2</v>
      </c>
      <c r="BQ26" s="176">
        <v>0</v>
      </c>
      <c r="BR26" s="177">
        <v>0</v>
      </c>
      <c r="BS26" s="182">
        <v>0</v>
      </c>
      <c r="BT26" s="179">
        <v>0</v>
      </c>
      <c r="BU26" s="177">
        <v>0</v>
      </c>
      <c r="BV26" s="177">
        <v>0</v>
      </c>
      <c r="BW26" s="177">
        <v>0</v>
      </c>
      <c r="BX26" s="177">
        <v>0</v>
      </c>
      <c r="BY26" s="177">
        <v>0</v>
      </c>
      <c r="BZ26" s="182">
        <v>0</v>
      </c>
      <c r="CA26" s="181">
        <v>0</v>
      </c>
      <c r="CB26" s="176">
        <v>0</v>
      </c>
      <c r="CC26" s="177">
        <v>0</v>
      </c>
      <c r="CD26" s="182">
        <v>0</v>
      </c>
      <c r="CE26" s="179">
        <v>0</v>
      </c>
      <c r="CF26" s="177">
        <v>0</v>
      </c>
      <c r="CG26" s="177">
        <v>0</v>
      </c>
      <c r="CH26" s="177">
        <v>0</v>
      </c>
      <c r="CI26" s="177">
        <v>0</v>
      </c>
      <c r="CJ26" s="177">
        <v>0</v>
      </c>
      <c r="CK26" s="182">
        <v>0</v>
      </c>
      <c r="CL26" s="181">
        <v>0</v>
      </c>
      <c r="CM26" s="176">
        <v>0</v>
      </c>
      <c r="CN26" s="177">
        <v>0</v>
      </c>
      <c r="CO26" s="182">
        <v>0</v>
      </c>
      <c r="CP26" s="179">
        <v>0</v>
      </c>
      <c r="CQ26" s="177">
        <v>0</v>
      </c>
      <c r="CR26" s="177">
        <v>0</v>
      </c>
      <c r="CS26" s="177">
        <v>0</v>
      </c>
      <c r="CT26" s="177">
        <v>0</v>
      </c>
      <c r="CU26" s="177">
        <v>0</v>
      </c>
      <c r="CV26" s="182">
        <v>0</v>
      </c>
      <c r="CW26" s="181">
        <v>0</v>
      </c>
    </row>
    <row r="27" spans="2:101" ht="21" customHeight="1" x14ac:dyDescent="0.2">
      <c r="B27" s="92" t="s">
        <v>25</v>
      </c>
      <c r="C27" s="176">
        <v>0</v>
      </c>
      <c r="D27" s="182">
        <v>0</v>
      </c>
      <c r="E27" s="193">
        <v>0</v>
      </c>
      <c r="F27" s="179">
        <v>0</v>
      </c>
      <c r="G27" s="177">
        <v>0</v>
      </c>
      <c r="H27" s="177">
        <v>0</v>
      </c>
      <c r="I27" s="177">
        <v>0</v>
      </c>
      <c r="J27" s="177">
        <v>0</v>
      </c>
      <c r="K27" s="177">
        <v>0</v>
      </c>
      <c r="L27" s="180">
        <v>0</v>
      </c>
      <c r="M27" s="181">
        <v>0</v>
      </c>
      <c r="N27" s="176">
        <v>0</v>
      </c>
      <c r="O27" s="177">
        <v>0</v>
      </c>
      <c r="P27" s="182">
        <v>0</v>
      </c>
      <c r="Q27" s="179">
        <v>0</v>
      </c>
      <c r="R27" s="177">
        <v>0</v>
      </c>
      <c r="S27" s="177">
        <v>0</v>
      </c>
      <c r="T27" s="177">
        <v>0</v>
      </c>
      <c r="U27" s="177">
        <v>0</v>
      </c>
      <c r="V27" s="177">
        <v>0</v>
      </c>
      <c r="W27" s="182">
        <v>0</v>
      </c>
      <c r="X27" s="181">
        <v>0</v>
      </c>
      <c r="Y27" s="176">
        <v>0</v>
      </c>
      <c r="Z27" s="177">
        <v>0</v>
      </c>
      <c r="AA27" s="182">
        <v>0</v>
      </c>
      <c r="AB27" s="179">
        <v>0</v>
      </c>
      <c r="AC27" s="177">
        <v>4</v>
      </c>
      <c r="AD27" s="177">
        <v>2</v>
      </c>
      <c r="AE27" s="177">
        <v>0</v>
      </c>
      <c r="AF27" s="177">
        <v>2</v>
      </c>
      <c r="AG27" s="177">
        <v>0</v>
      </c>
      <c r="AH27" s="182">
        <v>8</v>
      </c>
      <c r="AI27" s="181">
        <v>8</v>
      </c>
      <c r="AJ27" s="176">
        <v>0</v>
      </c>
      <c r="AK27" s="177">
        <v>0</v>
      </c>
      <c r="AL27" s="182">
        <v>0</v>
      </c>
      <c r="AM27" s="179">
        <v>0</v>
      </c>
      <c r="AN27" s="177">
        <v>0</v>
      </c>
      <c r="AO27" s="177">
        <v>0</v>
      </c>
      <c r="AP27" s="177">
        <v>0</v>
      </c>
      <c r="AQ27" s="177">
        <v>0</v>
      </c>
      <c r="AR27" s="177">
        <v>0</v>
      </c>
      <c r="AS27" s="182">
        <v>0</v>
      </c>
      <c r="AT27" s="181">
        <v>0</v>
      </c>
      <c r="AU27" s="176">
        <v>0</v>
      </c>
      <c r="AV27" s="177">
        <v>0</v>
      </c>
      <c r="AW27" s="182">
        <v>0</v>
      </c>
      <c r="AX27" s="179">
        <v>0</v>
      </c>
      <c r="AY27" s="177">
        <v>0</v>
      </c>
      <c r="AZ27" s="177">
        <v>0</v>
      </c>
      <c r="BA27" s="177">
        <v>0</v>
      </c>
      <c r="BB27" s="177">
        <v>0</v>
      </c>
      <c r="BC27" s="177">
        <v>0</v>
      </c>
      <c r="BD27" s="182">
        <v>0</v>
      </c>
      <c r="BE27" s="181">
        <v>0</v>
      </c>
      <c r="BF27" s="176">
        <v>0</v>
      </c>
      <c r="BG27" s="177">
        <v>0</v>
      </c>
      <c r="BH27" s="182">
        <v>0</v>
      </c>
      <c r="BI27" s="179">
        <v>0</v>
      </c>
      <c r="BJ27" s="177">
        <v>1</v>
      </c>
      <c r="BK27" s="177">
        <v>0</v>
      </c>
      <c r="BL27" s="177">
        <v>0</v>
      </c>
      <c r="BM27" s="177">
        <v>0</v>
      </c>
      <c r="BN27" s="177">
        <v>0</v>
      </c>
      <c r="BO27" s="180">
        <v>1</v>
      </c>
      <c r="BP27" s="181">
        <v>1</v>
      </c>
      <c r="BQ27" s="176">
        <v>0</v>
      </c>
      <c r="BR27" s="177">
        <v>0</v>
      </c>
      <c r="BS27" s="182">
        <v>0</v>
      </c>
      <c r="BT27" s="179">
        <v>0</v>
      </c>
      <c r="BU27" s="177">
        <v>0</v>
      </c>
      <c r="BV27" s="177">
        <v>0</v>
      </c>
      <c r="BW27" s="177">
        <v>0</v>
      </c>
      <c r="BX27" s="177">
        <v>0</v>
      </c>
      <c r="BY27" s="177">
        <v>0</v>
      </c>
      <c r="BZ27" s="182">
        <v>0</v>
      </c>
      <c r="CA27" s="181">
        <v>0</v>
      </c>
      <c r="CB27" s="176">
        <v>0</v>
      </c>
      <c r="CC27" s="177">
        <v>0</v>
      </c>
      <c r="CD27" s="182">
        <v>0</v>
      </c>
      <c r="CE27" s="179">
        <v>0</v>
      </c>
      <c r="CF27" s="177">
        <v>0</v>
      </c>
      <c r="CG27" s="177">
        <v>0</v>
      </c>
      <c r="CH27" s="177">
        <v>0</v>
      </c>
      <c r="CI27" s="177">
        <v>0</v>
      </c>
      <c r="CJ27" s="177">
        <v>0</v>
      </c>
      <c r="CK27" s="182">
        <v>0</v>
      </c>
      <c r="CL27" s="181">
        <v>0</v>
      </c>
      <c r="CM27" s="176">
        <v>0</v>
      </c>
      <c r="CN27" s="177">
        <v>0</v>
      </c>
      <c r="CO27" s="182">
        <v>0</v>
      </c>
      <c r="CP27" s="179">
        <v>0</v>
      </c>
      <c r="CQ27" s="177">
        <v>0</v>
      </c>
      <c r="CR27" s="177">
        <v>0</v>
      </c>
      <c r="CS27" s="177">
        <v>0</v>
      </c>
      <c r="CT27" s="177">
        <v>0</v>
      </c>
      <c r="CU27" s="177">
        <v>0</v>
      </c>
      <c r="CV27" s="182">
        <v>0</v>
      </c>
      <c r="CW27" s="181">
        <v>0</v>
      </c>
    </row>
    <row r="28" spans="2:101" ht="21" customHeight="1" x14ac:dyDescent="0.2">
      <c r="B28" s="92" t="s">
        <v>26</v>
      </c>
      <c r="C28" s="176">
        <v>0</v>
      </c>
      <c r="D28" s="182">
        <v>0</v>
      </c>
      <c r="E28" s="193">
        <v>0</v>
      </c>
      <c r="F28" s="179">
        <v>0</v>
      </c>
      <c r="G28" s="177">
        <v>0</v>
      </c>
      <c r="H28" s="177">
        <v>0</v>
      </c>
      <c r="I28" s="177">
        <v>0</v>
      </c>
      <c r="J28" s="177">
        <v>0</v>
      </c>
      <c r="K28" s="177">
        <v>0</v>
      </c>
      <c r="L28" s="180">
        <v>0</v>
      </c>
      <c r="M28" s="181">
        <v>0</v>
      </c>
      <c r="N28" s="176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0</v>
      </c>
      <c r="U28" s="177">
        <v>0</v>
      </c>
      <c r="V28" s="177">
        <v>0</v>
      </c>
      <c r="W28" s="182">
        <v>0</v>
      </c>
      <c r="X28" s="181">
        <v>0</v>
      </c>
      <c r="Y28" s="176">
        <v>0</v>
      </c>
      <c r="Z28" s="177">
        <v>0</v>
      </c>
      <c r="AA28" s="182">
        <v>0</v>
      </c>
      <c r="AB28" s="179">
        <v>0</v>
      </c>
      <c r="AC28" s="177">
        <v>2</v>
      </c>
      <c r="AD28" s="177">
        <v>2</v>
      </c>
      <c r="AE28" s="177">
        <v>1</v>
      </c>
      <c r="AF28" s="177">
        <v>0</v>
      </c>
      <c r="AG28" s="177">
        <v>0</v>
      </c>
      <c r="AH28" s="182">
        <v>5</v>
      </c>
      <c r="AI28" s="181">
        <v>5</v>
      </c>
      <c r="AJ28" s="176">
        <v>0</v>
      </c>
      <c r="AK28" s="177">
        <v>0</v>
      </c>
      <c r="AL28" s="182">
        <v>0</v>
      </c>
      <c r="AM28" s="179">
        <v>0</v>
      </c>
      <c r="AN28" s="177">
        <v>0</v>
      </c>
      <c r="AO28" s="177">
        <v>0</v>
      </c>
      <c r="AP28" s="177">
        <v>0</v>
      </c>
      <c r="AQ28" s="177">
        <v>0</v>
      </c>
      <c r="AR28" s="177">
        <v>0</v>
      </c>
      <c r="AS28" s="182">
        <v>0</v>
      </c>
      <c r="AT28" s="181">
        <v>0</v>
      </c>
      <c r="AU28" s="176">
        <v>0</v>
      </c>
      <c r="AV28" s="177">
        <v>0</v>
      </c>
      <c r="AW28" s="182">
        <v>0</v>
      </c>
      <c r="AX28" s="179">
        <v>0</v>
      </c>
      <c r="AY28" s="177">
        <v>0</v>
      </c>
      <c r="AZ28" s="177">
        <v>0</v>
      </c>
      <c r="BA28" s="177">
        <v>0</v>
      </c>
      <c r="BB28" s="177">
        <v>0</v>
      </c>
      <c r="BC28" s="177">
        <v>0</v>
      </c>
      <c r="BD28" s="182">
        <v>0</v>
      </c>
      <c r="BE28" s="181">
        <v>0</v>
      </c>
      <c r="BF28" s="176">
        <v>0</v>
      </c>
      <c r="BG28" s="177">
        <v>0</v>
      </c>
      <c r="BH28" s="182">
        <v>0</v>
      </c>
      <c r="BI28" s="179">
        <v>0</v>
      </c>
      <c r="BJ28" s="177">
        <v>2</v>
      </c>
      <c r="BK28" s="177">
        <v>0</v>
      </c>
      <c r="BL28" s="177">
        <v>2</v>
      </c>
      <c r="BM28" s="177">
        <v>0</v>
      </c>
      <c r="BN28" s="177">
        <v>0</v>
      </c>
      <c r="BO28" s="180">
        <v>4</v>
      </c>
      <c r="BP28" s="181">
        <v>4</v>
      </c>
      <c r="BQ28" s="176">
        <v>0</v>
      </c>
      <c r="BR28" s="177">
        <v>0</v>
      </c>
      <c r="BS28" s="182">
        <v>0</v>
      </c>
      <c r="BT28" s="179">
        <v>0</v>
      </c>
      <c r="BU28" s="177">
        <v>0</v>
      </c>
      <c r="BV28" s="177">
        <v>0</v>
      </c>
      <c r="BW28" s="177">
        <v>0</v>
      </c>
      <c r="BX28" s="177">
        <v>0</v>
      </c>
      <c r="BY28" s="177">
        <v>0</v>
      </c>
      <c r="BZ28" s="182">
        <v>0</v>
      </c>
      <c r="CA28" s="181">
        <v>0</v>
      </c>
      <c r="CB28" s="176">
        <v>0</v>
      </c>
      <c r="CC28" s="177">
        <v>0</v>
      </c>
      <c r="CD28" s="182">
        <v>0</v>
      </c>
      <c r="CE28" s="179">
        <v>0</v>
      </c>
      <c r="CF28" s="177">
        <v>0</v>
      </c>
      <c r="CG28" s="177">
        <v>0</v>
      </c>
      <c r="CH28" s="177">
        <v>0</v>
      </c>
      <c r="CI28" s="177">
        <v>0</v>
      </c>
      <c r="CJ28" s="177">
        <v>0</v>
      </c>
      <c r="CK28" s="182">
        <v>0</v>
      </c>
      <c r="CL28" s="181">
        <v>0</v>
      </c>
      <c r="CM28" s="176">
        <v>0</v>
      </c>
      <c r="CN28" s="177">
        <v>0</v>
      </c>
      <c r="CO28" s="182">
        <v>0</v>
      </c>
      <c r="CP28" s="179">
        <v>0</v>
      </c>
      <c r="CQ28" s="177">
        <v>0</v>
      </c>
      <c r="CR28" s="177">
        <v>0</v>
      </c>
      <c r="CS28" s="177">
        <v>0</v>
      </c>
      <c r="CT28" s="177">
        <v>0</v>
      </c>
      <c r="CU28" s="177">
        <v>0</v>
      </c>
      <c r="CV28" s="182">
        <v>0</v>
      </c>
      <c r="CW28" s="181">
        <v>0</v>
      </c>
    </row>
    <row r="29" spans="2:101" ht="21" customHeight="1" x14ac:dyDescent="0.2">
      <c r="B29" s="92" t="s">
        <v>27</v>
      </c>
      <c r="C29" s="176">
        <v>0</v>
      </c>
      <c r="D29" s="182">
        <v>0</v>
      </c>
      <c r="E29" s="193">
        <v>0</v>
      </c>
      <c r="F29" s="179">
        <v>0</v>
      </c>
      <c r="G29" s="177">
        <v>0</v>
      </c>
      <c r="H29" s="177">
        <v>0</v>
      </c>
      <c r="I29" s="177">
        <v>0</v>
      </c>
      <c r="J29" s="177">
        <v>0</v>
      </c>
      <c r="K29" s="177">
        <v>0</v>
      </c>
      <c r="L29" s="180">
        <v>0</v>
      </c>
      <c r="M29" s="181">
        <v>0</v>
      </c>
      <c r="N29" s="176">
        <v>0</v>
      </c>
      <c r="O29" s="177">
        <v>0</v>
      </c>
      <c r="P29" s="182">
        <v>0</v>
      </c>
      <c r="Q29" s="179">
        <v>0</v>
      </c>
      <c r="R29" s="177">
        <v>0</v>
      </c>
      <c r="S29" s="177">
        <v>0</v>
      </c>
      <c r="T29" s="177">
        <v>0</v>
      </c>
      <c r="U29" s="177">
        <v>0</v>
      </c>
      <c r="V29" s="177">
        <v>0</v>
      </c>
      <c r="W29" s="182">
        <v>0</v>
      </c>
      <c r="X29" s="181">
        <v>0</v>
      </c>
      <c r="Y29" s="176">
        <v>0</v>
      </c>
      <c r="Z29" s="177">
        <v>0</v>
      </c>
      <c r="AA29" s="182">
        <v>0</v>
      </c>
      <c r="AB29" s="179">
        <v>0</v>
      </c>
      <c r="AC29" s="177">
        <v>3</v>
      </c>
      <c r="AD29" s="177">
        <v>2</v>
      </c>
      <c r="AE29" s="177">
        <v>1</v>
      </c>
      <c r="AF29" s="177">
        <v>0</v>
      </c>
      <c r="AG29" s="177">
        <v>0</v>
      </c>
      <c r="AH29" s="182">
        <v>6</v>
      </c>
      <c r="AI29" s="181">
        <v>6</v>
      </c>
      <c r="AJ29" s="176">
        <v>0</v>
      </c>
      <c r="AK29" s="177">
        <v>0</v>
      </c>
      <c r="AL29" s="182">
        <v>0</v>
      </c>
      <c r="AM29" s="179">
        <v>0</v>
      </c>
      <c r="AN29" s="177">
        <v>1</v>
      </c>
      <c r="AO29" s="177">
        <v>1</v>
      </c>
      <c r="AP29" s="177">
        <v>0</v>
      </c>
      <c r="AQ29" s="177">
        <v>0</v>
      </c>
      <c r="AR29" s="177">
        <v>0</v>
      </c>
      <c r="AS29" s="182">
        <v>2</v>
      </c>
      <c r="AT29" s="181">
        <v>2</v>
      </c>
      <c r="AU29" s="176">
        <v>0</v>
      </c>
      <c r="AV29" s="177">
        <v>0</v>
      </c>
      <c r="AW29" s="182">
        <v>0</v>
      </c>
      <c r="AX29" s="179">
        <v>0</v>
      </c>
      <c r="AY29" s="177">
        <v>0</v>
      </c>
      <c r="AZ29" s="177">
        <v>0</v>
      </c>
      <c r="BA29" s="177">
        <v>0</v>
      </c>
      <c r="BB29" s="177">
        <v>0</v>
      </c>
      <c r="BC29" s="177">
        <v>0</v>
      </c>
      <c r="BD29" s="182">
        <v>0</v>
      </c>
      <c r="BE29" s="181">
        <v>0</v>
      </c>
      <c r="BF29" s="176">
        <v>0</v>
      </c>
      <c r="BG29" s="177">
        <v>0</v>
      </c>
      <c r="BH29" s="182">
        <v>0</v>
      </c>
      <c r="BI29" s="179">
        <v>0</v>
      </c>
      <c r="BJ29" s="177">
        <v>0</v>
      </c>
      <c r="BK29" s="177">
        <v>0</v>
      </c>
      <c r="BL29" s="177">
        <v>0</v>
      </c>
      <c r="BM29" s="177">
        <v>1</v>
      </c>
      <c r="BN29" s="177">
        <v>0</v>
      </c>
      <c r="BO29" s="180">
        <v>1</v>
      </c>
      <c r="BP29" s="181">
        <v>1</v>
      </c>
      <c r="BQ29" s="176">
        <v>0</v>
      </c>
      <c r="BR29" s="177">
        <v>0</v>
      </c>
      <c r="BS29" s="182">
        <v>0</v>
      </c>
      <c r="BT29" s="179">
        <v>0</v>
      </c>
      <c r="BU29" s="177">
        <v>0</v>
      </c>
      <c r="BV29" s="177">
        <v>0</v>
      </c>
      <c r="BW29" s="177">
        <v>0</v>
      </c>
      <c r="BX29" s="177">
        <v>0</v>
      </c>
      <c r="BY29" s="177">
        <v>0</v>
      </c>
      <c r="BZ29" s="182">
        <v>0</v>
      </c>
      <c r="CA29" s="181">
        <v>0</v>
      </c>
      <c r="CB29" s="176">
        <v>0</v>
      </c>
      <c r="CC29" s="177">
        <v>0</v>
      </c>
      <c r="CD29" s="182">
        <v>0</v>
      </c>
      <c r="CE29" s="179">
        <v>0</v>
      </c>
      <c r="CF29" s="177">
        <v>0</v>
      </c>
      <c r="CG29" s="177">
        <v>0</v>
      </c>
      <c r="CH29" s="177">
        <v>0</v>
      </c>
      <c r="CI29" s="177">
        <v>1</v>
      </c>
      <c r="CJ29" s="177">
        <v>0</v>
      </c>
      <c r="CK29" s="182">
        <v>1</v>
      </c>
      <c r="CL29" s="181">
        <v>1</v>
      </c>
      <c r="CM29" s="176">
        <v>0</v>
      </c>
      <c r="CN29" s="177">
        <v>0</v>
      </c>
      <c r="CO29" s="182">
        <v>0</v>
      </c>
      <c r="CP29" s="179">
        <v>0</v>
      </c>
      <c r="CQ29" s="177">
        <v>1</v>
      </c>
      <c r="CR29" s="177">
        <v>0</v>
      </c>
      <c r="CS29" s="177">
        <v>0</v>
      </c>
      <c r="CT29" s="177">
        <v>0</v>
      </c>
      <c r="CU29" s="177">
        <v>0</v>
      </c>
      <c r="CV29" s="182">
        <v>1</v>
      </c>
      <c r="CW29" s="181">
        <v>1</v>
      </c>
    </row>
    <row r="30" spans="2:101" ht="21" customHeight="1" x14ac:dyDescent="0.2">
      <c r="B30" s="92" t="s">
        <v>28</v>
      </c>
      <c r="C30" s="176">
        <v>0</v>
      </c>
      <c r="D30" s="182">
        <v>0</v>
      </c>
      <c r="E30" s="193">
        <v>0</v>
      </c>
      <c r="F30" s="179">
        <v>0</v>
      </c>
      <c r="G30" s="177">
        <v>0</v>
      </c>
      <c r="H30" s="177">
        <v>0</v>
      </c>
      <c r="I30" s="177">
        <v>0</v>
      </c>
      <c r="J30" s="177">
        <v>0</v>
      </c>
      <c r="K30" s="177">
        <v>0</v>
      </c>
      <c r="L30" s="180">
        <v>0</v>
      </c>
      <c r="M30" s="181">
        <v>0</v>
      </c>
      <c r="N30" s="176">
        <v>0</v>
      </c>
      <c r="O30" s="177">
        <v>0</v>
      </c>
      <c r="P30" s="182">
        <v>0</v>
      </c>
      <c r="Q30" s="179">
        <v>0</v>
      </c>
      <c r="R30" s="177">
        <v>0</v>
      </c>
      <c r="S30" s="177">
        <v>0</v>
      </c>
      <c r="T30" s="177">
        <v>0</v>
      </c>
      <c r="U30" s="177">
        <v>0</v>
      </c>
      <c r="V30" s="177">
        <v>0</v>
      </c>
      <c r="W30" s="182">
        <v>0</v>
      </c>
      <c r="X30" s="181">
        <v>0</v>
      </c>
      <c r="Y30" s="176">
        <v>0</v>
      </c>
      <c r="Z30" s="177">
        <v>0</v>
      </c>
      <c r="AA30" s="182">
        <v>0</v>
      </c>
      <c r="AB30" s="179">
        <v>0</v>
      </c>
      <c r="AC30" s="177">
        <v>5</v>
      </c>
      <c r="AD30" s="177">
        <v>1</v>
      </c>
      <c r="AE30" s="177">
        <v>0</v>
      </c>
      <c r="AF30" s="177">
        <v>0</v>
      </c>
      <c r="AG30" s="177">
        <v>0</v>
      </c>
      <c r="AH30" s="182">
        <v>6</v>
      </c>
      <c r="AI30" s="181">
        <v>6</v>
      </c>
      <c r="AJ30" s="176">
        <v>0</v>
      </c>
      <c r="AK30" s="177">
        <v>0</v>
      </c>
      <c r="AL30" s="182">
        <v>0</v>
      </c>
      <c r="AM30" s="179">
        <v>0</v>
      </c>
      <c r="AN30" s="177">
        <v>0</v>
      </c>
      <c r="AO30" s="177">
        <v>0</v>
      </c>
      <c r="AP30" s="177">
        <v>0</v>
      </c>
      <c r="AQ30" s="177">
        <v>0</v>
      </c>
      <c r="AR30" s="177">
        <v>0</v>
      </c>
      <c r="AS30" s="182">
        <v>0</v>
      </c>
      <c r="AT30" s="181">
        <v>0</v>
      </c>
      <c r="AU30" s="176">
        <v>0</v>
      </c>
      <c r="AV30" s="177">
        <v>0</v>
      </c>
      <c r="AW30" s="182">
        <v>0</v>
      </c>
      <c r="AX30" s="179">
        <v>0</v>
      </c>
      <c r="AY30" s="177">
        <v>0</v>
      </c>
      <c r="AZ30" s="177">
        <v>0</v>
      </c>
      <c r="BA30" s="177">
        <v>0</v>
      </c>
      <c r="BB30" s="177">
        <v>0</v>
      </c>
      <c r="BC30" s="177">
        <v>0</v>
      </c>
      <c r="BD30" s="182">
        <v>0</v>
      </c>
      <c r="BE30" s="181">
        <v>0</v>
      </c>
      <c r="BF30" s="176">
        <v>0</v>
      </c>
      <c r="BG30" s="177">
        <v>0</v>
      </c>
      <c r="BH30" s="182">
        <v>0</v>
      </c>
      <c r="BI30" s="179">
        <v>0</v>
      </c>
      <c r="BJ30" s="177">
        <v>0</v>
      </c>
      <c r="BK30" s="177">
        <v>1</v>
      </c>
      <c r="BL30" s="177">
        <v>0</v>
      </c>
      <c r="BM30" s="177">
        <v>0</v>
      </c>
      <c r="BN30" s="177">
        <v>0</v>
      </c>
      <c r="BO30" s="180">
        <v>1</v>
      </c>
      <c r="BP30" s="181">
        <v>1</v>
      </c>
      <c r="BQ30" s="176">
        <v>0</v>
      </c>
      <c r="BR30" s="177">
        <v>0</v>
      </c>
      <c r="BS30" s="182">
        <v>0</v>
      </c>
      <c r="BT30" s="179">
        <v>0</v>
      </c>
      <c r="BU30" s="177">
        <v>0</v>
      </c>
      <c r="BV30" s="177">
        <v>0</v>
      </c>
      <c r="BW30" s="177">
        <v>0</v>
      </c>
      <c r="BX30" s="177">
        <v>0</v>
      </c>
      <c r="BY30" s="177">
        <v>0</v>
      </c>
      <c r="BZ30" s="182">
        <v>0</v>
      </c>
      <c r="CA30" s="181">
        <v>0</v>
      </c>
      <c r="CB30" s="176">
        <v>0</v>
      </c>
      <c r="CC30" s="177">
        <v>0</v>
      </c>
      <c r="CD30" s="182">
        <v>0</v>
      </c>
      <c r="CE30" s="179">
        <v>0</v>
      </c>
      <c r="CF30" s="177">
        <v>0</v>
      </c>
      <c r="CG30" s="177">
        <v>0</v>
      </c>
      <c r="CH30" s="177">
        <v>0</v>
      </c>
      <c r="CI30" s="177">
        <v>0</v>
      </c>
      <c r="CJ30" s="177">
        <v>0</v>
      </c>
      <c r="CK30" s="182">
        <v>0</v>
      </c>
      <c r="CL30" s="181">
        <v>0</v>
      </c>
      <c r="CM30" s="176">
        <v>0</v>
      </c>
      <c r="CN30" s="177">
        <v>0</v>
      </c>
      <c r="CO30" s="182">
        <v>0</v>
      </c>
      <c r="CP30" s="179">
        <v>0</v>
      </c>
      <c r="CQ30" s="177">
        <v>0</v>
      </c>
      <c r="CR30" s="177">
        <v>0</v>
      </c>
      <c r="CS30" s="177">
        <v>0</v>
      </c>
      <c r="CT30" s="177">
        <v>0</v>
      </c>
      <c r="CU30" s="177">
        <v>0</v>
      </c>
      <c r="CV30" s="182">
        <v>0</v>
      </c>
      <c r="CW30" s="181">
        <v>0</v>
      </c>
    </row>
    <row r="31" spans="2:101" ht="21" customHeight="1" x14ac:dyDescent="0.2">
      <c r="B31" s="92" t="s">
        <v>29</v>
      </c>
      <c r="C31" s="176">
        <v>0</v>
      </c>
      <c r="D31" s="182">
        <v>0</v>
      </c>
      <c r="E31" s="193">
        <v>0</v>
      </c>
      <c r="F31" s="179">
        <v>0</v>
      </c>
      <c r="G31" s="177">
        <v>1</v>
      </c>
      <c r="H31" s="177">
        <v>0</v>
      </c>
      <c r="I31" s="177">
        <v>0</v>
      </c>
      <c r="J31" s="177">
        <v>0</v>
      </c>
      <c r="K31" s="177">
        <v>0</v>
      </c>
      <c r="L31" s="180">
        <v>1</v>
      </c>
      <c r="M31" s="181">
        <v>1</v>
      </c>
      <c r="N31" s="176">
        <v>0</v>
      </c>
      <c r="O31" s="177">
        <v>0</v>
      </c>
      <c r="P31" s="182">
        <v>0</v>
      </c>
      <c r="Q31" s="179">
        <v>0</v>
      </c>
      <c r="R31" s="177">
        <v>0</v>
      </c>
      <c r="S31" s="177">
        <v>0</v>
      </c>
      <c r="T31" s="177">
        <v>0</v>
      </c>
      <c r="U31" s="177">
        <v>0</v>
      </c>
      <c r="V31" s="177">
        <v>0</v>
      </c>
      <c r="W31" s="182">
        <v>0</v>
      </c>
      <c r="X31" s="181">
        <v>0</v>
      </c>
      <c r="Y31" s="176">
        <v>0</v>
      </c>
      <c r="Z31" s="177">
        <v>0</v>
      </c>
      <c r="AA31" s="182">
        <v>0</v>
      </c>
      <c r="AB31" s="179">
        <v>0</v>
      </c>
      <c r="AC31" s="177">
        <v>1</v>
      </c>
      <c r="AD31" s="177">
        <v>0</v>
      </c>
      <c r="AE31" s="177">
        <v>0</v>
      </c>
      <c r="AF31" s="177">
        <v>0</v>
      </c>
      <c r="AG31" s="177">
        <v>0</v>
      </c>
      <c r="AH31" s="182">
        <v>1</v>
      </c>
      <c r="AI31" s="181">
        <v>1</v>
      </c>
      <c r="AJ31" s="176">
        <v>0</v>
      </c>
      <c r="AK31" s="177">
        <v>0</v>
      </c>
      <c r="AL31" s="182">
        <v>0</v>
      </c>
      <c r="AM31" s="179">
        <v>0</v>
      </c>
      <c r="AN31" s="177">
        <v>0</v>
      </c>
      <c r="AO31" s="177">
        <v>0</v>
      </c>
      <c r="AP31" s="177">
        <v>0</v>
      </c>
      <c r="AQ31" s="177">
        <v>0</v>
      </c>
      <c r="AR31" s="177">
        <v>0</v>
      </c>
      <c r="AS31" s="182">
        <v>0</v>
      </c>
      <c r="AT31" s="181">
        <v>0</v>
      </c>
      <c r="AU31" s="176">
        <v>0</v>
      </c>
      <c r="AV31" s="177">
        <v>0</v>
      </c>
      <c r="AW31" s="182">
        <v>0</v>
      </c>
      <c r="AX31" s="179">
        <v>0</v>
      </c>
      <c r="AY31" s="177">
        <v>0</v>
      </c>
      <c r="AZ31" s="177">
        <v>2</v>
      </c>
      <c r="BA31" s="177">
        <v>0</v>
      </c>
      <c r="BB31" s="177">
        <v>0</v>
      </c>
      <c r="BC31" s="177">
        <v>0</v>
      </c>
      <c r="BD31" s="182">
        <v>2</v>
      </c>
      <c r="BE31" s="181">
        <v>2</v>
      </c>
      <c r="BF31" s="176">
        <v>0</v>
      </c>
      <c r="BG31" s="177">
        <v>0</v>
      </c>
      <c r="BH31" s="182">
        <v>0</v>
      </c>
      <c r="BI31" s="179">
        <v>0</v>
      </c>
      <c r="BJ31" s="177">
        <v>0</v>
      </c>
      <c r="BK31" s="177">
        <v>0</v>
      </c>
      <c r="BL31" s="177">
        <v>0</v>
      </c>
      <c r="BM31" s="177">
        <v>0</v>
      </c>
      <c r="BN31" s="177">
        <v>0</v>
      </c>
      <c r="BO31" s="180">
        <v>0</v>
      </c>
      <c r="BP31" s="181">
        <v>0</v>
      </c>
      <c r="BQ31" s="176">
        <v>0</v>
      </c>
      <c r="BR31" s="177">
        <v>0</v>
      </c>
      <c r="BS31" s="182">
        <v>0</v>
      </c>
      <c r="BT31" s="179">
        <v>0</v>
      </c>
      <c r="BU31" s="177">
        <v>0</v>
      </c>
      <c r="BV31" s="177">
        <v>0</v>
      </c>
      <c r="BW31" s="177">
        <v>0</v>
      </c>
      <c r="BX31" s="177">
        <v>0</v>
      </c>
      <c r="BY31" s="177">
        <v>0</v>
      </c>
      <c r="BZ31" s="182">
        <v>0</v>
      </c>
      <c r="CA31" s="181">
        <v>0</v>
      </c>
      <c r="CB31" s="176">
        <v>0</v>
      </c>
      <c r="CC31" s="177">
        <v>0</v>
      </c>
      <c r="CD31" s="182">
        <v>0</v>
      </c>
      <c r="CE31" s="179">
        <v>0</v>
      </c>
      <c r="CF31" s="177">
        <v>0</v>
      </c>
      <c r="CG31" s="177">
        <v>0</v>
      </c>
      <c r="CH31" s="177">
        <v>0</v>
      </c>
      <c r="CI31" s="177">
        <v>1</v>
      </c>
      <c r="CJ31" s="177">
        <v>0</v>
      </c>
      <c r="CK31" s="182">
        <v>1</v>
      </c>
      <c r="CL31" s="181">
        <v>1</v>
      </c>
      <c r="CM31" s="176">
        <v>0</v>
      </c>
      <c r="CN31" s="177">
        <v>0</v>
      </c>
      <c r="CO31" s="182">
        <v>0</v>
      </c>
      <c r="CP31" s="179">
        <v>0</v>
      </c>
      <c r="CQ31" s="177">
        <v>0</v>
      </c>
      <c r="CR31" s="177">
        <v>0</v>
      </c>
      <c r="CS31" s="177">
        <v>0</v>
      </c>
      <c r="CT31" s="177">
        <v>0</v>
      </c>
      <c r="CU31" s="177">
        <v>0</v>
      </c>
      <c r="CV31" s="182">
        <v>0</v>
      </c>
      <c r="CW31" s="181">
        <v>0</v>
      </c>
    </row>
    <row r="32" spans="2:101" ht="21" customHeight="1" x14ac:dyDescent="0.2">
      <c r="B32" s="92" t="s">
        <v>30</v>
      </c>
      <c r="C32" s="176">
        <v>0</v>
      </c>
      <c r="D32" s="182">
        <v>0</v>
      </c>
      <c r="E32" s="193">
        <v>0</v>
      </c>
      <c r="F32" s="179">
        <v>0</v>
      </c>
      <c r="G32" s="177">
        <v>0</v>
      </c>
      <c r="H32" s="177">
        <v>0</v>
      </c>
      <c r="I32" s="177">
        <v>0</v>
      </c>
      <c r="J32" s="177">
        <v>0</v>
      </c>
      <c r="K32" s="177">
        <v>0</v>
      </c>
      <c r="L32" s="180">
        <v>0</v>
      </c>
      <c r="M32" s="181">
        <v>0</v>
      </c>
      <c r="N32" s="176">
        <v>0</v>
      </c>
      <c r="O32" s="177">
        <v>0</v>
      </c>
      <c r="P32" s="182">
        <v>0</v>
      </c>
      <c r="Q32" s="179">
        <v>0</v>
      </c>
      <c r="R32" s="177">
        <v>0</v>
      </c>
      <c r="S32" s="177">
        <v>0</v>
      </c>
      <c r="T32" s="177">
        <v>0</v>
      </c>
      <c r="U32" s="177">
        <v>0</v>
      </c>
      <c r="V32" s="177">
        <v>0</v>
      </c>
      <c r="W32" s="182">
        <v>0</v>
      </c>
      <c r="X32" s="181">
        <v>0</v>
      </c>
      <c r="Y32" s="176">
        <v>0</v>
      </c>
      <c r="Z32" s="177">
        <v>0</v>
      </c>
      <c r="AA32" s="182">
        <v>0</v>
      </c>
      <c r="AB32" s="179">
        <v>0</v>
      </c>
      <c r="AC32" s="177">
        <v>1</v>
      </c>
      <c r="AD32" s="177">
        <v>0</v>
      </c>
      <c r="AE32" s="177">
        <v>0</v>
      </c>
      <c r="AF32" s="177">
        <v>0</v>
      </c>
      <c r="AG32" s="177">
        <v>0</v>
      </c>
      <c r="AH32" s="182">
        <v>1</v>
      </c>
      <c r="AI32" s="181">
        <v>1</v>
      </c>
      <c r="AJ32" s="176">
        <v>0</v>
      </c>
      <c r="AK32" s="177">
        <v>0</v>
      </c>
      <c r="AL32" s="182">
        <v>0</v>
      </c>
      <c r="AM32" s="179">
        <v>0</v>
      </c>
      <c r="AN32" s="177">
        <v>0</v>
      </c>
      <c r="AO32" s="177">
        <v>1</v>
      </c>
      <c r="AP32" s="177">
        <v>0</v>
      </c>
      <c r="AQ32" s="177">
        <v>0</v>
      </c>
      <c r="AR32" s="177">
        <v>0</v>
      </c>
      <c r="AS32" s="182">
        <v>1</v>
      </c>
      <c r="AT32" s="181">
        <v>1</v>
      </c>
      <c r="AU32" s="176">
        <v>0</v>
      </c>
      <c r="AV32" s="177">
        <v>0</v>
      </c>
      <c r="AW32" s="182">
        <v>0</v>
      </c>
      <c r="AX32" s="179">
        <v>0</v>
      </c>
      <c r="AY32" s="177">
        <v>0</v>
      </c>
      <c r="AZ32" s="177">
        <v>0</v>
      </c>
      <c r="BA32" s="177">
        <v>0</v>
      </c>
      <c r="BB32" s="177">
        <v>0</v>
      </c>
      <c r="BC32" s="177">
        <v>0</v>
      </c>
      <c r="BD32" s="182">
        <v>0</v>
      </c>
      <c r="BE32" s="181">
        <v>0</v>
      </c>
      <c r="BF32" s="176">
        <v>0</v>
      </c>
      <c r="BG32" s="177">
        <v>0</v>
      </c>
      <c r="BH32" s="182">
        <v>0</v>
      </c>
      <c r="BI32" s="179">
        <v>0</v>
      </c>
      <c r="BJ32" s="177">
        <v>0</v>
      </c>
      <c r="BK32" s="177">
        <v>0</v>
      </c>
      <c r="BL32" s="177">
        <v>0</v>
      </c>
      <c r="BM32" s="177">
        <v>1</v>
      </c>
      <c r="BN32" s="177">
        <v>0</v>
      </c>
      <c r="BO32" s="180">
        <v>1</v>
      </c>
      <c r="BP32" s="181">
        <v>1</v>
      </c>
      <c r="BQ32" s="176">
        <v>0</v>
      </c>
      <c r="BR32" s="177">
        <v>0</v>
      </c>
      <c r="BS32" s="182">
        <v>0</v>
      </c>
      <c r="BT32" s="179">
        <v>0</v>
      </c>
      <c r="BU32" s="177">
        <v>0</v>
      </c>
      <c r="BV32" s="177">
        <v>0</v>
      </c>
      <c r="BW32" s="177">
        <v>0</v>
      </c>
      <c r="BX32" s="177">
        <v>0</v>
      </c>
      <c r="BY32" s="177">
        <v>0</v>
      </c>
      <c r="BZ32" s="182">
        <v>0</v>
      </c>
      <c r="CA32" s="181">
        <v>0</v>
      </c>
      <c r="CB32" s="176">
        <v>0</v>
      </c>
      <c r="CC32" s="177">
        <v>0</v>
      </c>
      <c r="CD32" s="182">
        <v>0</v>
      </c>
      <c r="CE32" s="179">
        <v>0</v>
      </c>
      <c r="CF32" s="177">
        <v>0</v>
      </c>
      <c r="CG32" s="177">
        <v>0</v>
      </c>
      <c r="CH32" s="177">
        <v>0</v>
      </c>
      <c r="CI32" s="177">
        <v>0</v>
      </c>
      <c r="CJ32" s="177">
        <v>0</v>
      </c>
      <c r="CK32" s="182">
        <v>0</v>
      </c>
      <c r="CL32" s="181">
        <v>0</v>
      </c>
      <c r="CM32" s="176">
        <v>0</v>
      </c>
      <c r="CN32" s="177">
        <v>0</v>
      </c>
      <c r="CO32" s="182">
        <v>0</v>
      </c>
      <c r="CP32" s="179">
        <v>0</v>
      </c>
      <c r="CQ32" s="177">
        <v>0</v>
      </c>
      <c r="CR32" s="177">
        <v>0</v>
      </c>
      <c r="CS32" s="177">
        <v>0</v>
      </c>
      <c r="CT32" s="177">
        <v>0</v>
      </c>
      <c r="CU32" s="177">
        <v>0</v>
      </c>
      <c r="CV32" s="182">
        <v>0</v>
      </c>
      <c r="CW32" s="181">
        <v>0</v>
      </c>
    </row>
    <row r="33" spans="2:101" ht="21" customHeight="1" x14ac:dyDescent="0.2">
      <c r="B33" s="92" t="s">
        <v>31</v>
      </c>
      <c r="C33" s="176">
        <v>0</v>
      </c>
      <c r="D33" s="182">
        <v>0</v>
      </c>
      <c r="E33" s="193">
        <v>0</v>
      </c>
      <c r="F33" s="179">
        <v>0</v>
      </c>
      <c r="G33" s="177">
        <v>0</v>
      </c>
      <c r="H33" s="177">
        <v>0</v>
      </c>
      <c r="I33" s="177">
        <v>0</v>
      </c>
      <c r="J33" s="177">
        <v>0</v>
      </c>
      <c r="K33" s="177">
        <v>0</v>
      </c>
      <c r="L33" s="180">
        <v>0</v>
      </c>
      <c r="M33" s="181">
        <v>0</v>
      </c>
      <c r="N33" s="176">
        <v>0</v>
      </c>
      <c r="O33" s="177">
        <v>0</v>
      </c>
      <c r="P33" s="182">
        <v>0</v>
      </c>
      <c r="Q33" s="179">
        <v>0</v>
      </c>
      <c r="R33" s="177">
        <v>0</v>
      </c>
      <c r="S33" s="177">
        <v>0</v>
      </c>
      <c r="T33" s="177">
        <v>0</v>
      </c>
      <c r="U33" s="177">
        <v>0</v>
      </c>
      <c r="V33" s="177">
        <v>0</v>
      </c>
      <c r="W33" s="182">
        <v>0</v>
      </c>
      <c r="X33" s="181">
        <v>0</v>
      </c>
      <c r="Y33" s="176">
        <v>0</v>
      </c>
      <c r="Z33" s="177">
        <v>0</v>
      </c>
      <c r="AA33" s="182">
        <v>0</v>
      </c>
      <c r="AB33" s="179">
        <v>0</v>
      </c>
      <c r="AC33" s="177">
        <v>3</v>
      </c>
      <c r="AD33" s="177">
        <v>0</v>
      </c>
      <c r="AE33" s="177">
        <v>0</v>
      </c>
      <c r="AF33" s="177">
        <v>0</v>
      </c>
      <c r="AG33" s="177">
        <v>0</v>
      </c>
      <c r="AH33" s="182">
        <v>3</v>
      </c>
      <c r="AI33" s="181">
        <v>3</v>
      </c>
      <c r="AJ33" s="176">
        <v>0</v>
      </c>
      <c r="AK33" s="177">
        <v>0</v>
      </c>
      <c r="AL33" s="182">
        <v>0</v>
      </c>
      <c r="AM33" s="179">
        <v>0</v>
      </c>
      <c r="AN33" s="177">
        <v>0</v>
      </c>
      <c r="AO33" s="177">
        <v>0</v>
      </c>
      <c r="AP33" s="177">
        <v>0</v>
      </c>
      <c r="AQ33" s="177">
        <v>0</v>
      </c>
      <c r="AR33" s="177">
        <v>0</v>
      </c>
      <c r="AS33" s="182">
        <v>0</v>
      </c>
      <c r="AT33" s="181">
        <v>0</v>
      </c>
      <c r="AU33" s="176">
        <v>0</v>
      </c>
      <c r="AV33" s="177">
        <v>0</v>
      </c>
      <c r="AW33" s="182">
        <v>0</v>
      </c>
      <c r="AX33" s="179">
        <v>0</v>
      </c>
      <c r="AY33" s="177">
        <v>0</v>
      </c>
      <c r="AZ33" s="177">
        <v>0</v>
      </c>
      <c r="BA33" s="177">
        <v>0</v>
      </c>
      <c r="BB33" s="177">
        <v>0</v>
      </c>
      <c r="BC33" s="177">
        <v>0</v>
      </c>
      <c r="BD33" s="182">
        <v>0</v>
      </c>
      <c r="BE33" s="181">
        <v>0</v>
      </c>
      <c r="BF33" s="176">
        <v>0</v>
      </c>
      <c r="BG33" s="177">
        <v>0</v>
      </c>
      <c r="BH33" s="182">
        <v>0</v>
      </c>
      <c r="BI33" s="179">
        <v>0</v>
      </c>
      <c r="BJ33" s="177">
        <v>0</v>
      </c>
      <c r="BK33" s="177">
        <v>0</v>
      </c>
      <c r="BL33" s="177">
        <v>0</v>
      </c>
      <c r="BM33" s="177">
        <v>0</v>
      </c>
      <c r="BN33" s="177">
        <v>0</v>
      </c>
      <c r="BO33" s="180">
        <v>0</v>
      </c>
      <c r="BP33" s="181">
        <v>0</v>
      </c>
      <c r="BQ33" s="176">
        <v>0</v>
      </c>
      <c r="BR33" s="177">
        <v>0</v>
      </c>
      <c r="BS33" s="182">
        <v>0</v>
      </c>
      <c r="BT33" s="179">
        <v>0</v>
      </c>
      <c r="BU33" s="177">
        <v>0</v>
      </c>
      <c r="BV33" s="177">
        <v>0</v>
      </c>
      <c r="BW33" s="177">
        <v>0</v>
      </c>
      <c r="BX33" s="177">
        <v>0</v>
      </c>
      <c r="BY33" s="177">
        <v>0</v>
      </c>
      <c r="BZ33" s="182">
        <v>0</v>
      </c>
      <c r="CA33" s="181">
        <v>0</v>
      </c>
      <c r="CB33" s="176">
        <v>0</v>
      </c>
      <c r="CC33" s="177">
        <v>0</v>
      </c>
      <c r="CD33" s="182">
        <v>0</v>
      </c>
      <c r="CE33" s="179">
        <v>0</v>
      </c>
      <c r="CF33" s="177">
        <v>0</v>
      </c>
      <c r="CG33" s="177">
        <v>0</v>
      </c>
      <c r="CH33" s="177">
        <v>0</v>
      </c>
      <c r="CI33" s="177">
        <v>0</v>
      </c>
      <c r="CJ33" s="177">
        <v>0</v>
      </c>
      <c r="CK33" s="182">
        <v>0</v>
      </c>
      <c r="CL33" s="181">
        <v>0</v>
      </c>
      <c r="CM33" s="176">
        <v>0</v>
      </c>
      <c r="CN33" s="177">
        <v>0</v>
      </c>
      <c r="CO33" s="182">
        <v>0</v>
      </c>
      <c r="CP33" s="179">
        <v>0</v>
      </c>
      <c r="CQ33" s="177">
        <v>0</v>
      </c>
      <c r="CR33" s="177">
        <v>0</v>
      </c>
      <c r="CS33" s="177">
        <v>0</v>
      </c>
      <c r="CT33" s="177">
        <v>0</v>
      </c>
      <c r="CU33" s="177">
        <v>0</v>
      </c>
      <c r="CV33" s="182">
        <v>0</v>
      </c>
      <c r="CW33" s="181">
        <v>0</v>
      </c>
    </row>
    <row r="34" spans="2:101" ht="21" customHeight="1" x14ac:dyDescent="0.2">
      <c r="B34" s="92" t="s">
        <v>32</v>
      </c>
      <c r="C34" s="176">
        <v>0</v>
      </c>
      <c r="D34" s="182">
        <v>0</v>
      </c>
      <c r="E34" s="193">
        <v>0</v>
      </c>
      <c r="F34" s="179">
        <v>0</v>
      </c>
      <c r="G34" s="177">
        <v>1</v>
      </c>
      <c r="H34" s="177">
        <v>1</v>
      </c>
      <c r="I34" s="177">
        <v>0</v>
      </c>
      <c r="J34" s="177">
        <v>0</v>
      </c>
      <c r="K34" s="177">
        <v>0</v>
      </c>
      <c r="L34" s="180">
        <v>2</v>
      </c>
      <c r="M34" s="181">
        <v>2</v>
      </c>
      <c r="N34" s="176">
        <v>0</v>
      </c>
      <c r="O34" s="177">
        <v>0</v>
      </c>
      <c r="P34" s="182">
        <v>0</v>
      </c>
      <c r="Q34" s="179">
        <v>0</v>
      </c>
      <c r="R34" s="177">
        <v>0</v>
      </c>
      <c r="S34" s="177">
        <v>0</v>
      </c>
      <c r="T34" s="177">
        <v>0</v>
      </c>
      <c r="U34" s="177">
        <v>0</v>
      </c>
      <c r="V34" s="177">
        <v>0</v>
      </c>
      <c r="W34" s="182">
        <v>0</v>
      </c>
      <c r="X34" s="181">
        <v>0</v>
      </c>
      <c r="Y34" s="176">
        <v>0</v>
      </c>
      <c r="Z34" s="177">
        <v>0</v>
      </c>
      <c r="AA34" s="182">
        <v>0</v>
      </c>
      <c r="AB34" s="179">
        <v>0</v>
      </c>
      <c r="AC34" s="177">
        <v>3</v>
      </c>
      <c r="AD34" s="177">
        <v>2</v>
      </c>
      <c r="AE34" s="177">
        <v>0</v>
      </c>
      <c r="AF34" s="177">
        <v>0</v>
      </c>
      <c r="AG34" s="177">
        <v>0</v>
      </c>
      <c r="AH34" s="182">
        <v>5</v>
      </c>
      <c r="AI34" s="181">
        <v>5</v>
      </c>
      <c r="AJ34" s="176">
        <v>0</v>
      </c>
      <c r="AK34" s="177">
        <v>0</v>
      </c>
      <c r="AL34" s="182">
        <v>0</v>
      </c>
      <c r="AM34" s="179">
        <v>0</v>
      </c>
      <c r="AN34" s="177">
        <v>1</v>
      </c>
      <c r="AO34" s="177">
        <v>0</v>
      </c>
      <c r="AP34" s="177">
        <v>1</v>
      </c>
      <c r="AQ34" s="177">
        <v>0</v>
      </c>
      <c r="AR34" s="177">
        <v>0</v>
      </c>
      <c r="AS34" s="182">
        <v>2</v>
      </c>
      <c r="AT34" s="181">
        <v>2</v>
      </c>
      <c r="AU34" s="176">
        <v>0</v>
      </c>
      <c r="AV34" s="177">
        <v>0</v>
      </c>
      <c r="AW34" s="182">
        <v>0</v>
      </c>
      <c r="AX34" s="179">
        <v>0</v>
      </c>
      <c r="AY34" s="177">
        <v>1</v>
      </c>
      <c r="AZ34" s="177">
        <v>0</v>
      </c>
      <c r="BA34" s="177">
        <v>0</v>
      </c>
      <c r="BB34" s="177">
        <v>0</v>
      </c>
      <c r="BC34" s="177">
        <v>0</v>
      </c>
      <c r="BD34" s="182">
        <v>1</v>
      </c>
      <c r="BE34" s="181">
        <v>1</v>
      </c>
      <c r="BF34" s="176">
        <v>0</v>
      </c>
      <c r="BG34" s="177">
        <v>0</v>
      </c>
      <c r="BH34" s="182">
        <v>0</v>
      </c>
      <c r="BI34" s="179">
        <v>0</v>
      </c>
      <c r="BJ34" s="177">
        <v>0</v>
      </c>
      <c r="BK34" s="177">
        <v>0</v>
      </c>
      <c r="BL34" s="177">
        <v>0</v>
      </c>
      <c r="BM34" s="177">
        <v>0</v>
      </c>
      <c r="BN34" s="177">
        <v>1</v>
      </c>
      <c r="BO34" s="180">
        <v>1</v>
      </c>
      <c r="BP34" s="181">
        <v>1</v>
      </c>
      <c r="BQ34" s="176">
        <v>0</v>
      </c>
      <c r="BR34" s="177">
        <v>0</v>
      </c>
      <c r="BS34" s="182">
        <v>0</v>
      </c>
      <c r="BT34" s="179">
        <v>0</v>
      </c>
      <c r="BU34" s="177">
        <v>0</v>
      </c>
      <c r="BV34" s="177">
        <v>0</v>
      </c>
      <c r="BW34" s="177">
        <v>0</v>
      </c>
      <c r="BX34" s="177">
        <v>0</v>
      </c>
      <c r="BY34" s="177">
        <v>0</v>
      </c>
      <c r="BZ34" s="182">
        <v>0</v>
      </c>
      <c r="CA34" s="181">
        <v>0</v>
      </c>
      <c r="CB34" s="176">
        <v>0</v>
      </c>
      <c r="CC34" s="177">
        <v>0</v>
      </c>
      <c r="CD34" s="182">
        <v>0</v>
      </c>
      <c r="CE34" s="179">
        <v>0</v>
      </c>
      <c r="CF34" s="177">
        <v>0</v>
      </c>
      <c r="CG34" s="177">
        <v>0</v>
      </c>
      <c r="CH34" s="177">
        <v>0</v>
      </c>
      <c r="CI34" s="177">
        <v>1</v>
      </c>
      <c r="CJ34" s="177">
        <v>0</v>
      </c>
      <c r="CK34" s="182">
        <v>1</v>
      </c>
      <c r="CL34" s="181">
        <v>1</v>
      </c>
      <c r="CM34" s="176">
        <v>0</v>
      </c>
      <c r="CN34" s="177">
        <v>0</v>
      </c>
      <c r="CO34" s="182">
        <v>0</v>
      </c>
      <c r="CP34" s="179">
        <v>0</v>
      </c>
      <c r="CQ34" s="177">
        <v>0</v>
      </c>
      <c r="CR34" s="177">
        <v>0</v>
      </c>
      <c r="CS34" s="177">
        <v>0</v>
      </c>
      <c r="CT34" s="177">
        <v>0</v>
      </c>
      <c r="CU34" s="177">
        <v>0</v>
      </c>
      <c r="CV34" s="182">
        <v>0</v>
      </c>
      <c r="CW34" s="181">
        <v>0</v>
      </c>
    </row>
    <row r="35" spans="2:101" ht="21" customHeight="1" x14ac:dyDescent="0.2">
      <c r="B35" s="92" t="s">
        <v>33</v>
      </c>
      <c r="C35" s="176">
        <v>0</v>
      </c>
      <c r="D35" s="182">
        <v>0</v>
      </c>
      <c r="E35" s="193">
        <v>0</v>
      </c>
      <c r="F35" s="179">
        <v>0</v>
      </c>
      <c r="G35" s="177">
        <v>0</v>
      </c>
      <c r="H35" s="177">
        <v>0</v>
      </c>
      <c r="I35" s="177">
        <v>0</v>
      </c>
      <c r="J35" s="177">
        <v>0</v>
      </c>
      <c r="K35" s="177">
        <v>0</v>
      </c>
      <c r="L35" s="180">
        <v>0</v>
      </c>
      <c r="M35" s="181">
        <v>0</v>
      </c>
      <c r="N35" s="176">
        <v>0</v>
      </c>
      <c r="O35" s="177">
        <v>0</v>
      </c>
      <c r="P35" s="182">
        <v>0</v>
      </c>
      <c r="Q35" s="179">
        <v>0</v>
      </c>
      <c r="R35" s="177">
        <v>0</v>
      </c>
      <c r="S35" s="177">
        <v>0</v>
      </c>
      <c r="T35" s="177">
        <v>0</v>
      </c>
      <c r="U35" s="177">
        <v>0</v>
      </c>
      <c r="V35" s="177">
        <v>0</v>
      </c>
      <c r="W35" s="182">
        <v>0</v>
      </c>
      <c r="X35" s="181">
        <v>0</v>
      </c>
      <c r="Y35" s="176">
        <v>0</v>
      </c>
      <c r="Z35" s="177">
        <v>0</v>
      </c>
      <c r="AA35" s="182">
        <v>0</v>
      </c>
      <c r="AB35" s="179">
        <v>0</v>
      </c>
      <c r="AC35" s="177">
        <v>1</v>
      </c>
      <c r="AD35" s="177">
        <v>0</v>
      </c>
      <c r="AE35" s="177">
        <v>1</v>
      </c>
      <c r="AF35" s="177">
        <v>0</v>
      </c>
      <c r="AG35" s="177">
        <v>0</v>
      </c>
      <c r="AH35" s="182">
        <v>2</v>
      </c>
      <c r="AI35" s="181">
        <v>2</v>
      </c>
      <c r="AJ35" s="176">
        <v>0</v>
      </c>
      <c r="AK35" s="177">
        <v>0</v>
      </c>
      <c r="AL35" s="182">
        <v>0</v>
      </c>
      <c r="AM35" s="179">
        <v>0</v>
      </c>
      <c r="AN35" s="177">
        <v>0</v>
      </c>
      <c r="AO35" s="177">
        <v>0</v>
      </c>
      <c r="AP35" s="177">
        <v>0</v>
      </c>
      <c r="AQ35" s="177">
        <v>0</v>
      </c>
      <c r="AR35" s="177">
        <v>0</v>
      </c>
      <c r="AS35" s="182">
        <v>0</v>
      </c>
      <c r="AT35" s="181">
        <v>0</v>
      </c>
      <c r="AU35" s="176">
        <v>0</v>
      </c>
      <c r="AV35" s="177">
        <v>0</v>
      </c>
      <c r="AW35" s="182">
        <v>0</v>
      </c>
      <c r="AX35" s="179">
        <v>0</v>
      </c>
      <c r="AY35" s="177">
        <v>0</v>
      </c>
      <c r="AZ35" s="177">
        <v>0</v>
      </c>
      <c r="BA35" s="177">
        <v>0</v>
      </c>
      <c r="BB35" s="177">
        <v>0</v>
      </c>
      <c r="BC35" s="177">
        <v>0</v>
      </c>
      <c r="BD35" s="182">
        <v>0</v>
      </c>
      <c r="BE35" s="181">
        <v>0</v>
      </c>
      <c r="BF35" s="176">
        <v>0</v>
      </c>
      <c r="BG35" s="177">
        <v>0</v>
      </c>
      <c r="BH35" s="182">
        <v>0</v>
      </c>
      <c r="BI35" s="179">
        <v>0</v>
      </c>
      <c r="BJ35" s="177">
        <v>0</v>
      </c>
      <c r="BK35" s="177">
        <v>0</v>
      </c>
      <c r="BL35" s="177">
        <v>1</v>
      </c>
      <c r="BM35" s="177">
        <v>0</v>
      </c>
      <c r="BN35" s="177">
        <v>0</v>
      </c>
      <c r="BO35" s="180">
        <v>1</v>
      </c>
      <c r="BP35" s="181">
        <v>1</v>
      </c>
      <c r="BQ35" s="176">
        <v>0</v>
      </c>
      <c r="BR35" s="177">
        <v>0</v>
      </c>
      <c r="BS35" s="182">
        <v>0</v>
      </c>
      <c r="BT35" s="179">
        <v>0</v>
      </c>
      <c r="BU35" s="177">
        <v>0</v>
      </c>
      <c r="BV35" s="177">
        <v>0</v>
      </c>
      <c r="BW35" s="177">
        <v>0</v>
      </c>
      <c r="BX35" s="177">
        <v>0</v>
      </c>
      <c r="BY35" s="177">
        <v>0</v>
      </c>
      <c r="BZ35" s="182">
        <v>0</v>
      </c>
      <c r="CA35" s="181">
        <v>0</v>
      </c>
      <c r="CB35" s="176">
        <v>0</v>
      </c>
      <c r="CC35" s="177">
        <v>0</v>
      </c>
      <c r="CD35" s="182">
        <v>0</v>
      </c>
      <c r="CE35" s="179">
        <v>0</v>
      </c>
      <c r="CF35" s="177">
        <v>0</v>
      </c>
      <c r="CG35" s="177">
        <v>0</v>
      </c>
      <c r="CH35" s="177">
        <v>0</v>
      </c>
      <c r="CI35" s="177">
        <v>0</v>
      </c>
      <c r="CJ35" s="177">
        <v>0</v>
      </c>
      <c r="CK35" s="182">
        <v>0</v>
      </c>
      <c r="CL35" s="181">
        <v>0</v>
      </c>
      <c r="CM35" s="176">
        <v>0</v>
      </c>
      <c r="CN35" s="177">
        <v>0</v>
      </c>
      <c r="CO35" s="182">
        <v>0</v>
      </c>
      <c r="CP35" s="179">
        <v>0</v>
      </c>
      <c r="CQ35" s="177">
        <v>0</v>
      </c>
      <c r="CR35" s="177">
        <v>0</v>
      </c>
      <c r="CS35" s="177">
        <v>0</v>
      </c>
      <c r="CT35" s="177">
        <v>0</v>
      </c>
      <c r="CU35" s="177">
        <v>0</v>
      </c>
      <c r="CV35" s="182">
        <v>0</v>
      </c>
      <c r="CW35" s="181">
        <v>0</v>
      </c>
    </row>
    <row r="36" spans="2:101" ht="21" customHeight="1" x14ac:dyDescent="0.2">
      <c r="B36" s="92" t="s">
        <v>34</v>
      </c>
      <c r="C36" s="176">
        <v>0</v>
      </c>
      <c r="D36" s="182">
        <v>0</v>
      </c>
      <c r="E36" s="193">
        <v>0</v>
      </c>
      <c r="F36" s="179">
        <v>0</v>
      </c>
      <c r="G36" s="177">
        <v>0</v>
      </c>
      <c r="H36" s="177">
        <v>0</v>
      </c>
      <c r="I36" s="177">
        <v>0</v>
      </c>
      <c r="J36" s="177">
        <v>0</v>
      </c>
      <c r="K36" s="177">
        <v>0</v>
      </c>
      <c r="L36" s="180">
        <v>0</v>
      </c>
      <c r="M36" s="181">
        <v>0</v>
      </c>
      <c r="N36" s="176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0</v>
      </c>
      <c r="T36" s="177">
        <v>0</v>
      </c>
      <c r="U36" s="177">
        <v>0</v>
      </c>
      <c r="V36" s="177">
        <v>0</v>
      </c>
      <c r="W36" s="182">
        <v>0</v>
      </c>
      <c r="X36" s="181">
        <v>0</v>
      </c>
      <c r="Y36" s="176">
        <v>0</v>
      </c>
      <c r="Z36" s="177">
        <v>0</v>
      </c>
      <c r="AA36" s="182">
        <v>0</v>
      </c>
      <c r="AB36" s="179">
        <v>0</v>
      </c>
      <c r="AC36" s="177">
        <v>0</v>
      </c>
      <c r="AD36" s="177">
        <v>0</v>
      </c>
      <c r="AE36" s="177">
        <v>0</v>
      </c>
      <c r="AF36" s="177">
        <v>0</v>
      </c>
      <c r="AG36" s="177">
        <v>0</v>
      </c>
      <c r="AH36" s="182">
        <v>0</v>
      </c>
      <c r="AI36" s="181">
        <v>0</v>
      </c>
      <c r="AJ36" s="176">
        <v>0</v>
      </c>
      <c r="AK36" s="177">
        <v>0</v>
      </c>
      <c r="AL36" s="182">
        <v>0</v>
      </c>
      <c r="AM36" s="179">
        <v>0</v>
      </c>
      <c r="AN36" s="177">
        <v>0</v>
      </c>
      <c r="AO36" s="177">
        <v>0</v>
      </c>
      <c r="AP36" s="177">
        <v>0</v>
      </c>
      <c r="AQ36" s="177">
        <v>0</v>
      </c>
      <c r="AR36" s="177">
        <v>0</v>
      </c>
      <c r="AS36" s="182">
        <v>0</v>
      </c>
      <c r="AT36" s="181">
        <v>0</v>
      </c>
      <c r="AU36" s="176">
        <v>0</v>
      </c>
      <c r="AV36" s="177">
        <v>0</v>
      </c>
      <c r="AW36" s="182">
        <v>0</v>
      </c>
      <c r="AX36" s="179">
        <v>0</v>
      </c>
      <c r="AY36" s="177">
        <v>1</v>
      </c>
      <c r="AZ36" s="177">
        <v>0</v>
      </c>
      <c r="BA36" s="177">
        <v>0</v>
      </c>
      <c r="BB36" s="177">
        <v>0</v>
      </c>
      <c r="BC36" s="177">
        <v>0</v>
      </c>
      <c r="BD36" s="182">
        <v>1</v>
      </c>
      <c r="BE36" s="181">
        <v>1</v>
      </c>
      <c r="BF36" s="176">
        <v>0</v>
      </c>
      <c r="BG36" s="177">
        <v>0</v>
      </c>
      <c r="BH36" s="182">
        <v>0</v>
      </c>
      <c r="BI36" s="179">
        <v>0</v>
      </c>
      <c r="BJ36" s="177">
        <v>0</v>
      </c>
      <c r="BK36" s="177">
        <v>0</v>
      </c>
      <c r="BL36" s="177">
        <v>0</v>
      </c>
      <c r="BM36" s="177">
        <v>0</v>
      </c>
      <c r="BN36" s="177">
        <v>0</v>
      </c>
      <c r="BO36" s="180">
        <v>0</v>
      </c>
      <c r="BP36" s="181">
        <v>0</v>
      </c>
      <c r="BQ36" s="176">
        <v>0</v>
      </c>
      <c r="BR36" s="177">
        <v>0</v>
      </c>
      <c r="BS36" s="182">
        <v>0</v>
      </c>
      <c r="BT36" s="179">
        <v>0</v>
      </c>
      <c r="BU36" s="177">
        <v>0</v>
      </c>
      <c r="BV36" s="177">
        <v>0</v>
      </c>
      <c r="BW36" s="177">
        <v>0</v>
      </c>
      <c r="BX36" s="177">
        <v>0</v>
      </c>
      <c r="BY36" s="177">
        <v>0</v>
      </c>
      <c r="BZ36" s="182">
        <v>0</v>
      </c>
      <c r="CA36" s="181">
        <v>0</v>
      </c>
      <c r="CB36" s="176">
        <v>0</v>
      </c>
      <c r="CC36" s="177">
        <v>0</v>
      </c>
      <c r="CD36" s="182">
        <v>0</v>
      </c>
      <c r="CE36" s="179">
        <v>0</v>
      </c>
      <c r="CF36" s="177">
        <v>0</v>
      </c>
      <c r="CG36" s="177">
        <v>0</v>
      </c>
      <c r="CH36" s="177">
        <v>0</v>
      </c>
      <c r="CI36" s="177">
        <v>0</v>
      </c>
      <c r="CJ36" s="177">
        <v>0</v>
      </c>
      <c r="CK36" s="182">
        <v>0</v>
      </c>
      <c r="CL36" s="181">
        <v>0</v>
      </c>
      <c r="CM36" s="176">
        <v>0</v>
      </c>
      <c r="CN36" s="177">
        <v>0</v>
      </c>
      <c r="CO36" s="182">
        <v>0</v>
      </c>
      <c r="CP36" s="179">
        <v>0</v>
      </c>
      <c r="CQ36" s="177">
        <v>0</v>
      </c>
      <c r="CR36" s="177">
        <v>0</v>
      </c>
      <c r="CS36" s="177">
        <v>0</v>
      </c>
      <c r="CT36" s="177">
        <v>0</v>
      </c>
      <c r="CU36" s="177">
        <v>0</v>
      </c>
      <c r="CV36" s="182">
        <v>0</v>
      </c>
      <c r="CW36" s="181">
        <v>0</v>
      </c>
    </row>
    <row r="37" spans="2:101" ht="21" customHeight="1" x14ac:dyDescent="0.2">
      <c r="B37" s="92" t="s">
        <v>35</v>
      </c>
      <c r="C37" s="176">
        <v>0</v>
      </c>
      <c r="D37" s="182">
        <v>0</v>
      </c>
      <c r="E37" s="193">
        <v>0</v>
      </c>
      <c r="F37" s="179">
        <v>0</v>
      </c>
      <c r="G37" s="177">
        <v>0</v>
      </c>
      <c r="H37" s="177">
        <v>0</v>
      </c>
      <c r="I37" s="177">
        <v>0</v>
      </c>
      <c r="J37" s="177">
        <v>0</v>
      </c>
      <c r="K37" s="177">
        <v>0</v>
      </c>
      <c r="L37" s="180">
        <v>0</v>
      </c>
      <c r="M37" s="181">
        <v>0</v>
      </c>
      <c r="N37" s="176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0</v>
      </c>
      <c r="T37" s="177">
        <v>0</v>
      </c>
      <c r="U37" s="177">
        <v>0</v>
      </c>
      <c r="V37" s="177">
        <v>0</v>
      </c>
      <c r="W37" s="182">
        <v>0</v>
      </c>
      <c r="X37" s="181">
        <v>0</v>
      </c>
      <c r="Y37" s="176">
        <v>0</v>
      </c>
      <c r="Z37" s="177">
        <v>0</v>
      </c>
      <c r="AA37" s="182">
        <v>0</v>
      </c>
      <c r="AB37" s="179">
        <v>0</v>
      </c>
      <c r="AC37" s="177">
        <v>1</v>
      </c>
      <c r="AD37" s="177">
        <v>0</v>
      </c>
      <c r="AE37" s="177">
        <v>0</v>
      </c>
      <c r="AF37" s="177">
        <v>0</v>
      </c>
      <c r="AG37" s="177">
        <v>0</v>
      </c>
      <c r="AH37" s="182">
        <v>1</v>
      </c>
      <c r="AI37" s="181">
        <v>1</v>
      </c>
      <c r="AJ37" s="176">
        <v>0</v>
      </c>
      <c r="AK37" s="177">
        <v>0</v>
      </c>
      <c r="AL37" s="182">
        <v>0</v>
      </c>
      <c r="AM37" s="179">
        <v>0</v>
      </c>
      <c r="AN37" s="177">
        <v>0</v>
      </c>
      <c r="AO37" s="177">
        <v>0</v>
      </c>
      <c r="AP37" s="177">
        <v>0</v>
      </c>
      <c r="AQ37" s="177">
        <v>0</v>
      </c>
      <c r="AR37" s="177">
        <v>0</v>
      </c>
      <c r="AS37" s="182">
        <v>0</v>
      </c>
      <c r="AT37" s="181">
        <v>0</v>
      </c>
      <c r="AU37" s="176">
        <v>0</v>
      </c>
      <c r="AV37" s="177">
        <v>1</v>
      </c>
      <c r="AW37" s="182">
        <v>1</v>
      </c>
      <c r="AX37" s="179">
        <v>0</v>
      </c>
      <c r="AY37" s="177">
        <v>0</v>
      </c>
      <c r="AZ37" s="177">
        <v>0</v>
      </c>
      <c r="BA37" s="177">
        <v>0</v>
      </c>
      <c r="BB37" s="177">
        <v>0</v>
      </c>
      <c r="BC37" s="177">
        <v>0</v>
      </c>
      <c r="BD37" s="182">
        <v>0</v>
      </c>
      <c r="BE37" s="181">
        <v>1</v>
      </c>
      <c r="BF37" s="176">
        <v>0</v>
      </c>
      <c r="BG37" s="177">
        <v>0</v>
      </c>
      <c r="BH37" s="182">
        <v>0</v>
      </c>
      <c r="BI37" s="179">
        <v>0</v>
      </c>
      <c r="BJ37" s="177">
        <v>1</v>
      </c>
      <c r="BK37" s="177">
        <v>0</v>
      </c>
      <c r="BL37" s="177">
        <v>0</v>
      </c>
      <c r="BM37" s="177">
        <v>0</v>
      </c>
      <c r="BN37" s="177">
        <v>0</v>
      </c>
      <c r="BO37" s="180">
        <v>1</v>
      </c>
      <c r="BP37" s="181">
        <v>1</v>
      </c>
      <c r="BQ37" s="176">
        <v>0</v>
      </c>
      <c r="BR37" s="177">
        <v>0</v>
      </c>
      <c r="BS37" s="182">
        <v>0</v>
      </c>
      <c r="BT37" s="179">
        <v>0</v>
      </c>
      <c r="BU37" s="177">
        <v>0</v>
      </c>
      <c r="BV37" s="177">
        <v>0</v>
      </c>
      <c r="BW37" s="177">
        <v>0</v>
      </c>
      <c r="BX37" s="177">
        <v>0</v>
      </c>
      <c r="BY37" s="177">
        <v>0</v>
      </c>
      <c r="BZ37" s="182">
        <v>0</v>
      </c>
      <c r="CA37" s="181">
        <v>0</v>
      </c>
      <c r="CB37" s="176">
        <v>0</v>
      </c>
      <c r="CC37" s="177">
        <v>0</v>
      </c>
      <c r="CD37" s="182">
        <v>0</v>
      </c>
      <c r="CE37" s="179">
        <v>0</v>
      </c>
      <c r="CF37" s="177">
        <v>0</v>
      </c>
      <c r="CG37" s="177">
        <v>0</v>
      </c>
      <c r="CH37" s="177">
        <v>0</v>
      </c>
      <c r="CI37" s="177">
        <v>0</v>
      </c>
      <c r="CJ37" s="177">
        <v>0</v>
      </c>
      <c r="CK37" s="182">
        <v>0</v>
      </c>
      <c r="CL37" s="181">
        <v>0</v>
      </c>
      <c r="CM37" s="176">
        <v>0</v>
      </c>
      <c r="CN37" s="177">
        <v>0</v>
      </c>
      <c r="CO37" s="182">
        <v>0</v>
      </c>
      <c r="CP37" s="179">
        <v>0</v>
      </c>
      <c r="CQ37" s="177">
        <v>0</v>
      </c>
      <c r="CR37" s="177">
        <v>0</v>
      </c>
      <c r="CS37" s="177">
        <v>0</v>
      </c>
      <c r="CT37" s="177">
        <v>0</v>
      </c>
      <c r="CU37" s="177">
        <v>0</v>
      </c>
      <c r="CV37" s="182">
        <v>0</v>
      </c>
      <c r="CW37" s="181">
        <v>0</v>
      </c>
    </row>
    <row r="38" spans="2:101" ht="21" customHeight="1" x14ac:dyDescent="0.2">
      <c r="B38" s="92" t="s">
        <v>36</v>
      </c>
      <c r="C38" s="176">
        <v>0</v>
      </c>
      <c r="D38" s="182">
        <v>0</v>
      </c>
      <c r="E38" s="193">
        <v>0</v>
      </c>
      <c r="F38" s="179">
        <v>0</v>
      </c>
      <c r="G38" s="177">
        <v>0</v>
      </c>
      <c r="H38" s="177">
        <v>0</v>
      </c>
      <c r="I38" s="177">
        <v>0</v>
      </c>
      <c r="J38" s="177">
        <v>0</v>
      </c>
      <c r="K38" s="177">
        <v>0</v>
      </c>
      <c r="L38" s="180">
        <v>0</v>
      </c>
      <c r="M38" s="181">
        <v>0</v>
      </c>
      <c r="N38" s="176">
        <v>0</v>
      </c>
      <c r="O38" s="177">
        <v>0</v>
      </c>
      <c r="P38" s="182">
        <v>0</v>
      </c>
      <c r="Q38" s="179">
        <v>0</v>
      </c>
      <c r="R38" s="177">
        <v>0</v>
      </c>
      <c r="S38" s="177">
        <v>0</v>
      </c>
      <c r="T38" s="177">
        <v>0</v>
      </c>
      <c r="U38" s="177">
        <v>0</v>
      </c>
      <c r="V38" s="177">
        <v>0</v>
      </c>
      <c r="W38" s="182">
        <v>0</v>
      </c>
      <c r="X38" s="181">
        <v>0</v>
      </c>
      <c r="Y38" s="176">
        <v>0</v>
      </c>
      <c r="Z38" s="177">
        <v>0</v>
      </c>
      <c r="AA38" s="182">
        <v>0</v>
      </c>
      <c r="AB38" s="179">
        <v>0</v>
      </c>
      <c r="AC38" s="177">
        <v>2</v>
      </c>
      <c r="AD38" s="177">
        <v>0</v>
      </c>
      <c r="AE38" s="177">
        <v>0</v>
      </c>
      <c r="AF38" s="177">
        <v>0</v>
      </c>
      <c r="AG38" s="177">
        <v>0</v>
      </c>
      <c r="AH38" s="182">
        <v>2</v>
      </c>
      <c r="AI38" s="181">
        <v>2</v>
      </c>
      <c r="AJ38" s="176">
        <v>0</v>
      </c>
      <c r="AK38" s="177">
        <v>0</v>
      </c>
      <c r="AL38" s="182">
        <v>0</v>
      </c>
      <c r="AM38" s="179">
        <v>0</v>
      </c>
      <c r="AN38" s="177">
        <v>0</v>
      </c>
      <c r="AO38" s="177">
        <v>0</v>
      </c>
      <c r="AP38" s="177">
        <v>0</v>
      </c>
      <c r="AQ38" s="177">
        <v>0</v>
      </c>
      <c r="AR38" s="177">
        <v>0</v>
      </c>
      <c r="AS38" s="182">
        <v>0</v>
      </c>
      <c r="AT38" s="181">
        <v>0</v>
      </c>
      <c r="AU38" s="176">
        <v>0</v>
      </c>
      <c r="AV38" s="177">
        <v>0</v>
      </c>
      <c r="AW38" s="182">
        <v>0</v>
      </c>
      <c r="AX38" s="179">
        <v>0</v>
      </c>
      <c r="AY38" s="177">
        <v>0</v>
      </c>
      <c r="AZ38" s="177">
        <v>0</v>
      </c>
      <c r="BA38" s="177">
        <v>0</v>
      </c>
      <c r="BB38" s="177">
        <v>0</v>
      </c>
      <c r="BC38" s="177">
        <v>0</v>
      </c>
      <c r="BD38" s="182">
        <v>0</v>
      </c>
      <c r="BE38" s="181">
        <v>0</v>
      </c>
      <c r="BF38" s="176">
        <v>0</v>
      </c>
      <c r="BG38" s="177">
        <v>0</v>
      </c>
      <c r="BH38" s="182">
        <v>0</v>
      </c>
      <c r="BI38" s="179">
        <v>0</v>
      </c>
      <c r="BJ38" s="177">
        <v>0</v>
      </c>
      <c r="BK38" s="177">
        <v>1</v>
      </c>
      <c r="BL38" s="177">
        <v>1</v>
      </c>
      <c r="BM38" s="177">
        <v>0</v>
      </c>
      <c r="BN38" s="177">
        <v>0</v>
      </c>
      <c r="BO38" s="180">
        <v>2</v>
      </c>
      <c r="BP38" s="181">
        <v>2</v>
      </c>
      <c r="BQ38" s="176">
        <v>0</v>
      </c>
      <c r="BR38" s="177">
        <v>0</v>
      </c>
      <c r="BS38" s="182">
        <v>0</v>
      </c>
      <c r="BT38" s="179">
        <v>0</v>
      </c>
      <c r="BU38" s="177">
        <v>0</v>
      </c>
      <c r="BV38" s="177">
        <v>0</v>
      </c>
      <c r="BW38" s="177">
        <v>0</v>
      </c>
      <c r="BX38" s="177">
        <v>0</v>
      </c>
      <c r="BY38" s="177">
        <v>0</v>
      </c>
      <c r="BZ38" s="182">
        <v>0</v>
      </c>
      <c r="CA38" s="181">
        <v>0</v>
      </c>
      <c r="CB38" s="176">
        <v>0</v>
      </c>
      <c r="CC38" s="177">
        <v>0</v>
      </c>
      <c r="CD38" s="182">
        <v>0</v>
      </c>
      <c r="CE38" s="179">
        <v>0</v>
      </c>
      <c r="CF38" s="177">
        <v>0</v>
      </c>
      <c r="CG38" s="177">
        <v>0</v>
      </c>
      <c r="CH38" s="177">
        <v>0</v>
      </c>
      <c r="CI38" s="177">
        <v>0</v>
      </c>
      <c r="CJ38" s="177">
        <v>0</v>
      </c>
      <c r="CK38" s="182">
        <v>0</v>
      </c>
      <c r="CL38" s="181">
        <v>0</v>
      </c>
      <c r="CM38" s="176">
        <v>0</v>
      </c>
      <c r="CN38" s="177">
        <v>0</v>
      </c>
      <c r="CO38" s="182">
        <v>0</v>
      </c>
      <c r="CP38" s="179">
        <v>0</v>
      </c>
      <c r="CQ38" s="177">
        <v>0</v>
      </c>
      <c r="CR38" s="177">
        <v>0</v>
      </c>
      <c r="CS38" s="177">
        <v>0</v>
      </c>
      <c r="CT38" s="177">
        <v>0</v>
      </c>
      <c r="CU38" s="177">
        <v>0</v>
      </c>
      <c r="CV38" s="182">
        <v>0</v>
      </c>
      <c r="CW38" s="181">
        <v>0</v>
      </c>
    </row>
    <row r="39" spans="2:101" ht="21" customHeight="1" thickBot="1" x14ac:dyDescent="0.25">
      <c r="B39" s="94" t="s">
        <v>37</v>
      </c>
      <c r="C39" s="183">
        <v>0</v>
      </c>
      <c r="D39" s="189">
        <v>0</v>
      </c>
      <c r="E39" s="194">
        <v>0</v>
      </c>
      <c r="F39" s="186">
        <v>0</v>
      </c>
      <c r="G39" s="184">
        <v>0</v>
      </c>
      <c r="H39" s="184">
        <v>0</v>
      </c>
      <c r="I39" s="184">
        <v>0</v>
      </c>
      <c r="J39" s="184">
        <v>0</v>
      </c>
      <c r="K39" s="184">
        <v>0</v>
      </c>
      <c r="L39" s="187">
        <v>0</v>
      </c>
      <c r="M39" s="188">
        <v>0</v>
      </c>
      <c r="N39" s="183">
        <v>0</v>
      </c>
      <c r="O39" s="184">
        <v>0</v>
      </c>
      <c r="P39" s="189">
        <v>0</v>
      </c>
      <c r="Q39" s="186">
        <v>0</v>
      </c>
      <c r="R39" s="184">
        <v>0</v>
      </c>
      <c r="S39" s="184">
        <v>0</v>
      </c>
      <c r="T39" s="184">
        <v>0</v>
      </c>
      <c r="U39" s="184">
        <v>0</v>
      </c>
      <c r="V39" s="184">
        <v>0</v>
      </c>
      <c r="W39" s="189">
        <v>0</v>
      </c>
      <c r="X39" s="188">
        <v>0</v>
      </c>
      <c r="Y39" s="183">
        <v>0</v>
      </c>
      <c r="Z39" s="184">
        <v>0</v>
      </c>
      <c r="AA39" s="189">
        <v>0</v>
      </c>
      <c r="AB39" s="186">
        <v>0</v>
      </c>
      <c r="AC39" s="184">
        <v>0</v>
      </c>
      <c r="AD39" s="184">
        <v>1</v>
      </c>
      <c r="AE39" s="184">
        <v>0</v>
      </c>
      <c r="AF39" s="184">
        <v>0</v>
      </c>
      <c r="AG39" s="184">
        <v>1</v>
      </c>
      <c r="AH39" s="189">
        <v>2</v>
      </c>
      <c r="AI39" s="188">
        <v>2</v>
      </c>
      <c r="AJ39" s="183">
        <v>0</v>
      </c>
      <c r="AK39" s="184">
        <v>0</v>
      </c>
      <c r="AL39" s="189">
        <v>0</v>
      </c>
      <c r="AM39" s="186">
        <v>0</v>
      </c>
      <c r="AN39" s="184">
        <v>0</v>
      </c>
      <c r="AO39" s="184">
        <v>0</v>
      </c>
      <c r="AP39" s="184">
        <v>0</v>
      </c>
      <c r="AQ39" s="184">
        <v>0</v>
      </c>
      <c r="AR39" s="184">
        <v>0</v>
      </c>
      <c r="AS39" s="189">
        <v>0</v>
      </c>
      <c r="AT39" s="188">
        <v>0</v>
      </c>
      <c r="AU39" s="183">
        <v>0</v>
      </c>
      <c r="AV39" s="184">
        <v>0</v>
      </c>
      <c r="AW39" s="189">
        <v>0</v>
      </c>
      <c r="AX39" s="186">
        <v>0</v>
      </c>
      <c r="AY39" s="184">
        <v>0</v>
      </c>
      <c r="AZ39" s="184">
        <v>0</v>
      </c>
      <c r="BA39" s="184">
        <v>0</v>
      </c>
      <c r="BB39" s="184">
        <v>0</v>
      </c>
      <c r="BC39" s="184">
        <v>0</v>
      </c>
      <c r="BD39" s="189">
        <v>0</v>
      </c>
      <c r="BE39" s="188">
        <v>0</v>
      </c>
      <c r="BF39" s="183">
        <v>0</v>
      </c>
      <c r="BG39" s="184">
        <v>0</v>
      </c>
      <c r="BH39" s="189">
        <v>0</v>
      </c>
      <c r="BI39" s="186">
        <v>0</v>
      </c>
      <c r="BJ39" s="184">
        <v>0</v>
      </c>
      <c r="BK39" s="184">
        <v>0</v>
      </c>
      <c r="BL39" s="184">
        <v>0</v>
      </c>
      <c r="BM39" s="184">
        <v>0</v>
      </c>
      <c r="BN39" s="184">
        <v>0</v>
      </c>
      <c r="BO39" s="187">
        <v>0</v>
      </c>
      <c r="BP39" s="188">
        <v>0</v>
      </c>
      <c r="BQ39" s="183">
        <v>0</v>
      </c>
      <c r="BR39" s="184">
        <v>0</v>
      </c>
      <c r="BS39" s="189">
        <v>0</v>
      </c>
      <c r="BT39" s="186">
        <v>0</v>
      </c>
      <c r="BU39" s="184">
        <v>0</v>
      </c>
      <c r="BV39" s="184">
        <v>0</v>
      </c>
      <c r="BW39" s="184">
        <v>0</v>
      </c>
      <c r="BX39" s="184">
        <v>0</v>
      </c>
      <c r="BY39" s="184">
        <v>0</v>
      </c>
      <c r="BZ39" s="189">
        <v>0</v>
      </c>
      <c r="CA39" s="188">
        <v>0</v>
      </c>
      <c r="CB39" s="183">
        <v>0</v>
      </c>
      <c r="CC39" s="184">
        <v>0</v>
      </c>
      <c r="CD39" s="189">
        <v>0</v>
      </c>
      <c r="CE39" s="186">
        <v>0</v>
      </c>
      <c r="CF39" s="184">
        <v>0</v>
      </c>
      <c r="CG39" s="184">
        <v>0</v>
      </c>
      <c r="CH39" s="184">
        <v>0</v>
      </c>
      <c r="CI39" s="184">
        <v>0</v>
      </c>
      <c r="CJ39" s="184">
        <v>0</v>
      </c>
      <c r="CK39" s="189">
        <v>0</v>
      </c>
      <c r="CL39" s="188">
        <v>0</v>
      </c>
      <c r="CM39" s="183">
        <v>0</v>
      </c>
      <c r="CN39" s="184">
        <v>0</v>
      </c>
      <c r="CO39" s="189">
        <v>0</v>
      </c>
      <c r="CP39" s="186">
        <v>0</v>
      </c>
      <c r="CQ39" s="184">
        <v>0</v>
      </c>
      <c r="CR39" s="184">
        <v>0</v>
      </c>
      <c r="CS39" s="184">
        <v>0</v>
      </c>
      <c r="CT39" s="184">
        <v>0</v>
      </c>
      <c r="CU39" s="184">
        <v>0</v>
      </c>
      <c r="CV39" s="189">
        <v>0</v>
      </c>
      <c r="CW39" s="188">
        <v>0</v>
      </c>
    </row>
  </sheetData>
  <mergeCells count="39">
    <mergeCell ref="CM4:CO4"/>
    <mergeCell ref="AX4:BD4"/>
    <mergeCell ref="BF4:BH4"/>
    <mergeCell ref="BI4:BO4"/>
    <mergeCell ref="CA4:CA5"/>
    <mergeCell ref="CL4:CL5"/>
    <mergeCell ref="BQ4:BS4"/>
    <mergeCell ref="BT4:BZ4"/>
    <mergeCell ref="CB4:CD4"/>
    <mergeCell ref="CE4:CK4"/>
    <mergeCell ref="B3:B5"/>
    <mergeCell ref="C3:M3"/>
    <mergeCell ref="N3:X3"/>
    <mergeCell ref="Y3:AI3"/>
    <mergeCell ref="C4:E4"/>
    <mergeCell ref="F4:L4"/>
    <mergeCell ref="M4:M5"/>
    <mergeCell ref="N4:P4"/>
    <mergeCell ref="Q4:W4"/>
    <mergeCell ref="X4:X5"/>
    <mergeCell ref="Y4:AA4"/>
    <mergeCell ref="AB4:AH4"/>
    <mergeCell ref="AI4:AI5"/>
    <mergeCell ref="CW4:CW5"/>
    <mergeCell ref="CB3:CL3"/>
    <mergeCell ref="CM3:CW3"/>
    <mergeCell ref="I1:J1"/>
    <mergeCell ref="L1:M1"/>
    <mergeCell ref="BE4:BE5"/>
    <mergeCell ref="BF3:BP3"/>
    <mergeCell ref="BP4:BP5"/>
    <mergeCell ref="BQ3:CA3"/>
    <mergeCell ref="AJ4:AL4"/>
    <mergeCell ref="AJ3:AT3"/>
    <mergeCell ref="AU3:BE3"/>
    <mergeCell ref="CP4:CV4"/>
    <mergeCell ref="AM4:AS4"/>
    <mergeCell ref="AT4:AT5"/>
    <mergeCell ref="AU4:AW4"/>
  </mergeCells>
  <phoneticPr fontId="4"/>
  <pageMargins left="0.70866141732283472" right="0.70866141732283472" top="0.74803149606299213" bottom="0.74803149606299213" header="0.31496062992125984" footer="0.31496062992125984"/>
  <pageSetup paperSize="9" scale="60" orientation="landscape" r:id="rId1"/>
  <headerFooter>
    <oddFooter>&amp;L&amp;20&amp;A&amp;C&amp;P/&amp;N</oddFooter>
  </headerFooter>
  <colBreaks count="3" manualBreakCount="3">
    <brk id="24" max="1048575" man="1"/>
    <brk id="46" max="1048575" man="1"/>
    <brk id="68" max="1048575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X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4" width="9" style="161"/>
    <col min="5" max="5" width="10" style="161" customWidth="1"/>
    <col min="6" max="6" width="7.77734375" style="161" customWidth="1"/>
    <col min="7" max="7" width="10.77734375" style="161" customWidth="1"/>
    <col min="8" max="16" width="9" style="161"/>
    <col min="17" max="17" width="8" style="161" customWidth="1"/>
    <col min="18" max="16384" width="9" style="161"/>
  </cols>
  <sheetData>
    <row r="1" spans="2:24" ht="24" customHeight="1" x14ac:dyDescent="0.2">
      <c r="B1" s="128" t="s">
        <v>123</v>
      </c>
      <c r="H1" s="441">
        <f>第１表!F2</f>
        <v>7</v>
      </c>
      <c r="I1" s="441"/>
      <c r="J1" s="15">
        <f>第１表!G2</f>
        <v>1</v>
      </c>
      <c r="K1" s="445">
        <f>IF(J1&lt;3,J1+12-2,J1-2)</f>
        <v>11</v>
      </c>
      <c r="L1" s="445"/>
    </row>
    <row r="2" spans="2:24" ht="24" customHeight="1" thickBot="1" x14ac:dyDescent="0.25">
      <c r="B2" s="128" t="s">
        <v>129</v>
      </c>
    </row>
    <row r="3" spans="2:24" ht="21" customHeight="1" x14ac:dyDescent="0.2">
      <c r="B3" s="471"/>
      <c r="C3" s="472" t="s">
        <v>139</v>
      </c>
      <c r="D3" s="472"/>
      <c r="E3" s="472"/>
      <c r="F3" s="472"/>
      <c r="G3" s="472"/>
      <c r="H3" s="472"/>
      <c r="I3" s="472"/>
      <c r="J3" s="472"/>
      <c r="K3" s="472"/>
      <c r="L3" s="472"/>
      <c r="M3" s="496"/>
      <c r="N3" s="472" t="s">
        <v>112</v>
      </c>
      <c r="O3" s="472"/>
      <c r="P3" s="472"/>
      <c r="Q3" s="472"/>
      <c r="R3" s="472"/>
      <c r="S3" s="472"/>
      <c r="T3" s="472"/>
      <c r="U3" s="472"/>
      <c r="V3" s="472"/>
      <c r="W3" s="472"/>
      <c r="X3" s="496"/>
    </row>
    <row r="4" spans="2:24" ht="21" customHeight="1" x14ac:dyDescent="0.2">
      <c r="B4" s="494"/>
      <c r="C4" s="497" t="s">
        <v>61</v>
      </c>
      <c r="D4" s="497"/>
      <c r="E4" s="498"/>
      <c r="F4" s="499" t="s">
        <v>62</v>
      </c>
      <c r="G4" s="497"/>
      <c r="H4" s="497"/>
      <c r="I4" s="497"/>
      <c r="J4" s="497"/>
      <c r="K4" s="497"/>
      <c r="L4" s="500"/>
      <c r="M4" s="501" t="s">
        <v>52</v>
      </c>
      <c r="N4" s="497" t="s">
        <v>61</v>
      </c>
      <c r="O4" s="497"/>
      <c r="P4" s="498"/>
      <c r="Q4" s="499" t="s">
        <v>62</v>
      </c>
      <c r="R4" s="497"/>
      <c r="S4" s="497"/>
      <c r="T4" s="497"/>
      <c r="U4" s="497"/>
      <c r="V4" s="497"/>
      <c r="W4" s="500"/>
      <c r="X4" s="501" t="s">
        <v>52</v>
      </c>
    </row>
    <row r="5" spans="2:24" ht="30" customHeight="1" thickBot="1" x14ac:dyDescent="0.25">
      <c r="B5" s="495"/>
      <c r="C5" s="164" t="s">
        <v>43</v>
      </c>
      <c r="D5" s="164" t="s">
        <v>44</v>
      </c>
      <c r="E5" s="168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8" t="s">
        <v>45</v>
      </c>
      <c r="M5" s="470"/>
      <c r="N5" s="164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</row>
    <row r="6" spans="2:24" ht="21" customHeight="1" x14ac:dyDescent="0.2">
      <c r="B6" s="70" t="s">
        <v>4</v>
      </c>
      <c r="C6" s="170">
        <v>0</v>
      </c>
      <c r="D6" s="170">
        <v>0</v>
      </c>
      <c r="E6" s="175">
        <v>0</v>
      </c>
      <c r="F6" s="172">
        <v>0</v>
      </c>
      <c r="G6" s="170">
        <v>108278</v>
      </c>
      <c r="H6" s="170">
        <v>111811</v>
      </c>
      <c r="I6" s="170">
        <v>62934</v>
      </c>
      <c r="J6" s="170">
        <v>32620</v>
      </c>
      <c r="K6" s="170">
        <v>15164</v>
      </c>
      <c r="L6" s="175">
        <v>330807</v>
      </c>
      <c r="M6" s="174">
        <v>330807</v>
      </c>
      <c r="N6" s="170">
        <v>19</v>
      </c>
      <c r="O6" s="170">
        <v>47</v>
      </c>
      <c r="P6" s="175">
        <v>66</v>
      </c>
      <c r="Q6" s="172">
        <v>0</v>
      </c>
      <c r="R6" s="170">
        <v>6868</v>
      </c>
      <c r="S6" s="170">
        <v>9532</v>
      </c>
      <c r="T6" s="170">
        <v>11520</v>
      </c>
      <c r="U6" s="170">
        <v>6276</v>
      </c>
      <c r="V6" s="170">
        <v>4898</v>
      </c>
      <c r="W6" s="175">
        <v>39094</v>
      </c>
      <c r="X6" s="174">
        <v>39160</v>
      </c>
    </row>
    <row r="7" spans="2:24" ht="21" customHeight="1" x14ac:dyDescent="0.2">
      <c r="B7" s="81" t="s">
        <v>5</v>
      </c>
      <c r="C7" s="177">
        <v>0</v>
      </c>
      <c r="D7" s="177">
        <v>0</v>
      </c>
      <c r="E7" s="182">
        <v>0</v>
      </c>
      <c r="F7" s="179">
        <v>0</v>
      </c>
      <c r="G7" s="177">
        <v>38115</v>
      </c>
      <c r="H7" s="177">
        <v>52285</v>
      </c>
      <c r="I7" s="177">
        <v>29652</v>
      </c>
      <c r="J7" s="177">
        <v>14845</v>
      </c>
      <c r="K7" s="177">
        <v>7141</v>
      </c>
      <c r="L7" s="182">
        <v>142038</v>
      </c>
      <c r="M7" s="181">
        <v>142038</v>
      </c>
      <c r="N7" s="177">
        <v>10</v>
      </c>
      <c r="O7" s="177">
        <v>2</v>
      </c>
      <c r="P7" s="182">
        <v>12</v>
      </c>
      <c r="Q7" s="179">
        <v>0</v>
      </c>
      <c r="R7" s="177">
        <v>3359</v>
      </c>
      <c r="S7" s="177">
        <v>4910</v>
      </c>
      <c r="T7" s="177">
        <v>5983</v>
      </c>
      <c r="U7" s="177">
        <v>3387</v>
      </c>
      <c r="V7" s="177">
        <v>2657</v>
      </c>
      <c r="W7" s="182">
        <v>20296</v>
      </c>
      <c r="X7" s="181">
        <v>20308</v>
      </c>
    </row>
    <row r="8" spans="2:24" ht="21" customHeight="1" x14ac:dyDescent="0.2">
      <c r="B8" s="92" t="s">
        <v>6</v>
      </c>
      <c r="C8" s="177">
        <v>0</v>
      </c>
      <c r="D8" s="177">
        <v>0</v>
      </c>
      <c r="E8" s="182">
        <v>0</v>
      </c>
      <c r="F8" s="179">
        <v>0</v>
      </c>
      <c r="G8" s="177">
        <v>14764</v>
      </c>
      <c r="H8" s="177">
        <v>12416</v>
      </c>
      <c r="I8" s="177">
        <v>6990</v>
      </c>
      <c r="J8" s="177">
        <v>4028</v>
      </c>
      <c r="K8" s="177">
        <v>1874</v>
      </c>
      <c r="L8" s="182">
        <v>40072</v>
      </c>
      <c r="M8" s="181">
        <v>40072</v>
      </c>
      <c r="N8" s="177">
        <v>1</v>
      </c>
      <c r="O8" s="177">
        <v>0</v>
      </c>
      <c r="P8" s="182">
        <v>1</v>
      </c>
      <c r="Q8" s="179">
        <v>0</v>
      </c>
      <c r="R8" s="177">
        <v>1488</v>
      </c>
      <c r="S8" s="177">
        <v>2291</v>
      </c>
      <c r="T8" s="177">
        <v>2602</v>
      </c>
      <c r="U8" s="177">
        <v>1485</v>
      </c>
      <c r="V8" s="177">
        <v>1078</v>
      </c>
      <c r="W8" s="182">
        <v>8944</v>
      </c>
      <c r="X8" s="181">
        <v>8945</v>
      </c>
    </row>
    <row r="9" spans="2:24" ht="21" customHeight="1" x14ac:dyDescent="0.2">
      <c r="B9" s="92" t="s">
        <v>14</v>
      </c>
      <c r="C9" s="177">
        <v>0</v>
      </c>
      <c r="D9" s="177">
        <v>0</v>
      </c>
      <c r="E9" s="182">
        <v>0</v>
      </c>
      <c r="F9" s="179">
        <v>0</v>
      </c>
      <c r="G9" s="177">
        <v>8665</v>
      </c>
      <c r="H9" s="177">
        <v>9953</v>
      </c>
      <c r="I9" s="177">
        <v>5684</v>
      </c>
      <c r="J9" s="177">
        <v>3248</v>
      </c>
      <c r="K9" s="177">
        <v>1338</v>
      </c>
      <c r="L9" s="182">
        <v>28888</v>
      </c>
      <c r="M9" s="181">
        <v>28888</v>
      </c>
      <c r="N9" s="177">
        <v>0</v>
      </c>
      <c r="O9" s="177">
        <v>0</v>
      </c>
      <c r="P9" s="182">
        <v>0</v>
      </c>
      <c r="Q9" s="179">
        <v>0</v>
      </c>
      <c r="R9" s="177">
        <v>112</v>
      </c>
      <c r="S9" s="177">
        <v>157</v>
      </c>
      <c r="T9" s="177">
        <v>266</v>
      </c>
      <c r="U9" s="177">
        <v>182</v>
      </c>
      <c r="V9" s="177">
        <v>240</v>
      </c>
      <c r="W9" s="182">
        <v>957</v>
      </c>
      <c r="X9" s="181">
        <v>957</v>
      </c>
    </row>
    <row r="10" spans="2:24" ht="21" customHeight="1" x14ac:dyDescent="0.2">
      <c r="B10" s="92" t="s">
        <v>7</v>
      </c>
      <c r="C10" s="177">
        <v>0</v>
      </c>
      <c r="D10" s="177">
        <v>0</v>
      </c>
      <c r="E10" s="182">
        <v>0</v>
      </c>
      <c r="F10" s="179">
        <v>0</v>
      </c>
      <c r="G10" s="177">
        <v>9060</v>
      </c>
      <c r="H10" s="177">
        <v>5938</v>
      </c>
      <c r="I10" s="177">
        <v>2756</v>
      </c>
      <c r="J10" s="177">
        <v>1198</v>
      </c>
      <c r="K10" s="177">
        <v>456</v>
      </c>
      <c r="L10" s="182">
        <v>19408</v>
      </c>
      <c r="M10" s="181">
        <v>19408</v>
      </c>
      <c r="N10" s="177">
        <v>0</v>
      </c>
      <c r="O10" s="177">
        <v>15</v>
      </c>
      <c r="P10" s="182">
        <v>15</v>
      </c>
      <c r="Q10" s="179">
        <v>0</v>
      </c>
      <c r="R10" s="177">
        <v>711</v>
      </c>
      <c r="S10" s="177">
        <v>912</v>
      </c>
      <c r="T10" s="177">
        <v>1001</v>
      </c>
      <c r="U10" s="177">
        <v>385</v>
      </c>
      <c r="V10" s="177">
        <v>243</v>
      </c>
      <c r="W10" s="182">
        <v>3252</v>
      </c>
      <c r="X10" s="181">
        <v>3267</v>
      </c>
    </row>
    <row r="11" spans="2:24" ht="21" customHeight="1" x14ac:dyDescent="0.2">
      <c r="B11" s="92" t="s">
        <v>8</v>
      </c>
      <c r="C11" s="177">
        <v>0</v>
      </c>
      <c r="D11" s="177">
        <v>0</v>
      </c>
      <c r="E11" s="182">
        <v>0</v>
      </c>
      <c r="F11" s="179">
        <v>0</v>
      </c>
      <c r="G11" s="177">
        <v>5020</v>
      </c>
      <c r="H11" s="177">
        <v>4929</v>
      </c>
      <c r="I11" s="177">
        <v>2216</v>
      </c>
      <c r="J11" s="177">
        <v>1167</v>
      </c>
      <c r="K11" s="177">
        <v>584</v>
      </c>
      <c r="L11" s="182">
        <v>13916</v>
      </c>
      <c r="M11" s="181">
        <v>13916</v>
      </c>
      <c r="N11" s="177">
        <v>0</v>
      </c>
      <c r="O11" s="177">
        <v>0</v>
      </c>
      <c r="P11" s="182">
        <v>0</v>
      </c>
      <c r="Q11" s="179">
        <v>0</v>
      </c>
      <c r="R11" s="177">
        <v>60</v>
      </c>
      <c r="S11" s="177">
        <v>68</v>
      </c>
      <c r="T11" s="177">
        <v>102</v>
      </c>
      <c r="U11" s="177">
        <v>92</v>
      </c>
      <c r="V11" s="177">
        <v>108</v>
      </c>
      <c r="W11" s="182">
        <v>430</v>
      </c>
      <c r="X11" s="181">
        <v>430</v>
      </c>
    </row>
    <row r="12" spans="2:24" ht="21" customHeight="1" x14ac:dyDescent="0.2">
      <c r="B12" s="92" t="s">
        <v>9</v>
      </c>
      <c r="C12" s="177">
        <v>0</v>
      </c>
      <c r="D12" s="177">
        <v>0</v>
      </c>
      <c r="E12" s="182">
        <v>0</v>
      </c>
      <c r="F12" s="179">
        <v>0</v>
      </c>
      <c r="G12" s="177">
        <v>3036</v>
      </c>
      <c r="H12" s="177">
        <v>2326</v>
      </c>
      <c r="I12" s="177">
        <v>1363</v>
      </c>
      <c r="J12" s="177">
        <v>1054</v>
      </c>
      <c r="K12" s="177">
        <v>415</v>
      </c>
      <c r="L12" s="182">
        <v>8194</v>
      </c>
      <c r="M12" s="181">
        <v>8194</v>
      </c>
      <c r="N12" s="177">
        <v>0</v>
      </c>
      <c r="O12" s="177">
        <v>0</v>
      </c>
      <c r="P12" s="182">
        <v>0</v>
      </c>
      <c r="Q12" s="179">
        <v>0</v>
      </c>
      <c r="R12" s="177">
        <v>41</v>
      </c>
      <c r="S12" s="177">
        <v>44</v>
      </c>
      <c r="T12" s="177">
        <v>133</v>
      </c>
      <c r="U12" s="177">
        <v>5</v>
      </c>
      <c r="V12" s="177">
        <v>37</v>
      </c>
      <c r="W12" s="182">
        <v>260</v>
      </c>
      <c r="X12" s="181">
        <v>260</v>
      </c>
    </row>
    <row r="13" spans="2:24" ht="21" customHeight="1" x14ac:dyDescent="0.2">
      <c r="B13" s="92" t="s">
        <v>10</v>
      </c>
      <c r="C13" s="177">
        <v>0</v>
      </c>
      <c r="D13" s="177">
        <v>0</v>
      </c>
      <c r="E13" s="182">
        <v>0</v>
      </c>
      <c r="F13" s="179">
        <v>0</v>
      </c>
      <c r="G13" s="177">
        <v>4345</v>
      </c>
      <c r="H13" s="177">
        <v>2174</v>
      </c>
      <c r="I13" s="177">
        <v>1165</v>
      </c>
      <c r="J13" s="177">
        <v>685</v>
      </c>
      <c r="K13" s="177">
        <v>186</v>
      </c>
      <c r="L13" s="182">
        <v>8555</v>
      </c>
      <c r="M13" s="181">
        <v>8555</v>
      </c>
      <c r="N13" s="177">
        <v>0</v>
      </c>
      <c r="O13" s="177">
        <v>4</v>
      </c>
      <c r="P13" s="182">
        <v>4</v>
      </c>
      <c r="Q13" s="179">
        <v>0</v>
      </c>
      <c r="R13" s="177">
        <v>85</v>
      </c>
      <c r="S13" s="177">
        <v>120</v>
      </c>
      <c r="T13" s="177">
        <v>219</v>
      </c>
      <c r="U13" s="177">
        <v>161</v>
      </c>
      <c r="V13" s="177">
        <v>96</v>
      </c>
      <c r="W13" s="182">
        <v>681</v>
      </c>
      <c r="X13" s="181">
        <v>685</v>
      </c>
    </row>
    <row r="14" spans="2:24" ht="21" customHeight="1" x14ac:dyDescent="0.2">
      <c r="B14" s="92" t="s">
        <v>11</v>
      </c>
      <c r="C14" s="177">
        <v>0</v>
      </c>
      <c r="D14" s="177">
        <v>0</v>
      </c>
      <c r="E14" s="182">
        <v>0</v>
      </c>
      <c r="F14" s="179">
        <v>0</v>
      </c>
      <c r="G14" s="177">
        <v>4210</v>
      </c>
      <c r="H14" s="177">
        <v>2959</v>
      </c>
      <c r="I14" s="177">
        <v>1875</v>
      </c>
      <c r="J14" s="177">
        <v>941</v>
      </c>
      <c r="K14" s="177">
        <v>362</v>
      </c>
      <c r="L14" s="182">
        <v>10347</v>
      </c>
      <c r="M14" s="181">
        <v>10347</v>
      </c>
      <c r="N14" s="177">
        <v>0</v>
      </c>
      <c r="O14" s="177">
        <v>0</v>
      </c>
      <c r="P14" s="182">
        <v>0</v>
      </c>
      <c r="Q14" s="179">
        <v>0</v>
      </c>
      <c r="R14" s="177">
        <v>219</v>
      </c>
      <c r="S14" s="177">
        <v>184</v>
      </c>
      <c r="T14" s="177">
        <v>120</v>
      </c>
      <c r="U14" s="177">
        <v>42</v>
      </c>
      <c r="V14" s="177">
        <v>20</v>
      </c>
      <c r="W14" s="182">
        <v>585</v>
      </c>
      <c r="X14" s="181">
        <v>585</v>
      </c>
    </row>
    <row r="15" spans="2:24" ht="21" customHeight="1" x14ac:dyDescent="0.2">
      <c r="B15" s="92" t="s">
        <v>12</v>
      </c>
      <c r="C15" s="177">
        <v>0</v>
      </c>
      <c r="D15" s="177">
        <v>0</v>
      </c>
      <c r="E15" s="182">
        <v>0</v>
      </c>
      <c r="F15" s="179">
        <v>0</v>
      </c>
      <c r="G15" s="177">
        <v>3043</v>
      </c>
      <c r="H15" s="177">
        <v>2044</v>
      </c>
      <c r="I15" s="177">
        <v>1475</v>
      </c>
      <c r="J15" s="177">
        <v>659</v>
      </c>
      <c r="K15" s="177">
        <v>263</v>
      </c>
      <c r="L15" s="182">
        <v>7484</v>
      </c>
      <c r="M15" s="181">
        <v>7484</v>
      </c>
      <c r="N15" s="177">
        <v>0</v>
      </c>
      <c r="O15" s="177">
        <v>0</v>
      </c>
      <c r="P15" s="182">
        <v>0</v>
      </c>
      <c r="Q15" s="179">
        <v>0</v>
      </c>
      <c r="R15" s="177">
        <v>35</v>
      </c>
      <c r="S15" s="177">
        <v>9</v>
      </c>
      <c r="T15" s="177">
        <v>19</v>
      </c>
      <c r="U15" s="177">
        <v>0</v>
      </c>
      <c r="V15" s="177">
        <v>13</v>
      </c>
      <c r="W15" s="182">
        <v>76</v>
      </c>
      <c r="X15" s="181">
        <v>76</v>
      </c>
    </row>
    <row r="16" spans="2:24" ht="21" customHeight="1" x14ac:dyDescent="0.2">
      <c r="B16" s="92" t="s">
        <v>13</v>
      </c>
      <c r="C16" s="177">
        <v>0</v>
      </c>
      <c r="D16" s="177">
        <v>0</v>
      </c>
      <c r="E16" s="182">
        <v>0</v>
      </c>
      <c r="F16" s="179">
        <v>0</v>
      </c>
      <c r="G16" s="177">
        <v>1142</v>
      </c>
      <c r="H16" s="177">
        <v>1388</v>
      </c>
      <c r="I16" s="177">
        <v>727</v>
      </c>
      <c r="J16" s="177">
        <v>314</v>
      </c>
      <c r="K16" s="177">
        <v>240</v>
      </c>
      <c r="L16" s="182">
        <v>3811</v>
      </c>
      <c r="M16" s="181">
        <v>3811</v>
      </c>
      <c r="N16" s="177">
        <v>0</v>
      </c>
      <c r="O16" s="177">
        <v>0</v>
      </c>
      <c r="P16" s="182">
        <v>0</v>
      </c>
      <c r="Q16" s="179">
        <v>0</v>
      </c>
      <c r="R16" s="177">
        <v>6</v>
      </c>
      <c r="S16" s="177">
        <v>55</v>
      </c>
      <c r="T16" s="177">
        <v>114</v>
      </c>
      <c r="U16" s="177">
        <v>40</v>
      </c>
      <c r="V16" s="177">
        <v>77</v>
      </c>
      <c r="W16" s="182">
        <v>292</v>
      </c>
      <c r="X16" s="181">
        <v>292</v>
      </c>
    </row>
    <row r="17" spans="2:24" ht="21" customHeight="1" x14ac:dyDescent="0.2">
      <c r="B17" s="92" t="s">
        <v>15</v>
      </c>
      <c r="C17" s="177">
        <v>0</v>
      </c>
      <c r="D17" s="177">
        <v>0</v>
      </c>
      <c r="E17" s="182">
        <v>0</v>
      </c>
      <c r="F17" s="179">
        <v>0</v>
      </c>
      <c r="G17" s="177">
        <v>1481</v>
      </c>
      <c r="H17" s="177">
        <v>1486</v>
      </c>
      <c r="I17" s="177">
        <v>737</v>
      </c>
      <c r="J17" s="177">
        <v>334</v>
      </c>
      <c r="K17" s="177">
        <v>137</v>
      </c>
      <c r="L17" s="182">
        <v>4175</v>
      </c>
      <c r="M17" s="181">
        <v>4175</v>
      </c>
      <c r="N17" s="177">
        <v>0</v>
      </c>
      <c r="O17" s="177">
        <v>9</v>
      </c>
      <c r="P17" s="182">
        <v>9</v>
      </c>
      <c r="Q17" s="179">
        <v>0</v>
      </c>
      <c r="R17" s="177">
        <v>57</v>
      </c>
      <c r="S17" s="177">
        <v>45</v>
      </c>
      <c r="T17" s="177">
        <v>66</v>
      </c>
      <c r="U17" s="177">
        <v>9</v>
      </c>
      <c r="V17" s="177">
        <v>20</v>
      </c>
      <c r="W17" s="182">
        <v>197</v>
      </c>
      <c r="X17" s="181">
        <v>206</v>
      </c>
    </row>
    <row r="18" spans="2:24" ht="21" customHeight="1" x14ac:dyDescent="0.2">
      <c r="B18" s="92" t="s">
        <v>16</v>
      </c>
      <c r="C18" s="177">
        <v>0</v>
      </c>
      <c r="D18" s="177">
        <v>0</v>
      </c>
      <c r="E18" s="182">
        <v>0</v>
      </c>
      <c r="F18" s="179">
        <v>0</v>
      </c>
      <c r="G18" s="177">
        <v>1282</v>
      </c>
      <c r="H18" s="177">
        <v>1619</v>
      </c>
      <c r="I18" s="177">
        <v>837</v>
      </c>
      <c r="J18" s="177">
        <v>376</v>
      </c>
      <c r="K18" s="177">
        <v>140</v>
      </c>
      <c r="L18" s="182">
        <v>4254</v>
      </c>
      <c r="M18" s="181">
        <v>4254</v>
      </c>
      <c r="N18" s="177">
        <v>0</v>
      </c>
      <c r="O18" s="177">
        <v>0</v>
      </c>
      <c r="P18" s="182">
        <v>0</v>
      </c>
      <c r="Q18" s="179">
        <v>0</v>
      </c>
      <c r="R18" s="177">
        <v>38</v>
      </c>
      <c r="S18" s="177">
        <v>80</v>
      </c>
      <c r="T18" s="177">
        <v>46</v>
      </c>
      <c r="U18" s="177">
        <v>16</v>
      </c>
      <c r="V18" s="177">
        <v>46</v>
      </c>
      <c r="W18" s="182">
        <v>226</v>
      </c>
      <c r="X18" s="181">
        <v>226</v>
      </c>
    </row>
    <row r="19" spans="2:24" ht="21" customHeight="1" x14ac:dyDescent="0.2">
      <c r="B19" s="92" t="s">
        <v>17</v>
      </c>
      <c r="C19" s="177">
        <v>0</v>
      </c>
      <c r="D19" s="177">
        <v>0</v>
      </c>
      <c r="E19" s="182">
        <v>0</v>
      </c>
      <c r="F19" s="179">
        <v>0</v>
      </c>
      <c r="G19" s="177">
        <v>2276</v>
      </c>
      <c r="H19" s="177">
        <v>3208</v>
      </c>
      <c r="I19" s="177">
        <v>1759</v>
      </c>
      <c r="J19" s="177">
        <v>1297</v>
      </c>
      <c r="K19" s="177">
        <v>617</v>
      </c>
      <c r="L19" s="182">
        <v>9157</v>
      </c>
      <c r="M19" s="181">
        <v>9157</v>
      </c>
      <c r="N19" s="177">
        <v>4</v>
      </c>
      <c r="O19" s="177">
        <v>17</v>
      </c>
      <c r="P19" s="182">
        <v>21</v>
      </c>
      <c r="Q19" s="179">
        <v>0</v>
      </c>
      <c r="R19" s="177">
        <v>232</v>
      </c>
      <c r="S19" s="177">
        <v>195</v>
      </c>
      <c r="T19" s="177">
        <v>133</v>
      </c>
      <c r="U19" s="177">
        <v>104</v>
      </c>
      <c r="V19" s="177">
        <v>69</v>
      </c>
      <c r="W19" s="182">
        <v>733</v>
      </c>
      <c r="X19" s="181">
        <v>754</v>
      </c>
    </row>
    <row r="20" spans="2:24" ht="21" customHeight="1" x14ac:dyDescent="0.2">
      <c r="B20" s="92" t="s">
        <v>18</v>
      </c>
      <c r="C20" s="177">
        <v>0</v>
      </c>
      <c r="D20" s="177">
        <v>0</v>
      </c>
      <c r="E20" s="182">
        <v>0</v>
      </c>
      <c r="F20" s="179">
        <v>0</v>
      </c>
      <c r="G20" s="177">
        <v>2303</v>
      </c>
      <c r="H20" s="177">
        <v>1736</v>
      </c>
      <c r="I20" s="177">
        <v>996</v>
      </c>
      <c r="J20" s="177">
        <v>415</v>
      </c>
      <c r="K20" s="177">
        <v>167</v>
      </c>
      <c r="L20" s="182">
        <v>5617</v>
      </c>
      <c r="M20" s="181">
        <v>5617</v>
      </c>
      <c r="N20" s="177">
        <v>0</v>
      </c>
      <c r="O20" s="177">
        <v>0</v>
      </c>
      <c r="P20" s="182">
        <v>0</v>
      </c>
      <c r="Q20" s="179">
        <v>0</v>
      </c>
      <c r="R20" s="177">
        <v>81</v>
      </c>
      <c r="S20" s="177">
        <v>125</v>
      </c>
      <c r="T20" s="177">
        <v>240</v>
      </c>
      <c r="U20" s="177">
        <v>90</v>
      </c>
      <c r="V20" s="177">
        <v>70</v>
      </c>
      <c r="W20" s="182">
        <v>606</v>
      </c>
      <c r="X20" s="181">
        <v>606</v>
      </c>
    </row>
    <row r="21" spans="2:24" ht="21" customHeight="1" x14ac:dyDescent="0.2">
      <c r="B21" s="92" t="s">
        <v>19</v>
      </c>
      <c r="C21" s="177">
        <v>0</v>
      </c>
      <c r="D21" s="177">
        <v>0</v>
      </c>
      <c r="E21" s="182">
        <v>0</v>
      </c>
      <c r="F21" s="179">
        <v>0</v>
      </c>
      <c r="G21" s="177">
        <v>1058</v>
      </c>
      <c r="H21" s="177">
        <v>831</v>
      </c>
      <c r="I21" s="177">
        <v>523</v>
      </c>
      <c r="J21" s="177">
        <v>261</v>
      </c>
      <c r="K21" s="177">
        <v>193</v>
      </c>
      <c r="L21" s="182">
        <v>2866</v>
      </c>
      <c r="M21" s="181">
        <v>2866</v>
      </c>
      <c r="N21" s="177">
        <v>4</v>
      </c>
      <c r="O21" s="177">
        <v>0</v>
      </c>
      <c r="P21" s="182">
        <v>4</v>
      </c>
      <c r="Q21" s="179">
        <v>0</v>
      </c>
      <c r="R21" s="177">
        <v>130</v>
      </c>
      <c r="S21" s="177">
        <v>162</v>
      </c>
      <c r="T21" s="177">
        <v>140</v>
      </c>
      <c r="U21" s="177">
        <v>53</v>
      </c>
      <c r="V21" s="177">
        <v>27</v>
      </c>
      <c r="W21" s="182">
        <v>512</v>
      </c>
      <c r="X21" s="181">
        <v>516</v>
      </c>
    </row>
    <row r="22" spans="2:24" ht="21" customHeight="1" x14ac:dyDescent="0.2">
      <c r="B22" s="92" t="s">
        <v>20</v>
      </c>
      <c r="C22" s="177">
        <v>0</v>
      </c>
      <c r="D22" s="177">
        <v>0</v>
      </c>
      <c r="E22" s="182">
        <v>0</v>
      </c>
      <c r="F22" s="179">
        <v>0</v>
      </c>
      <c r="G22" s="177">
        <v>1545</v>
      </c>
      <c r="H22" s="177">
        <v>974</v>
      </c>
      <c r="I22" s="177">
        <v>647</v>
      </c>
      <c r="J22" s="177">
        <v>180</v>
      </c>
      <c r="K22" s="177">
        <v>75</v>
      </c>
      <c r="L22" s="182">
        <v>3421</v>
      </c>
      <c r="M22" s="181">
        <v>3421</v>
      </c>
      <c r="N22" s="177">
        <v>0</v>
      </c>
      <c r="O22" s="177">
        <v>0</v>
      </c>
      <c r="P22" s="182">
        <v>0</v>
      </c>
      <c r="Q22" s="179">
        <v>0</v>
      </c>
      <c r="R22" s="177">
        <v>0</v>
      </c>
      <c r="S22" s="177">
        <v>5</v>
      </c>
      <c r="T22" s="177">
        <v>84</v>
      </c>
      <c r="U22" s="177">
        <v>62</v>
      </c>
      <c r="V22" s="177">
        <v>64</v>
      </c>
      <c r="W22" s="182">
        <v>215</v>
      </c>
      <c r="X22" s="181">
        <v>215</v>
      </c>
    </row>
    <row r="23" spans="2:24" ht="21" customHeight="1" x14ac:dyDescent="0.2">
      <c r="B23" s="92" t="s">
        <v>21</v>
      </c>
      <c r="C23" s="177">
        <v>0</v>
      </c>
      <c r="D23" s="177">
        <v>0</v>
      </c>
      <c r="E23" s="182">
        <v>0</v>
      </c>
      <c r="F23" s="179">
        <v>0</v>
      </c>
      <c r="G23" s="177">
        <v>1719</v>
      </c>
      <c r="H23" s="177">
        <v>1402</v>
      </c>
      <c r="I23" s="177">
        <v>894</v>
      </c>
      <c r="J23" s="177">
        <v>325</v>
      </c>
      <c r="K23" s="177">
        <v>205</v>
      </c>
      <c r="L23" s="182">
        <v>4545</v>
      </c>
      <c r="M23" s="181">
        <v>4545</v>
      </c>
      <c r="N23" s="177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0</v>
      </c>
      <c r="T23" s="177">
        <v>0</v>
      </c>
      <c r="U23" s="177">
        <v>0</v>
      </c>
      <c r="V23" s="177">
        <v>0</v>
      </c>
      <c r="W23" s="182">
        <v>0</v>
      </c>
      <c r="X23" s="181">
        <v>0</v>
      </c>
    </row>
    <row r="24" spans="2:24" ht="21" customHeight="1" x14ac:dyDescent="0.2">
      <c r="B24" s="92" t="s">
        <v>22</v>
      </c>
      <c r="C24" s="177">
        <v>0</v>
      </c>
      <c r="D24" s="177">
        <v>0</v>
      </c>
      <c r="E24" s="182">
        <v>0</v>
      </c>
      <c r="F24" s="179">
        <v>0</v>
      </c>
      <c r="G24" s="177">
        <v>1078</v>
      </c>
      <c r="H24" s="177">
        <v>917</v>
      </c>
      <c r="I24" s="177">
        <v>542</v>
      </c>
      <c r="J24" s="177">
        <v>271</v>
      </c>
      <c r="K24" s="177">
        <v>91</v>
      </c>
      <c r="L24" s="182">
        <v>2899</v>
      </c>
      <c r="M24" s="181">
        <v>2899</v>
      </c>
      <c r="N24" s="177">
        <v>0</v>
      </c>
      <c r="O24" s="177">
        <v>0</v>
      </c>
      <c r="P24" s="182">
        <v>0</v>
      </c>
      <c r="Q24" s="179">
        <v>0</v>
      </c>
      <c r="R24" s="177">
        <v>15</v>
      </c>
      <c r="S24" s="177">
        <v>44</v>
      </c>
      <c r="T24" s="177">
        <v>77</v>
      </c>
      <c r="U24" s="177">
        <v>59</v>
      </c>
      <c r="V24" s="177">
        <v>7</v>
      </c>
      <c r="W24" s="182">
        <v>202</v>
      </c>
      <c r="X24" s="181">
        <v>202</v>
      </c>
    </row>
    <row r="25" spans="2:24" ht="21" customHeight="1" x14ac:dyDescent="0.2">
      <c r="B25" s="92" t="s">
        <v>23</v>
      </c>
      <c r="C25" s="177">
        <v>0</v>
      </c>
      <c r="D25" s="177">
        <v>0</v>
      </c>
      <c r="E25" s="182">
        <v>0</v>
      </c>
      <c r="F25" s="179">
        <v>0</v>
      </c>
      <c r="G25" s="177">
        <v>574</v>
      </c>
      <c r="H25" s="177">
        <v>520</v>
      </c>
      <c r="I25" s="177">
        <v>228</v>
      </c>
      <c r="J25" s="177">
        <v>230</v>
      </c>
      <c r="K25" s="177">
        <v>99</v>
      </c>
      <c r="L25" s="182">
        <v>1651</v>
      </c>
      <c r="M25" s="181">
        <v>1651</v>
      </c>
      <c r="N25" s="177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0</v>
      </c>
      <c r="T25" s="177">
        <v>15</v>
      </c>
      <c r="U25" s="177">
        <v>21</v>
      </c>
      <c r="V25" s="177">
        <v>0</v>
      </c>
      <c r="W25" s="182">
        <v>36</v>
      </c>
      <c r="X25" s="181">
        <v>36</v>
      </c>
    </row>
    <row r="26" spans="2:24" ht="21" customHeight="1" x14ac:dyDescent="0.2">
      <c r="B26" s="92" t="s">
        <v>24</v>
      </c>
      <c r="C26" s="177">
        <v>0</v>
      </c>
      <c r="D26" s="177">
        <v>0</v>
      </c>
      <c r="E26" s="182">
        <v>0</v>
      </c>
      <c r="F26" s="179">
        <v>0</v>
      </c>
      <c r="G26" s="177">
        <v>177</v>
      </c>
      <c r="H26" s="177">
        <v>104</v>
      </c>
      <c r="I26" s="177">
        <v>172</v>
      </c>
      <c r="J26" s="177">
        <v>56</v>
      </c>
      <c r="K26" s="177">
        <v>46</v>
      </c>
      <c r="L26" s="182">
        <v>555</v>
      </c>
      <c r="M26" s="181">
        <v>555</v>
      </c>
      <c r="N26" s="177">
        <v>0</v>
      </c>
      <c r="O26" s="177">
        <v>0</v>
      </c>
      <c r="P26" s="182">
        <v>0</v>
      </c>
      <c r="Q26" s="179">
        <v>0</v>
      </c>
      <c r="R26" s="177">
        <v>57</v>
      </c>
      <c r="S26" s="177">
        <v>66</v>
      </c>
      <c r="T26" s="177">
        <v>20</v>
      </c>
      <c r="U26" s="177">
        <v>23</v>
      </c>
      <c r="V26" s="177">
        <v>5</v>
      </c>
      <c r="W26" s="182">
        <v>171</v>
      </c>
      <c r="X26" s="181">
        <v>171</v>
      </c>
    </row>
    <row r="27" spans="2:24" ht="21" customHeight="1" x14ac:dyDescent="0.2">
      <c r="B27" s="92" t="s">
        <v>25</v>
      </c>
      <c r="C27" s="177">
        <v>0</v>
      </c>
      <c r="D27" s="177">
        <v>0</v>
      </c>
      <c r="E27" s="182">
        <v>0</v>
      </c>
      <c r="F27" s="179">
        <v>0</v>
      </c>
      <c r="G27" s="177">
        <v>600</v>
      </c>
      <c r="H27" s="177">
        <v>351</v>
      </c>
      <c r="I27" s="177">
        <v>154</v>
      </c>
      <c r="J27" s="177">
        <v>55</v>
      </c>
      <c r="K27" s="177">
        <v>0</v>
      </c>
      <c r="L27" s="182">
        <v>1160</v>
      </c>
      <c r="M27" s="181">
        <v>1160</v>
      </c>
      <c r="N27" s="177">
        <v>0</v>
      </c>
      <c r="O27" s="177">
        <v>0</v>
      </c>
      <c r="P27" s="182">
        <v>0</v>
      </c>
      <c r="Q27" s="179">
        <v>0</v>
      </c>
      <c r="R27" s="177">
        <v>0</v>
      </c>
      <c r="S27" s="177">
        <v>0</v>
      </c>
      <c r="T27" s="177">
        <v>0</v>
      </c>
      <c r="U27" s="177">
        <v>0</v>
      </c>
      <c r="V27" s="177">
        <v>0</v>
      </c>
      <c r="W27" s="182">
        <v>0</v>
      </c>
      <c r="X27" s="181">
        <v>0</v>
      </c>
    </row>
    <row r="28" spans="2:24" ht="21" customHeight="1" x14ac:dyDescent="0.2">
      <c r="B28" s="92" t="s">
        <v>26</v>
      </c>
      <c r="C28" s="177">
        <v>0</v>
      </c>
      <c r="D28" s="177">
        <v>0</v>
      </c>
      <c r="E28" s="182">
        <v>0</v>
      </c>
      <c r="F28" s="179">
        <v>0</v>
      </c>
      <c r="G28" s="177">
        <v>391</v>
      </c>
      <c r="H28" s="177">
        <v>385</v>
      </c>
      <c r="I28" s="177">
        <v>293</v>
      </c>
      <c r="J28" s="177">
        <v>133</v>
      </c>
      <c r="K28" s="177">
        <v>115</v>
      </c>
      <c r="L28" s="182">
        <v>1317</v>
      </c>
      <c r="M28" s="181">
        <v>1317</v>
      </c>
      <c r="N28" s="177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0</v>
      </c>
      <c r="U28" s="177">
        <v>0</v>
      </c>
      <c r="V28" s="177">
        <v>0</v>
      </c>
      <c r="W28" s="182">
        <v>0</v>
      </c>
      <c r="X28" s="181">
        <v>0</v>
      </c>
    </row>
    <row r="29" spans="2:24" ht="21" customHeight="1" x14ac:dyDescent="0.2">
      <c r="B29" s="92" t="s">
        <v>27</v>
      </c>
      <c r="C29" s="177">
        <v>0</v>
      </c>
      <c r="D29" s="177">
        <v>0</v>
      </c>
      <c r="E29" s="182">
        <v>0</v>
      </c>
      <c r="F29" s="179">
        <v>0</v>
      </c>
      <c r="G29" s="177">
        <v>277</v>
      </c>
      <c r="H29" s="177">
        <v>126</v>
      </c>
      <c r="I29" s="177">
        <v>53</v>
      </c>
      <c r="J29" s="177">
        <v>17</v>
      </c>
      <c r="K29" s="177">
        <v>17</v>
      </c>
      <c r="L29" s="182">
        <v>490</v>
      </c>
      <c r="M29" s="181">
        <v>490</v>
      </c>
      <c r="N29" s="177">
        <v>0</v>
      </c>
      <c r="O29" s="177">
        <v>0</v>
      </c>
      <c r="P29" s="182">
        <v>0</v>
      </c>
      <c r="Q29" s="179">
        <v>0</v>
      </c>
      <c r="R29" s="177">
        <v>32</v>
      </c>
      <c r="S29" s="177">
        <v>12</v>
      </c>
      <c r="T29" s="177">
        <v>22</v>
      </c>
      <c r="U29" s="177">
        <v>21</v>
      </c>
      <c r="V29" s="177">
        <v>0</v>
      </c>
      <c r="W29" s="182">
        <v>87</v>
      </c>
      <c r="X29" s="181">
        <v>87</v>
      </c>
    </row>
    <row r="30" spans="2:24" ht="21" customHeight="1" x14ac:dyDescent="0.2">
      <c r="B30" s="92" t="s">
        <v>28</v>
      </c>
      <c r="C30" s="177">
        <v>0</v>
      </c>
      <c r="D30" s="177">
        <v>0</v>
      </c>
      <c r="E30" s="182">
        <v>0</v>
      </c>
      <c r="F30" s="179">
        <v>0</v>
      </c>
      <c r="G30" s="177">
        <v>203</v>
      </c>
      <c r="H30" s="177">
        <v>95</v>
      </c>
      <c r="I30" s="177">
        <v>41</v>
      </c>
      <c r="J30" s="177">
        <v>26</v>
      </c>
      <c r="K30" s="177">
        <v>8</v>
      </c>
      <c r="L30" s="182">
        <v>373</v>
      </c>
      <c r="M30" s="181">
        <v>373</v>
      </c>
      <c r="N30" s="177">
        <v>0</v>
      </c>
      <c r="O30" s="177">
        <v>0</v>
      </c>
      <c r="P30" s="182">
        <v>0</v>
      </c>
      <c r="Q30" s="179">
        <v>0</v>
      </c>
      <c r="R30" s="177">
        <v>38</v>
      </c>
      <c r="S30" s="177">
        <v>16</v>
      </c>
      <c r="T30" s="177">
        <v>16</v>
      </c>
      <c r="U30" s="177">
        <v>23</v>
      </c>
      <c r="V30" s="177">
        <v>0</v>
      </c>
      <c r="W30" s="182">
        <v>93</v>
      </c>
      <c r="X30" s="181">
        <v>93</v>
      </c>
    </row>
    <row r="31" spans="2:24" ht="21" customHeight="1" x14ac:dyDescent="0.2">
      <c r="B31" s="92" t="s">
        <v>29</v>
      </c>
      <c r="C31" s="177">
        <v>0</v>
      </c>
      <c r="D31" s="177">
        <v>0</v>
      </c>
      <c r="E31" s="182">
        <v>0</v>
      </c>
      <c r="F31" s="179">
        <v>0</v>
      </c>
      <c r="G31" s="177">
        <v>98</v>
      </c>
      <c r="H31" s="177">
        <v>129</v>
      </c>
      <c r="I31" s="177">
        <v>86</v>
      </c>
      <c r="J31" s="177">
        <v>19</v>
      </c>
      <c r="K31" s="177">
        <v>13</v>
      </c>
      <c r="L31" s="182">
        <v>345</v>
      </c>
      <c r="M31" s="181">
        <v>345</v>
      </c>
      <c r="N31" s="177">
        <v>0</v>
      </c>
      <c r="O31" s="177">
        <v>0</v>
      </c>
      <c r="P31" s="182">
        <v>0</v>
      </c>
      <c r="Q31" s="179">
        <v>0</v>
      </c>
      <c r="R31" s="177">
        <v>20</v>
      </c>
      <c r="S31" s="177">
        <v>18</v>
      </c>
      <c r="T31" s="177">
        <v>0</v>
      </c>
      <c r="U31" s="177">
        <v>0</v>
      </c>
      <c r="V31" s="177">
        <v>0</v>
      </c>
      <c r="W31" s="182">
        <v>38</v>
      </c>
      <c r="X31" s="181">
        <v>38</v>
      </c>
    </row>
    <row r="32" spans="2:24" ht="21" customHeight="1" x14ac:dyDescent="0.2">
      <c r="B32" s="92" t="s">
        <v>30</v>
      </c>
      <c r="C32" s="177">
        <v>0</v>
      </c>
      <c r="D32" s="177">
        <v>0</v>
      </c>
      <c r="E32" s="182">
        <v>0</v>
      </c>
      <c r="F32" s="179">
        <v>0</v>
      </c>
      <c r="G32" s="177">
        <v>190</v>
      </c>
      <c r="H32" s="177">
        <v>139</v>
      </c>
      <c r="I32" s="177">
        <v>106</v>
      </c>
      <c r="J32" s="177">
        <v>0</v>
      </c>
      <c r="K32" s="177">
        <v>23</v>
      </c>
      <c r="L32" s="182">
        <v>458</v>
      </c>
      <c r="M32" s="181">
        <v>458</v>
      </c>
      <c r="N32" s="177">
        <v>0</v>
      </c>
      <c r="O32" s="177">
        <v>0</v>
      </c>
      <c r="P32" s="182">
        <v>0</v>
      </c>
      <c r="Q32" s="179">
        <v>0</v>
      </c>
      <c r="R32" s="177">
        <v>0</v>
      </c>
      <c r="S32" s="177">
        <v>5</v>
      </c>
      <c r="T32" s="177">
        <v>33</v>
      </c>
      <c r="U32" s="177">
        <v>0</v>
      </c>
      <c r="V32" s="177">
        <v>0</v>
      </c>
      <c r="W32" s="182">
        <v>38</v>
      </c>
      <c r="X32" s="181">
        <v>38</v>
      </c>
    </row>
    <row r="33" spans="2:24" ht="21" customHeight="1" x14ac:dyDescent="0.2">
      <c r="B33" s="92" t="s">
        <v>31</v>
      </c>
      <c r="C33" s="177">
        <v>0</v>
      </c>
      <c r="D33" s="177">
        <v>0</v>
      </c>
      <c r="E33" s="182">
        <v>0</v>
      </c>
      <c r="F33" s="179">
        <v>0</v>
      </c>
      <c r="G33" s="177">
        <v>132</v>
      </c>
      <c r="H33" s="177">
        <v>118</v>
      </c>
      <c r="I33" s="177">
        <v>64</v>
      </c>
      <c r="J33" s="177">
        <v>3</v>
      </c>
      <c r="K33" s="177">
        <v>0</v>
      </c>
      <c r="L33" s="182">
        <v>317</v>
      </c>
      <c r="M33" s="181">
        <v>317</v>
      </c>
      <c r="N33" s="177">
        <v>0</v>
      </c>
      <c r="O33" s="177">
        <v>0</v>
      </c>
      <c r="P33" s="182">
        <v>0</v>
      </c>
      <c r="Q33" s="179">
        <v>0</v>
      </c>
      <c r="R33" s="177">
        <v>0</v>
      </c>
      <c r="S33" s="177">
        <v>0</v>
      </c>
      <c r="T33" s="177">
        <v>23</v>
      </c>
      <c r="U33" s="177">
        <v>16</v>
      </c>
      <c r="V33" s="177">
        <v>0</v>
      </c>
      <c r="W33" s="182">
        <v>39</v>
      </c>
      <c r="X33" s="181">
        <v>39</v>
      </c>
    </row>
    <row r="34" spans="2:24" ht="21" customHeight="1" x14ac:dyDescent="0.2">
      <c r="B34" s="92" t="s">
        <v>32</v>
      </c>
      <c r="C34" s="177">
        <v>0</v>
      </c>
      <c r="D34" s="177">
        <v>0</v>
      </c>
      <c r="E34" s="182">
        <v>0</v>
      </c>
      <c r="F34" s="179">
        <v>0</v>
      </c>
      <c r="G34" s="177">
        <v>399</v>
      </c>
      <c r="H34" s="177">
        <v>286</v>
      </c>
      <c r="I34" s="177">
        <v>99</v>
      </c>
      <c r="J34" s="177">
        <v>43</v>
      </c>
      <c r="K34" s="177">
        <v>35</v>
      </c>
      <c r="L34" s="182">
        <v>862</v>
      </c>
      <c r="M34" s="181">
        <v>862</v>
      </c>
      <c r="N34" s="177">
        <v>0</v>
      </c>
      <c r="O34" s="177">
        <v>0</v>
      </c>
      <c r="P34" s="182">
        <v>0</v>
      </c>
      <c r="Q34" s="179">
        <v>0</v>
      </c>
      <c r="R34" s="177">
        <v>48</v>
      </c>
      <c r="S34" s="177">
        <v>9</v>
      </c>
      <c r="T34" s="177">
        <v>46</v>
      </c>
      <c r="U34" s="177">
        <v>0</v>
      </c>
      <c r="V34" s="177">
        <v>13</v>
      </c>
      <c r="W34" s="182">
        <v>116</v>
      </c>
      <c r="X34" s="181">
        <v>116</v>
      </c>
    </row>
    <row r="35" spans="2:24" ht="21" customHeight="1" x14ac:dyDescent="0.2">
      <c r="B35" s="92" t="s">
        <v>33</v>
      </c>
      <c r="C35" s="177">
        <v>0</v>
      </c>
      <c r="D35" s="177">
        <v>0</v>
      </c>
      <c r="E35" s="182">
        <v>0</v>
      </c>
      <c r="F35" s="179">
        <v>0</v>
      </c>
      <c r="G35" s="177">
        <v>253</v>
      </c>
      <c r="H35" s="177">
        <v>293</v>
      </c>
      <c r="I35" s="177">
        <v>56</v>
      </c>
      <c r="J35" s="177">
        <v>16</v>
      </c>
      <c r="K35" s="177">
        <v>21</v>
      </c>
      <c r="L35" s="182">
        <v>639</v>
      </c>
      <c r="M35" s="181">
        <v>639</v>
      </c>
      <c r="N35" s="177">
        <v>0</v>
      </c>
      <c r="O35" s="177">
        <v>0</v>
      </c>
      <c r="P35" s="182">
        <v>0</v>
      </c>
      <c r="Q35" s="179">
        <v>0</v>
      </c>
      <c r="R35" s="177">
        <v>0</v>
      </c>
      <c r="S35" s="177">
        <v>0</v>
      </c>
      <c r="T35" s="177">
        <v>0</v>
      </c>
      <c r="U35" s="177">
        <v>0</v>
      </c>
      <c r="V35" s="177">
        <v>0</v>
      </c>
      <c r="W35" s="182">
        <v>0</v>
      </c>
      <c r="X35" s="181">
        <v>0</v>
      </c>
    </row>
    <row r="36" spans="2:24" ht="21" customHeight="1" x14ac:dyDescent="0.2">
      <c r="B36" s="92" t="s">
        <v>34</v>
      </c>
      <c r="C36" s="177">
        <v>0</v>
      </c>
      <c r="D36" s="177">
        <v>0</v>
      </c>
      <c r="E36" s="182">
        <v>0</v>
      </c>
      <c r="F36" s="179">
        <v>0</v>
      </c>
      <c r="G36" s="177">
        <v>99</v>
      </c>
      <c r="H36" s="177">
        <v>32</v>
      </c>
      <c r="I36" s="177">
        <v>20</v>
      </c>
      <c r="J36" s="177">
        <v>3</v>
      </c>
      <c r="K36" s="177">
        <v>6</v>
      </c>
      <c r="L36" s="182">
        <v>160</v>
      </c>
      <c r="M36" s="181">
        <v>160</v>
      </c>
      <c r="N36" s="177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0</v>
      </c>
      <c r="T36" s="177">
        <v>0</v>
      </c>
      <c r="U36" s="177">
        <v>0</v>
      </c>
      <c r="V36" s="177">
        <v>8</v>
      </c>
      <c r="W36" s="182">
        <v>8</v>
      </c>
      <c r="X36" s="181">
        <v>8</v>
      </c>
    </row>
    <row r="37" spans="2:24" ht="21" customHeight="1" x14ac:dyDescent="0.2">
      <c r="B37" s="92" t="s">
        <v>35</v>
      </c>
      <c r="C37" s="177">
        <v>0</v>
      </c>
      <c r="D37" s="177">
        <v>0</v>
      </c>
      <c r="E37" s="182">
        <v>0</v>
      </c>
      <c r="F37" s="179">
        <v>0</v>
      </c>
      <c r="G37" s="177">
        <v>171</v>
      </c>
      <c r="H37" s="177">
        <v>143</v>
      </c>
      <c r="I37" s="177">
        <v>157</v>
      </c>
      <c r="J37" s="177">
        <v>100</v>
      </c>
      <c r="K37" s="177">
        <v>28</v>
      </c>
      <c r="L37" s="182">
        <v>599</v>
      </c>
      <c r="M37" s="181">
        <v>599</v>
      </c>
      <c r="N37" s="177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0</v>
      </c>
      <c r="T37" s="177">
        <v>0</v>
      </c>
      <c r="U37" s="177">
        <v>0</v>
      </c>
      <c r="V37" s="177">
        <v>0</v>
      </c>
      <c r="W37" s="182">
        <v>0</v>
      </c>
      <c r="X37" s="181">
        <v>0</v>
      </c>
    </row>
    <row r="38" spans="2:24" ht="21" customHeight="1" x14ac:dyDescent="0.2">
      <c r="B38" s="92" t="s">
        <v>36</v>
      </c>
      <c r="C38" s="177">
        <v>0</v>
      </c>
      <c r="D38" s="177">
        <v>0</v>
      </c>
      <c r="E38" s="182">
        <v>0</v>
      </c>
      <c r="F38" s="179">
        <v>0</v>
      </c>
      <c r="G38" s="177">
        <v>466</v>
      </c>
      <c r="H38" s="177">
        <v>404</v>
      </c>
      <c r="I38" s="177">
        <v>482</v>
      </c>
      <c r="J38" s="177">
        <v>296</v>
      </c>
      <c r="K38" s="177">
        <v>247</v>
      </c>
      <c r="L38" s="182">
        <v>1895</v>
      </c>
      <c r="M38" s="181">
        <v>1895</v>
      </c>
      <c r="N38" s="177">
        <v>0</v>
      </c>
      <c r="O38" s="177">
        <v>0</v>
      </c>
      <c r="P38" s="182">
        <v>0</v>
      </c>
      <c r="Q38" s="179">
        <v>0</v>
      </c>
      <c r="R38" s="177">
        <v>0</v>
      </c>
      <c r="S38" s="177">
        <v>0</v>
      </c>
      <c r="T38" s="177">
        <v>0</v>
      </c>
      <c r="U38" s="177">
        <v>0</v>
      </c>
      <c r="V38" s="177">
        <v>0</v>
      </c>
      <c r="W38" s="182">
        <v>0</v>
      </c>
      <c r="X38" s="181">
        <v>0</v>
      </c>
    </row>
    <row r="39" spans="2:24" ht="21" customHeight="1" thickBot="1" x14ac:dyDescent="0.25">
      <c r="B39" s="94" t="s">
        <v>37</v>
      </c>
      <c r="C39" s="184">
        <v>0</v>
      </c>
      <c r="D39" s="184">
        <v>0</v>
      </c>
      <c r="E39" s="189">
        <v>0</v>
      </c>
      <c r="F39" s="186">
        <v>0</v>
      </c>
      <c r="G39" s="184">
        <v>106</v>
      </c>
      <c r="H39" s="184">
        <v>101</v>
      </c>
      <c r="I39" s="184">
        <v>85</v>
      </c>
      <c r="J39" s="184">
        <v>25</v>
      </c>
      <c r="K39" s="184">
        <v>22</v>
      </c>
      <c r="L39" s="189">
        <v>339</v>
      </c>
      <c r="M39" s="188">
        <v>339</v>
      </c>
      <c r="N39" s="184">
        <v>0</v>
      </c>
      <c r="O39" s="184">
        <v>0</v>
      </c>
      <c r="P39" s="189">
        <v>0</v>
      </c>
      <c r="Q39" s="186">
        <v>0</v>
      </c>
      <c r="R39" s="184">
        <v>4</v>
      </c>
      <c r="S39" s="184">
        <v>0</v>
      </c>
      <c r="T39" s="184">
        <v>0</v>
      </c>
      <c r="U39" s="184">
        <v>0</v>
      </c>
      <c r="V39" s="184">
        <v>0</v>
      </c>
      <c r="W39" s="189">
        <v>4</v>
      </c>
      <c r="X39" s="188">
        <v>4</v>
      </c>
    </row>
  </sheetData>
  <mergeCells count="11">
    <mergeCell ref="N3:X3"/>
    <mergeCell ref="N4:P4"/>
    <mergeCell ref="Q4:W4"/>
    <mergeCell ref="X4:X5"/>
    <mergeCell ref="H1:I1"/>
    <mergeCell ref="K1:L1"/>
    <mergeCell ref="B3:B5"/>
    <mergeCell ref="C3:M3"/>
    <mergeCell ref="C4:E4"/>
    <mergeCell ref="F4:L4"/>
    <mergeCell ref="M4:M5"/>
  </mergeCells>
  <phoneticPr fontId="4"/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Footer>&amp;L&amp;20&amp;A&amp;C&amp;P/&amp;N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X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4" width="9" style="161"/>
    <col min="5" max="5" width="10" style="161" customWidth="1"/>
    <col min="6" max="6" width="7.77734375" style="161" customWidth="1"/>
    <col min="7" max="7" width="10.77734375" style="161" customWidth="1"/>
    <col min="8" max="16" width="9" style="161"/>
    <col min="17" max="17" width="7.6640625" style="161" customWidth="1"/>
    <col min="18" max="16384" width="9" style="161"/>
  </cols>
  <sheetData>
    <row r="1" spans="2:24" ht="24" customHeight="1" x14ac:dyDescent="0.2">
      <c r="B1" s="128" t="s">
        <v>123</v>
      </c>
      <c r="H1" s="441">
        <f>第１表!F2</f>
        <v>7</v>
      </c>
      <c r="I1" s="441"/>
      <c r="J1" s="15">
        <f>第１表!G2</f>
        <v>1</v>
      </c>
      <c r="K1" s="445">
        <f>IF(J1&lt;3,J1+12-2,J1-2)</f>
        <v>11</v>
      </c>
      <c r="L1" s="445"/>
    </row>
    <row r="2" spans="2:24" ht="24" customHeight="1" thickBot="1" x14ac:dyDescent="0.25">
      <c r="B2" s="128" t="s">
        <v>131</v>
      </c>
    </row>
    <row r="3" spans="2:24" ht="21" customHeight="1" x14ac:dyDescent="0.2">
      <c r="B3" s="471"/>
      <c r="C3" s="472" t="s">
        <v>139</v>
      </c>
      <c r="D3" s="472"/>
      <c r="E3" s="472"/>
      <c r="F3" s="472"/>
      <c r="G3" s="472"/>
      <c r="H3" s="472"/>
      <c r="I3" s="472"/>
      <c r="J3" s="472"/>
      <c r="K3" s="472"/>
      <c r="L3" s="472"/>
      <c r="M3" s="496"/>
      <c r="N3" s="472" t="s">
        <v>112</v>
      </c>
      <c r="O3" s="472"/>
      <c r="P3" s="472"/>
      <c r="Q3" s="472"/>
      <c r="R3" s="472"/>
      <c r="S3" s="472"/>
      <c r="T3" s="472"/>
      <c r="U3" s="472"/>
      <c r="V3" s="472"/>
      <c r="W3" s="472"/>
      <c r="X3" s="496"/>
    </row>
    <row r="4" spans="2:24" ht="21" customHeight="1" x14ac:dyDescent="0.2">
      <c r="B4" s="494"/>
      <c r="C4" s="497" t="s">
        <v>61</v>
      </c>
      <c r="D4" s="497"/>
      <c r="E4" s="498"/>
      <c r="F4" s="499" t="s">
        <v>62</v>
      </c>
      <c r="G4" s="497"/>
      <c r="H4" s="497"/>
      <c r="I4" s="497"/>
      <c r="J4" s="497"/>
      <c r="K4" s="497"/>
      <c r="L4" s="500"/>
      <c r="M4" s="501" t="s">
        <v>52</v>
      </c>
      <c r="N4" s="497" t="s">
        <v>61</v>
      </c>
      <c r="O4" s="497"/>
      <c r="P4" s="498"/>
      <c r="Q4" s="499" t="s">
        <v>62</v>
      </c>
      <c r="R4" s="497"/>
      <c r="S4" s="497"/>
      <c r="T4" s="497"/>
      <c r="U4" s="497"/>
      <c r="V4" s="497"/>
      <c r="W4" s="500"/>
      <c r="X4" s="501" t="s">
        <v>52</v>
      </c>
    </row>
    <row r="5" spans="2:24" ht="30" customHeight="1" thickBot="1" x14ac:dyDescent="0.25">
      <c r="B5" s="495"/>
      <c r="C5" s="164" t="s">
        <v>43</v>
      </c>
      <c r="D5" s="164" t="s">
        <v>44</v>
      </c>
      <c r="E5" s="168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8" t="s">
        <v>45</v>
      </c>
      <c r="M5" s="470"/>
      <c r="N5" s="164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</row>
    <row r="6" spans="2:24" ht="21" customHeight="1" x14ac:dyDescent="0.2">
      <c r="B6" s="70" t="s">
        <v>4</v>
      </c>
      <c r="C6" s="170">
        <v>0</v>
      </c>
      <c r="D6" s="170">
        <v>0</v>
      </c>
      <c r="E6" s="175">
        <v>0</v>
      </c>
      <c r="F6" s="172">
        <v>0</v>
      </c>
      <c r="G6" s="170">
        <v>6855</v>
      </c>
      <c r="H6" s="170">
        <v>7078</v>
      </c>
      <c r="I6" s="170">
        <v>3475</v>
      </c>
      <c r="J6" s="170">
        <v>1511</v>
      </c>
      <c r="K6" s="170">
        <v>673</v>
      </c>
      <c r="L6" s="175">
        <v>19592</v>
      </c>
      <c r="M6" s="174">
        <v>19592</v>
      </c>
      <c r="N6" s="170">
        <v>0</v>
      </c>
      <c r="O6" s="170">
        <v>0</v>
      </c>
      <c r="P6" s="175">
        <v>0</v>
      </c>
      <c r="Q6" s="172">
        <v>0</v>
      </c>
      <c r="R6" s="170">
        <v>520</v>
      </c>
      <c r="S6" s="170">
        <v>694</v>
      </c>
      <c r="T6" s="170">
        <v>716</v>
      </c>
      <c r="U6" s="170">
        <v>327</v>
      </c>
      <c r="V6" s="170">
        <v>173</v>
      </c>
      <c r="W6" s="175">
        <v>2430</v>
      </c>
      <c r="X6" s="174">
        <v>2430</v>
      </c>
    </row>
    <row r="7" spans="2:24" ht="21" customHeight="1" x14ac:dyDescent="0.2">
      <c r="B7" s="81" t="s">
        <v>5</v>
      </c>
      <c r="C7" s="177">
        <v>0</v>
      </c>
      <c r="D7" s="177">
        <v>0</v>
      </c>
      <c r="E7" s="182">
        <v>0</v>
      </c>
      <c r="F7" s="179">
        <v>0</v>
      </c>
      <c r="G7" s="177">
        <v>2435</v>
      </c>
      <c r="H7" s="177">
        <v>3300</v>
      </c>
      <c r="I7" s="177">
        <v>2018</v>
      </c>
      <c r="J7" s="177">
        <v>704</v>
      </c>
      <c r="K7" s="177">
        <v>282</v>
      </c>
      <c r="L7" s="182">
        <v>8739</v>
      </c>
      <c r="M7" s="181">
        <v>8739</v>
      </c>
      <c r="N7" s="177">
        <v>0</v>
      </c>
      <c r="O7" s="177">
        <v>0</v>
      </c>
      <c r="P7" s="182">
        <v>0</v>
      </c>
      <c r="Q7" s="179">
        <v>0</v>
      </c>
      <c r="R7" s="177">
        <v>326</v>
      </c>
      <c r="S7" s="177">
        <v>388</v>
      </c>
      <c r="T7" s="177">
        <v>416</v>
      </c>
      <c r="U7" s="177">
        <v>176</v>
      </c>
      <c r="V7" s="177">
        <v>79</v>
      </c>
      <c r="W7" s="182">
        <v>1385</v>
      </c>
      <c r="X7" s="181">
        <v>1385</v>
      </c>
    </row>
    <row r="8" spans="2:24" ht="21" customHeight="1" x14ac:dyDescent="0.2">
      <c r="B8" s="92" t="s">
        <v>6</v>
      </c>
      <c r="C8" s="177">
        <v>0</v>
      </c>
      <c r="D8" s="177">
        <v>0</v>
      </c>
      <c r="E8" s="182">
        <v>0</v>
      </c>
      <c r="F8" s="179">
        <v>0</v>
      </c>
      <c r="G8" s="177">
        <v>794</v>
      </c>
      <c r="H8" s="177">
        <v>595</v>
      </c>
      <c r="I8" s="177">
        <v>260</v>
      </c>
      <c r="J8" s="177">
        <v>201</v>
      </c>
      <c r="K8" s="177">
        <v>178</v>
      </c>
      <c r="L8" s="182">
        <v>2028</v>
      </c>
      <c r="M8" s="181">
        <v>2028</v>
      </c>
      <c r="N8" s="177">
        <v>0</v>
      </c>
      <c r="O8" s="177">
        <v>0</v>
      </c>
      <c r="P8" s="182">
        <v>0</v>
      </c>
      <c r="Q8" s="179">
        <v>0</v>
      </c>
      <c r="R8" s="177">
        <v>77</v>
      </c>
      <c r="S8" s="177">
        <v>138</v>
      </c>
      <c r="T8" s="177">
        <v>103</v>
      </c>
      <c r="U8" s="177">
        <v>67</v>
      </c>
      <c r="V8" s="177">
        <v>32</v>
      </c>
      <c r="W8" s="182">
        <v>417</v>
      </c>
      <c r="X8" s="181">
        <v>417</v>
      </c>
    </row>
    <row r="9" spans="2:24" ht="21" customHeight="1" x14ac:dyDescent="0.2">
      <c r="B9" s="92" t="s">
        <v>14</v>
      </c>
      <c r="C9" s="177">
        <v>0</v>
      </c>
      <c r="D9" s="177">
        <v>0</v>
      </c>
      <c r="E9" s="182">
        <v>0</v>
      </c>
      <c r="F9" s="179">
        <v>0</v>
      </c>
      <c r="G9" s="177">
        <v>621</v>
      </c>
      <c r="H9" s="177">
        <v>657</v>
      </c>
      <c r="I9" s="177">
        <v>330</v>
      </c>
      <c r="J9" s="177">
        <v>197</v>
      </c>
      <c r="K9" s="177">
        <v>17</v>
      </c>
      <c r="L9" s="182">
        <v>1822</v>
      </c>
      <c r="M9" s="181">
        <v>1822</v>
      </c>
      <c r="N9" s="177">
        <v>0</v>
      </c>
      <c r="O9" s="177">
        <v>0</v>
      </c>
      <c r="P9" s="182">
        <v>0</v>
      </c>
      <c r="Q9" s="179">
        <v>0</v>
      </c>
      <c r="R9" s="177">
        <v>23</v>
      </c>
      <c r="S9" s="177">
        <v>8</v>
      </c>
      <c r="T9" s="177">
        <v>0</v>
      </c>
      <c r="U9" s="177">
        <v>0</v>
      </c>
      <c r="V9" s="177">
        <v>0</v>
      </c>
      <c r="W9" s="182">
        <v>31</v>
      </c>
      <c r="X9" s="181">
        <v>31</v>
      </c>
    </row>
    <row r="10" spans="2:24" ht="21" customHeight="1" x14ac:dyDescent="0.2">
      <c r="B10" s="92" t="s">
        <v>7</v>
      </c>
      <c r="C10" s="177">
        <v>0</v>
      </c>
      <c r="D10" s="177">
        <v>0</v>
      </c>
      <c r="E10" s="182">
        <v>0</v>
      </c>
      <c r="F10" s="179">
        <v>0</v>
      </c>
      <c r="G10" s="177">
        <v>552</v>
      </c>
      <c r="H10" s="177">
        <v>524</v>
      </c>
      <c r="I10" s="177">
        <v>145</v>
      </c>
      <c r="J10" s="177">
        <v>65</v>
      </c>
      <c r="K10" s="177">
        <v>0</v>
      </c>
      <c r="L10" s="182">
        <v>1286</v>
      </c>
      <c r="M10" s="181">
        <v>1286</v>
      </c>
      <c r="N10" s="177">
        <v>0</v>
      </c>
      <c r="O10" s="177">
        <v>0</v>
      </c>
      <c r="P10" s="182">
        <v>0</v>
      </c>
      <c r="Q10" s="179">
        <v>0</v>
      </c>
      <c r="R10" s="177">
        <v>34</v>
      </c>
      <c r="S10" s="177">
        <v>77</v>
      </c>
      <c r="T10" s="177">
        <v>63</v>
      </c>
      <c r="U10" s="177">
        <v>33</v>
      </c>
      <c r="V10" s="177">
        <v>4</v>
      </c>
      <c r="W10" s="182">
        <v>211</v>
      </c>
      <c r="X10" s="181">
        <v>211</v>
      </c>
    </row>
    <row r="11" spans="2:24" ht="21" customHeight="1" x14ac:dyDescent="0.2">
      <c r="B11" s="92" t="s">
        <v>8</v>
      </c>
      <c r="C11" s="177">
        <v>0</v>
      </c>
      <c r="D11" s="177">
        <v>0</v>
      </c>
      <c r="E11" s="182">
        <v>0</v>
      </c>
      <c r="F11" s="179">
        <v>0</v>
      </c>
      <c r="G11" s="177">
        <v>221</v>
      </c>
      <c r="H11" s="177">
        <v>326</v>
      </c>
      <c r="I11" s="177">
        <v>90</v>
      </c>
      <c r="J11" s="177">
        <v>74</v>
      </c>
      <c r="K11" s="177">
        <v>26</v>
      </c>
      <c r="L11" s="182">
        <v>737</v>
      </c>
      <c r="M11" s="181">
        <v>737</v>
      </c>
      <c r="N11" s="177">
        <v>0</v>
      </c>
      <c r="O11" s="177">
        <v>0</v>
      </c>
      <c r="P11" s="182">
        <v>0</v>
      </c>
      <c r="Q11" s="179">
        <v>0</v>
      </c>
      <c r="R11" s="177">
        <v>0</v>
      </c>
      <c r="S11" s="177">
        <v>0</v>
      </c>
      <c r="T11" s="177">
        <v>0</v>
      </c>
      <c r="U11" s="177">
        <v>0</v>
      </c>
      <c r="V11" s="177">
        <v>0</v>
      </c>
      <c r="W11" s="182">
        <v>0</v>
      </c>
      <c r="X11" s="181">
        <v>0</v>
      </c>
    </row>
    <row r="12" spans="2:24" ht="21" customHeight="1" x14ac:dyDescent="0.2">
      <c r="B12" s="92" t="s">
        <v>9</v>
      </c>
      <c r="C12" s="177">
        <v>0</v>
      </c>
      <c r="D12" s="177">
        <v>0</v>
      </c>
      <c r="E12" s="182">
        <v>0</v>
      </c>
      <c r="F12" s="179">
        <v>0</v>
      </c>
      <c r="G12" s="177">
        <v>317</v>
      </c>
      <c r="H12" s="177">
        <v>230</v>
      </c>
      <c r="I12" s="177">
        <v>98</v>
      </c>
      <c r="J12" s="177">
        <v>34</v>
      </c>
      <c r="K12" s="177">
        <v>38</v>
      </c>
      <c r="L12" s="182">
        <v>717</v>
      </c>
      <c r="M12" s="181">
        <v>717</v>
      </c>
      <c r="N12" s="177">
        <v>0</v>
      </c>
      <c r="O12" s="177">
        <v>0</v>
      </c>
      <c r="P12" s="182">
        <v>0</v>
      </c>
      <c r="Q12" s="179">
        <v>0</v>
      </c>
      <c r="R12" s="177">
        <v>0</v>
      </c>
      <c r="S12" s="177">
        <v>2</v>
      </c>
      <c r="T12" s="177">
        <v>0</v>
      </c>
      <c r="U12" s="177">
        <v>0</v>
      </c>
      <c r="V12" s="177">
        <v>12</v>
      </c>
      <c r="W12" s="182">
        <v>14</v>
      </c>
      <c r="X12" s="181">
        <v>14</v>
      </c>
    </row>
    <row r="13" spans="2:24" ht="21" customHeight="1" x14ac:dyDescent="0.2">
      <c r="B13" s="92" t="s">
        <v>10</v>
      </c>
      <c r="C13" s="177">
        <v>0</v>
      </c>
      <c r="D13" s="177">
        <v>0</v>
      </c>
      <c r="E13" s="182">
        <v>0</v>
      </c>
      <c r="F13" s="179">
        <v>0</v>
      </c>
      <c r="G13" s="177">
        <v>336</v>
      </c>
      <c r="H13" s="177">
        <v>171</v>
      </c>
      <c r="I13" s="177">
        <v>48</v>
      </c>
      <c r="J13" s="177">
        <v>32</v>
      </c>
      <c r="K13" s="177">
        <v>24</v>
      </c>
      <c r="L13" s="182">
        <v>611</v>
      </c>
      <c r="M13" s="181">
        <v>611</v>
      </c>
      <c r="N13" s="177">
        <v>0</v>
      </c>
      <c r="O13" s="177">
        <v>0</v>
      </c>
      <c r="P13" s="182">
        <v>0</v>
      </c>
      <c r="Q13" s="179">
        <v>0</v>
      </c>
      <c r="R13" s="177">
        <v>36</v>
      </c>
      <c r="S13" s="177">
        <v>13</v>
      </c>
      <c r="T13" s="177">
        <v>8</v>
      </c>
      <c r="U13" s="177">
        <v>0</v>
      </c>
      <c r="V13" s="177">
        <v>0</v>
      </c>
      <c r="W13" s="182">
        <v>57</v>
      </c>
      <c r="X13" s="181">
        <v>57</v>
      </c>
    </row>
    <row r="14" spans="2:24" ht="21" customHeight="1" x14ac:dyDescent="0.2">
      <c r="B14" s="92" t="s">
        <v>11</v>
      </c>
      <c r="C14" s="177">
        <v>0</v>
      </c>
      <c r="D14" s="177">
        <v>0</v>
      </c>
      <c r="E14" s="182">
        <v>0</v>
      </c>
      <c r="F14" s="179">
        <v>0</v>
      </c>
      <c r="G14" s="177">
        <v>176</v>
      </c>
      <c r="H14" s="177">
        <v>67</v>
      </c>
      <c r="I14" s="177">
        <v>46</v>
      </c>
      <c r="J14" s="177">
        <v>25</v>
      </c>
      <c r="K14" s="177">
        <v>13</v>
      </c>
      <c r="L14" s="182">
        <v>327</v>
      </c>
      <c r="M14" s="181">
        <v>327</v>
      </c>
      <c r="N14" s="177">
        <v>0</v>
      </c>
      <c r="O14" s="177">
        <v>0</v>
      </c>
      <c r="P14" s="182">
        <v>0</v>
      </c>
      <c r="Q14" s="179">
        <v>0</v>
      </c>
      <c r="R14" s="177">
        <v>0</v>
      </c>
      <c r="S14" s="177">
        <v>7</v>
      </c>
      <c r="T14" s="177">
        <v>25</v>
      </c>
      <c r="U14" s="177">
        <v>0</v>
      </c>
      <c r="V14" s="177">
        <v>0</v>
      </c>
      <c r="W14" s="182">
        <v>32</v>
      </c>
      <c r="X14" s="181">
        <v>32</v>
      </c>
    </row>
    <row r="15" spans="2:24" ht="21" customHeight="1" x14ac:dyDescent="0.2">
      <c r="B15" s="92" t="s">
        <v>12</v>
      </c>
      <c r="C15" s="177">
        <v>0</v>
      </c>
      <c r="D15" s="177">
        <v>0</v>
      </c>
      <c r="E15" s="182">
        <v>0</v>
      </c>
      <c r="F15" s="179">
        <v>0</v>
      </c>
      <c r="G15" s="177">
        <v>180</v>
      </c>
      <c r="H15" s="177">
        <v>150</v>
      </c>
      <c r="I15" s="177">
        <v>81</v>
      </c>
      <c r="J15" s="177">
        <v>33</v>
      </c>
      <c r="K15" s="177">
        <v>33</v>
      </c>
      <c r="L15" s="182">
        <v>477</v>
      </c>
      <c r="M15" s="181">
        <v>477</v>
      </c>
      <c r="N15" s="177">
        <v>0</v>
      </c>
      <c r="O15" s="177">
        <v>0</v>
      </c>
      <c r="P15" s="182">
        <v>0</v>
      </c>
      <c r="Q15" s="179">
        <v>0</v>
      </c>
      <c r="R15" s="177">
        <v>0</v>
      </c>
      <c r="S15" s="177">
        <v>0</v>
      </c>
      <c r="T15" s="177">
        <v>0</v>
      </c>
      <c r="U15" s="177">
        <v>0</v>
      </c>
      <c r="V15" s="177">
        <v>0</v>
      </c>
      <c r="W15" s="182">
        <v>0</v>
      </c>
      <c r="X15" s="181">
        <v>0</v>
      </c>
    </row>
    <row r="16" spans="2:24" ht="21" customHeight="1" x14ac:dyDescent="0.2">
      <c r="B16" s="92" t="s">
        <v>13</v>
      </c>
      <c r="C16" s="177">
        <v>0</v>
      </c>
      <c r="D16" s="177">
        <v>0</v>
      </c>
      <c r="E16" s="182">
        <v>0</v>
      </c>
      <c r="F16" s="179">
        <v>0</v>
      </c>
      <c r="G16" s="177">
        <v>111</v>
      </c>
      <c r="H16" s="177">
        <v>166</v>
      </c>
      <c r="I16" s="177">
        <v>53</v>
      </c>
      <c r="J16" s="177">
        <v>8</v>
      </c>
      <c r="K16" s="177">
        <v>0</v>
      </c>
      <c r="L16" s="182">
        <v>338</v>
      </c>
      <c r="M16" s="181">
        <v>338</v>
      </c>
      <c r="N16" s="177">
        <v>0</v>
      </c>
      <c r="O16" s="177">
        <v>0</v>
      </c>
      <c r="P16" s="182">
        <v>0</v>
      </c>
      <c r="Q16" s="179">
        <v>0</v>
      </c>
      <c r="R16" s="177">
        <v>0</v>
      </c>
      <c r="S16" s="177">
        <v>4</v>
      </c>
      <c r="T16" s="177">
        <v>18</v>
      </c>
      <c r="U16" s="177">
        <v>0</v>
      </c>
      <c r="V16" s="177">
        <v>17</v>
      </c>
      <c r="W16" s="182">
        <v>39</v>
      </c>
      <c r="X16" s="181">
        <v>39</v>
      </c>
    </row>
    <row r="17" spans="2:24" ht="21" customHeight="1" x14ac:dyDescent="0.2">
      <c r="B17" s="92" t="s">
        <v>15</v>
      </c>
      <c r="C17" s="177">
        <v>0</v>
      </c>
      <c r="D17" s="177">
        <v>0</v>
      </c>
      <c r="E17" s="182">
        <v>0</v>
      </c>
      <c r="F17" s="179">
        <v>0</v>
      </c>
      <c r="G17" s="177">
        <v>98</v>
      </c>
      <c r="H17" s="177">
        <v>75</v>
      </c>
      <c r="I17" s="177">
        <v>8</v>
      </c>
      <c r="J17" s="177">
        <v>40</v>
      </c>
      <c r="K17" s="177">
        <v>0</v>
      </c>
      <c r="L17" s="182">
        <v>221</v>
      </c>
      <c r="M17" s="181">
        <v>221</v>
      </c>
      <c r="N17" s="177">
        <v>0</v>
      </c>
      <c r="O17" s="177">
        <v>0</v>
      </c>
      <c r="P17" s="182">
        <v>0</v>
      </c>
      <c r="Q17" s="179">
        <v>0</v>
      </c>
      <c r="R17" s="177">
        <v>0</v>
      </c>
      <c r="S17" s="177">
        <v>0</v>
      </c>
      <c r="T17" s="177">
        <v>0</v>
      </c>
      <c r="U17" s="177">
        <v>9</v>
      </c>
      <c r="V17" s="177">
        <v>0</v>
      </c>
      <c r="W17" s="182">
        <v>9</v>
      </c>
      <c r="X17" s="181">
        <v>9</v>
      </c>
    </row>
    <row r="18" spans="2:24" ht="21" customHeight="1" x14ac:dyDescent="0.2">
      <c r="B18" s="92" t="s">
        <v>16</v>
      </c>
      <c r="C18" s="177">
        <v>0</v>
      </c>
      <c r="D18" s="177">
        <v>0</v>
      </c>
      <c r="E18" s="182">
        <v>0</v>
      </c>
      <c r="F18" s="179">
        <v>0</v>
      </c>
      <c r="G18" s="177">
        <v>80</v>
      </c>
      <c r="H18" s="177">
        <v>81</v>
      </c>
      <c r="I18" s="177">
        <v>44</v>
      </c>
      <c r="J18" s="177">
        <v>19</v>
      </c>
      <c r="K18" s="177">
        <v>0</v>
      </c>
      <c r="L18" s="182">
        <v>224</v>
      </c>
      <c r="M18" s="181">
        <v>224</v>
      </c>
      <c r="N18" s="177">
        <v>0</v>
      </c>
      <c r="O18" s="177">
        <v>0</v>
      </c>
      <c r="P18" s="182">
        <v>0</v>
      </c>
      <c r="Q18" s="179">
        <v>0</v>
      </c>
      <c r="R18" s="177">
        <v>0</v>
      </c>
      <c r="S18" s="177">
        <v>0</v>
      </c>
      <c r="T18" s="177">
        <v>0</v>
      </c>
      <c r="U18" s="177">
        <v>0</v>
      </c>
      <c r="V18" s="177">
        <v>0</v>
      </c>
      <c r="W18" s="182">
        <v>0</v>
      </c>
      <c r="X18" s="181">
        <v>0</v>
      </c>
    </row>
    <row r="19" spans="2:24" ht="21" customHeight="1" x14ac:dyDescent="0.2">
      <c r="B19" s="92" t="s">
        <v>17</v>
      </c>
      <c r="C19" s="177">
        <v>0</v>
      </c>
      <c r="D19" s="177">
        <v>0</v>
      </c>
      <c r="E19" s="182">
        <v>0</v>
      </c>
      <c r="F19" s="179">
        <v>0</v>
      </c>
      <c r="G19" s="177">
        <v>162</v>
      </c>
      <c r="H19" s="177">
        <v>222</v>
      </c>
      <c r="I19" s="177">
        <v>53</v>
      </c>
      <c r="J19" s="177">
        <v>35</v>
      </c>
      <c r="K19" s="177">
        <v>29</v>
      </c>
      <c r="L19" s="182">
        <v>501</v>
      </c>
      <c r="M19" s="181">
        <v>501</v>
      </c>
      <c r="N19" s="177">
        <v>0</v>
      </c>
      <c r="O19" s="177">
        <v>0</v>
      </c>
      <c r="P19" s="182">
        <v>0</v>
      </c>
      <c r="Q19" s="179">
        <v>0</v>
      </c>
      <c r="R19" s="177">
        <v>8</v>
      </c>
      <c r="S19" s="177">
        <v>14</v>
      </c>
      <c r="T19" s="177">
        <v>0</v>
      </c>
      <c r="U19" s="177">
        <v>0</v>
      </c>
      <c r="V19" s="177">
        <v>0</v>
      </c>
      <c r="W19" s="182">
        <v>22</v>
      </c>
      <c r="X19" s="181">
        <v>22</v>
      </c>
    </row>
    <row r="20" spans="2:24" ht="21" customHeight="1" x14ac:dyDescent="0.2">
      <c r="B20" s="92" t="s">
        <v>18</v>
      </c>
      <c r="C20" s="177">
        <v>0</v>
      </c>
      <c r="D20" s="177">
        <v>0</v>
      </c>
      <c r="E20" s="182">
        <v>0</v>
      </c>
      <c r="F20" s="179">
        <v>0</v>
      </c>
      <c r="G20" s="177">
        <v>156</v>
      </c>
      <c r="H20" s="177">
        <v>122</v>
      </c>
      <c r="I20" s="177">
        <v>60</v>
      </c>
      <c r="J20" s="177">
        <v>3</v>
      </c>
      <c r="K20" s="177">
        <v>0</v>
      </c>
      <c r="L20" s="182">
        <v>341</v>
      </c>
      <c r="M20" s="181">
        <v>341</v>
      </c>
      <c r="N20" s="177">
        <v>0</v>
      </c>
      <c r="O20" s="177">
        <v>0</v>
      </c>
      <c r="P20" s="182">
        <v>0</v>
      </c>
      <c r="Q20" s="179">
        <v>0</v>
      </c>
      <c r="R20" s="177">
        <v>4</v>
      </c>
      <c r="S20" s="177">
        <v>4</v>
      </c>
      <c r="T20" s="177">
        <v>32</v>
      </c>
      <c r="U20" s="177">
        <v>0</v>
      </c>
      <c r="V20" s="177">
        <v>20</v>
      </c>
      <c r="W20" s="182">
        <v>60</v>
      </c>
      <c r="X20" s="181">
        <v>60</v>
      </c>
    </row>
    <row r="21" spans="2:24" ht="21" customHeight="1" x14ac:dyDescent="0.2">
      <c r="B21" s="92" t="s">
        <v>19</v>
      </c>
      <c r="C21" s="177">
        <v>0</v>
      </c>
      <c r="D21" s="177">
        <v>0</v>
      </c>
      <c r="E21" s="182">
        <v>0</v>
      </c>
      <c r="F21" s="179">
        <v>0</v>
      </c>
      <c r="G21" s="177">
        <v>53</v>
      </c>
      <c r="H21" s="177">
        <v>31</v>
      </c>
      <c r="I21" s="177">
        <v>0</v>
      </c>
      <c r="J21" s="177">
        <v>0</v>
      </c>
      <c r="K21" s="177">
        <v>0</v>
      </c>
      <c r="L21" s="182">
        <v>84</v>
      </c>
      <c r="M21" s="181">
        <v>84</v>
      </c>
      <c r="N21" s="177">
        <v>0</v>
      </c>
      <c r="O21" s="177">
        <v>0</v>
      </c>
      <c r="P21" s="182">
        <v>0</v>
      </c>
      <c r="Q21" s="179">
        <v>0</v>
      </c>
      <c r="R21" s="177">
        <v>12</v>
      </c>
      <c r="S21" s="177">
        <v>22</v>
      </c>
      <c r="T21" s="177">
        <v>0</v>
      </c>
      <c r="U21" s="177">
        <v>5</v>
      </c>
      <c r="V21" s="177">
        <v>0</v>
      </c>
      <c r="W21" s="182">
        <v>39</v>
      </c>
      <c r="X21" s="181">
        <v>39</v>
      </c>
    </row>
    <row r="22" spans="2:24" ht="21" customHeight="1" x14ac:dyDescent="0.2">
      <c r="B22" s="92" t="s">
        <v>20</v>
      </c>
      <c r="C22" s="177">
        <v>0</v>
      </c>
      <c r="D22" s="177">
        <v>0</v>
      </c>
      <c r="E22" s="182">
        <v>0</v>
      </c>
      <c r="F22" s="179">
        <v>0</v>
      </c>
      <c r="G22" s="177">
        <v>136</v>
      </c>
      <c r="H22" s="177">
        <v>139</v>
      </c>
      <c r="I22" s="177">
        <v>51</v>
      </c>
      <c r="J22" s="177">
        <v>18</v>
      </c>
      <c r="K22" s="177">
        <v>0</v>
      </c>
      <c r="L22" s="182">
        <v>344</v>
      </c>
      <c r="M22" s="181">
        <v>344</v>
      </c>
      <c r="N22" s="177">
        <v>0</v>
      </c>
      <c r="O22" s="177">
        <v>0</v>
      </c>
      <c r="P22" s="182">
        <v>0</v>
      </c>
      <c r="Q22" s="179">
        <v>0</v>
      </c>
      <c r="R22" s="177">
        <v>0</v>
      </c>
      <c r="S22" s="177">
        <v>0</v>
      </c>
      <c r="T22" s="177">
        <v>5</v>
      </c>
      <c r="U22" s="177">
        <v>0</v>
      </c>
      <c r="V22" s="177">
        <v>4</v>
      </c>
      <c r="W22" s="182">
        <v>9</v>
      </c>
      <c r="X22" s="181">
        <v>9</v>
      </c>
    </row>
    <row r="23" spans="2:24" ht="21" customHeight="1" x14ac:dyDescent="0.2">
      <c r="B23" s="92" t="s">
        <v>21</v>
      </c>
      <c r="C23" s="177">
        <v>0</v>
      </c>
      <c r="D23" s="177">
        <v>0</v>
      </c>
      <c r="E23" s="182">
        <v>0</v>
      </c>
      <c r="F23" s="179">
        <v>0</v>
      </c>
      <c r="G23" s="177">
        <v>133</v>
      </c>
      <c r="H23" s="177">
        <v>60</v>
      </c>
      <c r="I23" s="177">
        <v>24</v>
      </c>
      <c r="J23" s="177">
        <v>9</v>
      </c>
      <c r="K23" s="177">
        <v>0</v>
      </c>
      <c r="L23" s="182">
        <v>226</v>
      </c>
      <c r="M23" s="181">
        <v>226</v>
      </c>
      <c r="N23" s="177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0</v>
      </c>
      <c r="T23" s="177">
        <v>0</v>
      </c>
      <c r="U23" s="177">
        <v>0</v>
      </c>
      <c r="V23" s="177">
        <v>0</v>
      </c>
      <c r="W23" s="182">
        <v>0</v>
      </c>
      <c r="X23" s="181">
        <v>0</v>
      </c>
    </row>
    <row r="24" spans="2:24" ht="21" customHeight="1" x14ac:dyDescent="0.2">
      <c r="B24" s="92" t="s">
        <v>22</v>
      </c>
      <c r="C24" s="177">
        <v>0</v>
      </c>
      <c r="D24" s="177">
        <v>0</v>
      </c>
      <c r="E24" s="182">
        <v>0</v>
      </c>
      <c r="F24" s="179">
        <v>0</v>
      </c>
      <c r="G24" s="177">
        <v>60</v>
      </c>
      <c r="H24" s="177">
        <v>33</v>
      </c>
      <c r="I24" s="177">
        <v>20</v>
      </c>
      <c r="J24" s="177">
        <v>0</v>
      </c>
      <c r="K24" s="177">
        <v>24</v>
      </c>
      <c r="L24" s="182">
        <v>137</v>
      </c>
      <c r="M24" s="181">
        <v>137</v>
      </c>
      <c r="N24" s="177">
        <v>0</v>
      </c>
      <c r="O24" s="177">
        <v>0</v>
      </c>
      <c r="P24" s="182">
        <v>0</v>
      </c>
      <c r="Q24" s="179">
        <v>0</v>
      </c>
      <c r="R24" s="177">
        <v>0</v>
      </c>
      <c r="S24" s="177">
        <v>0</v>
      </c>
      <c r="T24" s="177">
        <v>27</v>
      </c>
      <c r="U24" s="177">
        <v>0</v>
      </c>
      <c r="V24" s="177">
        <v>0</v>
      </c>
      <c r="W24" s="182">
        <v>27</v>
      </c>
      <c r="X24" s="181">
        <v>27</v>
      </c>
    </row>
    <row r="25" spans="2:24" ht="21" customHeight="1" x14ac:dyDescent="0.2">
      <c r="B25" s="92" t="s">
        <v>23</v>
      </c>
      <c r="C25" s="177">
        <v>0</v>
      </c>
      <c r="D25" s="177">
        <v>0</v>
      </c>
      <c r="E25" s="182">
        <v>0</v>
      </c>
      <c r="F25" s="179">
        <v>0</v>
      </c>
      <c r="G25" s="177">
        <v>17</v>
      </c>
      <c r="H25" s="177">
        <v>14</v>
      </c>
      <c r="I25" s="177">
        <v>9</v>
      </c>
      <c r="J25" s="177">
        <v>0</v>
      </c>
      <c r="K25" s="177">
        <v>0</v>
      </c>
      <c r="L25" s="182">
        <v>40</v>
      </c>
      <c r="M25" s="181">
        <v>40</v>
      </c>
      <c r="N25" s="177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0</v>
      </c>
      <c r="T25" s="177">
        <v>0</v>
      </c>
      <c r="U25" s="177">
        <v>0</v>
      </c>
      <c r="V25" s="177">
        <v>0</v>
      </c>
      <c r="W25" s="182">
        <v>0</v>
      </c>
      <c r="X25" s="181">
        <v>0</v>
      </c>
    </row>
    <row r="26" spans="2:24" ht="21" customHeight="1" x14ac:dyDescent="0.2">
      <c r="B26" s="92" t="s">
        <v>24</v>
      </c>
      <c r="C26" s="177">
        <v>0</v>
      </c>
      <c r="D26" s="177">
        <v>0</v>
      </c>
      <c r="E26" s="182">
        <v>0</v>
      </c>
      <c r="F26" s="179">
        <v>0</v>
      </c>
      <c r="G26" s="177">
        <v>24</v>
      </c>
      <c r="H26" s="177">
        <v>16</v>
      </c>
      <c r="I26" s="177">
        <v>5</v>
      </c>
      <c r="J26" s="177">
        <v>0</v>
      </c>
      <c r="K26" s="177">
        <v>4</v>
      </c>
      <c r="L26" s="182">
        <v>49</v>
      </c>
      <c r="M26" s="181">
        <v>49</v>
      </c>
      <c r="N26" s="177">
        <v>0</v>
      </c>
      <c r="O26" s="177">
        <v>0</v>
      </c>
      <c r="P26" s="182">
        <v>0</v>
      </c>
      <c r="Q26" s="179">
        <v>0</v>
      </c>
      <c r="R26" s="177">
        <v>0</v>
      </c>
      <c r="S26" s="177">
        <v>0</v>
      </c>
      <c r="T26" s="177">
        <v>12</v>
      </c>
      <c r="U26" s="177">
        <v>0</v>
      </c>
      <c r="V26" s="177">
        <v>5</v>
      </c>
      <c r="W26" s="182">
        <v>17</v>
      </c>
      <c r="X26" s="181">
        <v>17</v>
      </c>
    </row>
    <row r="27" spans="2:24" ht="21" customHeight="1" x14ac:dyDescent="0.2">
      <c r="B27" s="92" t="s">
        <v>25</v>
      </c>
      <c r="C27" s="177">
        <v>0</v>
      </c>
      <c r="D27" s="177">
        <v>0</v>
      </c>
      <c r="E27" s="182">
        <v>0</v>
      </c>
      <c r="F27" s="179">
        <v>0</v>
      </c>
      <c r="G27" s="177">
        <v>17</v>
      </c>
      <c r="H27" s="177">
        <v>22</v>
      </c>
      <c r="I27" s="177">
        <v>5</v>
      </c>
      <c r="J27" s="177">
        <v>5</v>
      </c>
      <c r="K27" s="177">
        <v>0</v>
      </c>
      <c r="L27" s="182">
        <v>49</v>
      </c>
      <c r="M27" s="181">
        <v>49</v>
      </c>
      <c r="N27" s="177">
        <v>0</v>
      </c>
      <c r="O27" s="177">
        <v>0</v>
      </c>
      <c r="P27" s="182">
        <v>0</v>
      </c>
      <c r="Q27" s="179">
        <v>0</v>
      </c>
      <c r="R27" s="177">
        <v>0</v>
      </c>
      <c r="S27" s="177">
        <v>0</v>
      </c>
      <c r="T27" s="177">
        <v>0</v>
      </c>
      <c r="U27" s="177">
        <v>0</v>
      </c>
      <c r="V27" s="177">
        <v>0</v>
      </c>
      <c r="W27" s="182">
        <v>0</v>
      </c>
      <c r="X27" s="181">
        <v>0</v>
      </c>
    </row>
    <row r="28" spans="2:24" ht="21" customHeight="1" x14ac:dyDescent="0.2">
      <c r="B28" s="92" t="s">
        <v>26</v>
      </c>
      <c r="C28" s="177">
        <v>0</v>
      </c>
      <c r="D28" s="177">
        <v>0</v>
      </c>
      <c r="E28" s="182">
        <v>0</v>
      </c>
      <c r="F28" s="179">
        <v>0</v>
      </c>
      <c r="G28" s="177">
        <v>52</v>
      </c>
      <c r="H28" s="177">
        <v>5</v>
      </c>
      <c r="I28" s="177">
        <v>15</v>
      </c>
      <c r="J28" s="177">
        <v>9</v>
      </c>
      <c r="K28" s="177">
        <v>0</v>
      </c>
      <c r="L28" s="182">
        <v>81</v>
      </c>
      <c r="M28" s="181">
        <v>81</v>
      </c>
      <c r="N28" s="177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0</v>
      </c>
      <c r="U28" s="177">
        <v>0</v>
      </c>
      <c r="V28" s="177">
        <v>0</v>
      </c>
      <c r="W28" s="182">
        <v>0</v>
      </c>
      <c r="X28" s="181">
        <v>0</v>
      </c>
    </row>
    <row r="29" spans="2:24" ht="21" customHeight="1" x14ac:dyDescent="0.2">
      <c r="B29" s="92" t="s">
        <v>27</v>
      </c>
      <c r="C29" s="177">
        <v>0</v>
      </c>
      <c r="D29" s="177">
        <v>0</v>
      </c>
      <c r="E29" s="182">
        <v>0</v>
      </c>
      <c r="F29" s="179">
        <v>0</v>
      </c>
      <c r="G29" s="177">
        <v>0</v>
      </c>
      <c r="H29" s="177">
        <v>8</v>
      </c>
      <c r="I29" s="177">
        <v>0</v>
      </c>
      <c r="J29" s="177">
        <v>0</v>
      </c>
      <c r="K29" s="177">
        <v>0</v>
      </c>
      <c r="L29" s="182">
        <v>8</v>
      </c>
      <c r="M29" s="181">
        <v>8</v>
      </c>
      <c r="N29" s="177">
        <v>0</v>
      </c>
      <c r="O29" s="177">
        <v>0</v>
      </c>
      <c r="P29" s="182">
        <v>0</v>
      </c>
      <c r="Q29" s="179">
        <v>0</v>
      </c>
      <c r="R29" s="177">
        <v>0</v>
      </c>
      <c r="S29" s="177">
        <v>8</v>
      </c>
      <c r="T29" s="177">
        <v>7</v>
      </c>
      <c r="U29" s="177">
        <v>21</v>
      </c>
      <c r="V29" s="177">
        <v>0</v>
      </c>
      <c r="W29" s="182">
        <v>36</v>
      </c>
      <c r="X29" s="181">
        <v>36</v>
      </c>
    </row>
    <row r="30" spans="2:24" ht="21" customHeight="1" x14ac:dyDescent="0.2">
      <c r="B30" s="92" t="s">
        <v>28</v>
      </c>
      <c r="C30" s="177">
        <v>0</v>
      </c>
      <c r="D30" s="177">
        <v>0</v>
      </c>
      <c r="E30" s="182">
        <v>0</v>
      </c>
      <c r="F30" s="179">
        <v>0</v>
      </c>
      <c r="G30" s="177">
        <v>32</v>
      </c>
      <c r="H30" s="177">
        <v>3</v>
      </c>
      <c r="I30" s="177">
        <v>0</v>
      </c>
      <c r="J30" s="177">
        <v>0</v>
      </c>
      <c r="K30" s="177">
        <v>0</v>
      </c>
      <c r="L30" s="182">
        <v>35</v>
      </c>
      <c r="M30" s="181">
        <v>35</v>
      </c>
      <c r="N30" s="177">
        <v>0</v>
      </c>
      <c r="O30" s="177">
        <v>0</v>
      </c>
      <c r="P30" s="182">
        <v>0</v>
      </c>
      <c r="Q30" s="179">
        <v>0</v>
      </c>
      <c r="R30" s="177">
        <v>0</v>
      </c>
      <c r="S30" s="177">
        <v>0</v>
      </c>
      <c r="T30" s="177">
        <v>0</v>
      </c>
      <c r="U30" s="177">
        <v>0</v>
      </c>
      <c r="V30" s="177">
        <v>0</v>
      </c>
      <c r="W30" s="182">
        <v>0</v>
      </c>
      <c r="X30" s="181">
        <v>0</v>
      </c>
    </row>
    <row r="31" spans="2:24" ht="21" customHeight="1" x14ac:dyDescent="0.2">
      <c r="B31" s="92" t="s">
        <v>29</v>
      </c>
      <c r="C31" s="177">
        <v>0</v>
      </c>
      <c r="D31" s="177">
        <v>0</v>
      </c>
      <c r="E31" s="182">
        <v>0</v>
      </c>
      <c r="F31" s="179">
        <v>0</v>
      </c>
      <c r="G31" s="177">
        <v>0</v>
      </c>
      <c r="H31" s="177">
        <v>16</v>
      </c>
      <c r="I31" s="177">
        <v>3</v>
      </c>
      <c r="J31" s="177">
        <v>0</v>
      </c>
      <c r="K31" s="177">
        <v>0</v>
      </c>
      <c r="L31" s="182">
        <v>19</v>
      </c>
      <c r="M31" s="181">
        <v>19</v>
      </c>
      <c r="N31" s="177">
        <v>0</v>
      </c>
      <c r="O31" s="177">
        <v>0</v>
      </c>
      <c r="P31" s="182">
        <v>0</v>
      </c>
      <c r="Q31" s="179">
        <v>0</v>
      </c>
      <c r="R31" s="177">
        <v>0</v>
      </c>
      <c r="S31" s="177">
        <v>9</v>
      </c>
      <c r="T31" s="177">
        <v>0</v>
      </c>
      <c r="U31" s="177">
        <v>0</v>
      </c>
      <c r="V31" s="177">
        <v>0</v>
      </c>
      <c r="W31" s="182">
        <v>9</v>
      </c>
      <c r="X31" s="181">
        <v>9</v>
      </c>
    </row>
    <row r="32" spans="2:24" ht="21" customHeight="1" x14ac:dyDescent="0.2">
      <c r="B32" s="92" t="s">
        <v>30</v>
      </c>
      <c r="C32" s="177">
        <v>0</v>
      </c>
      <c r="D32" s="177">
        <v>0</v>
      </c>
      <c r="E32" s="182">
        <v>0</v>
      </c>
      <c r="F32" s="179">
        <v>0</v>
      </c>
      <c r="G32" s="177">
        <v>0</v>
      </c>
      <c r="H32" s="177">
        <v>0</v>
      </c>
      <c r="I32" s="177">
        <v>9</v>
      </c>
      <c r="J32" s="177">
        <v>0</v>
      </c>
      <c r="K32" s="177">
        <v>0</v>
      </c>
      <c r="L32" s="182">
        <v>9</v>
      </c>
      <c r="M32" s="181">
        <v>9</v>
      </c>
      <c r="N32" s="177">
        <v>0</v>
      </c>
      <c r="O32" s="177">
        <v>0</v>
      </c>
      <c r="P32" s="182">
        <v>0</v>
      </c>
      <c r="Q32" s="179">
        <v>0</v>
      </c>
      <c r="R32" s="177">
        <v>0</v>
      </c>
      <c r="S32" s="177">
        <v>0</v>
      </c>
      <c r="T32" s="177">
        <v>0</v>
      </c>
      <c r="U32" s="177">
        <v>0</v>
      </c>
      <c r="V32" s="177">
        <v>0</v>
      </c>
      <c r="W32" s="182">
        <v>0</v>
      </c>
      <c r="X32" s="181">
        <v>0</v>
      </c>
    </row>
    <row r="33" spans="2:24" ht="21" customHeight="1" x14ac:dyDescent="0.2">
      <c r="B33" s="92" t="s">
        <v>31</v>
      </c>
      <c r="C33" s="177">
        <v>0</v>
      </c>
      <c r="D33" s="177">
        <v>0</v>
      </c>
      <c r="E33" s="182">
        <v>0</v>
      </c>
      <c r="F33" s="179">
        <v>0</v>
      </c>
      <c r="G33" s="177">
        <v>0</v>
      </c>
      <c r="H33" s="177">
        <v>4</v>
      </c>
      <c r="I33" s="177">
        <v>0</v>
      </c>
      <c r="J33" s="177">
        <v>0</v>
      </c>
      <c r="K33" s="177">
        <v>0</v>
      </c>
      <c r="L33" s="182">
        <v>4</v>
      </c>
      <c r="M33" s="181">
        <v>4</v>
      </c>
      <c r="N33" s="177">
        <v>0</v>
      </c>
      <c r="O33" s="177">
        <v>0</v>
      </c>
      <c r="P33" s="182">
        <v>0</v>
      </c>
      <c r="Q33" s="179">
        <v>0</v>
      </c>
      <c r="R33" s="177">
        <v>0</v>
      </c>
      <c r="S33" s="177">
        <v>0</v>
      </c>
      <c r="T33" s="177">
        <v>0</v>
      </c>
      <c r="U33" s="177">
        <v>16</v>
      </c>
      <c r="V33" s="177">
        <v>0</v>
      </c>
      <c r="W33" s="182">
        <v>16</v>
      </c>
      <c r="X33" s="181">
        <v>16</v>
      </c>
    </row>
    <row r="34" spans="2:24" ht="21" customHeight="1" x14ac:dyDescent="0.2">
      <c r="B34" s="92" t="s">
        <v>32</v>
      </c>
      <c r="C34" s="177">
        <v>0</v>
      </c>
      <c r="D34" s="177">
        <v>0</v>
      </c>
      <c r="E34" s="182">
        <v>0</v>
      </c>
      <c r="F34" s="179">
        <v>0</v>
      </c>
      <c r="G34" s="177">
        <v>19</v>
      </c>
      <c r="H34" s="177">
        <v>16</v>
      </c>
      <c r="I34" s="177">
        <v>0</v>
      </c>
      <c r="J34" s="177">
        <v>0</v>
      </c>
      <c r="K34" s="177">
        <v>5</v>
      </c>
      <c r="L34" s="182">
        <v>40</v>
      </c>
      <c r="M34" s="181">
        <v>40</v>
      </c>
      <c r="N34" s="177">
        <v>0</v>
      </c>
      <c r="O34" s="177">
        <v>0</v>
      </c>
      <c r="P34" s="182">
        <v>0</v>
      </c>
      <c r="Q34" s="179">
        <v>0</v>
      </c>
      <c r="R34" s="177">
        <v>0</v>
      </c>
      <c r="S34" s="177">
        <v>0</v>
      </c>
      <c r="T34" s="177">
        <v>0</v>
      </c>
      <c r="U34" s="177">
        <v>0</v>
      </c>
      <c r="V34" s="177">
        <v>0</v>
      </c>
      <c r="W34" s="182">
        <v>0</v>
      </c>
      <c r="X34" s="181">
        <v>0</v>
      </c>
    </row>
    <row r="35" spans="2:24" ht="21" customHeight="1" x14ac:dyDescent="0.2">
      <c r="B35" s="92" t="s">
        <v>33</v>
      </c>
      <c r="C35" s="177">
        <v>0</v>
      </c>
      <c r="D35" s="177">
        <v>0</v>
      </c>
      <c r="E35" s="182">
        <v>0</v>
      </c>
      <c r="F35" s="179">
        <v>0</v>
      </c>
      <c r="G35" s="177">
        <v>32</v>
      </c>
      <c r="H35" s="177">
        <v>0</v>
      </c>
      <c r="I35" s="177">
        <v>0</v>
      </c>
      <c r="J35" s="177">
        <v>0</v>
      </c>
      <c r="K35" s="177">
        <v>0</v>
      </c>
      <c r="L35" s="182">
        <v>32</v>
      </c>
      <c r="M35" s="181">
        <v>32</v>
      </c>
      <c r="N35" s="177">
        <v>0</v>
      </c>
      <c r="O35" s="177">
        <v>0</v>
      </c>
      <c r="P35" s="182">
        <v>0</v>
      </c>
      <c r="Q35" s="179">
        <v>0</v>
      </c>
      <c r="R35" s="177">
        <v>0</v>
      </c>
      <c r="S35" s="177">
        <v>0</v>
      </c>
      <c r="T35" s="177">
        <v>0</v>
      </c>
      <c r="U35" s="177">
        <v>0</v>
      </c>
      <c r="V35" s="177">
        <v>0</v>
      </c>
      <c r="W35" s="182">
        <v>0</v>
      </c>
      <c r="X35" s="181">
        <v>0</v>
      </c>
    </row>
    <row r="36" spans="2:24" ht="21" customHeight="1" x14ac:dyDescent="0.2">
      <c r="B36" s="92" t="s">
        <v>34</v>
      </c>
      <c r="C36" s="177">
        <v>0</v>
      </c>
      <c r="D36" s="177">
        <v>0</v>
      </c>
      <c r="E36" s="182">
        <v>0</v>
      </c>
      <c r="F36" s="179">
        <v>0</v>
      </c>
      <c r="G36" s="177">
        <v>18</v>
      </c>
      <c r="H36" s="177">
        <v>21</v>
      </c>
      <c r="I36" s="177">
        <v>0</v>
      </c>
      <c r="J36" s="177">
        <v>0</v>
      </c>
      <c r="K36" s="177">
        <v>0</v>
      </c>
      <c r="L36" s="182">
        <v>39</v>
      </c>
      <c r="M36" s="181">
        <v>39</v>
      </c>
      <c r="N36" s="177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0</v>
      </c>
      <c r="T36" s="177">
        <v>0</v>
      </c>
      <c r="U36" s="177">
        <v>0</v>
      </c>
      <c r="V36" s="177">
        <v>0</v>
      </c>
      <c r="W36" s="182">
        <v>0</v>
      </c>
      <c r="X36" s="181">
        <v>0</v>
      </c>
    </row>
    <row r="37" spans="2:24" ht="21" customHeight="1" x14ac:dyDescent="0.2">
      <c r="B37" s="92" t="s">
        <v>35</v>
      </c>
      <c r="C37" s="177">
        <v>0</v>
      </c>
      <c r="D37" s="177">
        <v>0</v>
      </c>
      <c r="E37" s="182">
        <v>0</v>
      </c>
      <c r="F37" s="179">
        <v>0</v>
      </c>
      <c r="G37" s="177">
        <v>0</v>
      </c>
      <c r="H37" s="177">
        <v>0</v>
      </c>
      <c r="I37" s="177">
        <v>0</v>
      </c>
      <c r="J37" s="177">
        <v>0</v>
      </c>
      <c r="K37" s="177">
        <v>0</v>
      </c>
      <c r="L37" s="182">
        <v>0</v>
      </c>
      <c r="M37" s="181">
        <v>0</v>
      </c>
      <c r="N37" s="177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0</v>
      </c>
      <c r="T37" s="177">
        <v>0</v>
      </c>
      <c r="U37" s="177">
        <v>0</v>
      </c>
      <c r="V37" s="177">
        <v>0</v>
      </c>
      <c r="W37" s="182">
        <v>0</v>
      </c>
      <c r="X37" s="181">
        <v>0</v>
      </c>
    </row>
    <row r="38" spans="2:24" ht="21" customHeight="1" x14ac:dyDescent="0.2">
      <c r="B38" s="92" t="s">
        <v>36</v>
      </c>
      <c r="C38" s="177">
        <v>0</v>
      </c>
      <c r="D38" s="177">
        <v>0</v>
      </c>
      <c r="E38" s="182">
        <v>0</v>
      </c>
      <c r="F38" s="179">
        <v>0</v>
      </c>
      <c r="G38" s="177">
        <v>23</v>
      </c>
      <c r="H38" s="177">
        <v>4</v>
      </c>
      <c r="I38" s="177">
        <v>0</v>
      </c>
      <c r="J38" s="177">
        <v>0</v>
      </c>
      <c r="K38" s="177">
        <v>0</v>
      </c>
      <c r="L38" s="182">
        <v>27</v>
      </c>
      <c r="M38" s="181">
        <v>27</v>
      </c>
      <c r="N38" s="177">
        <v>0</v>
      </c>
      <c r="O38" s="177">
        <v>0</v>
      </c>
      <c r="P38" s="182">
        <v>0</v>
      </c>
      <c r="Q38" s="179">
        <v>0</v>
      </c>
      <c r="R38" s="177">
        <v>0</v>
      </c>
      <c r="S38" s="177">
        <v>0</v>
      </c>
      <c r="T38" s="177">
        <v>0</v>
      </c>
      <c r="U38" s="177">
        <v>0</v>
      </c>
      <c r="V38" s="177">
        <v>0</v>
      </c>
      <c r="W38" s="182">
        <v>0</v>
      </c>
      <c r="X38" s="181">
        <v>0</v>
      </c>
    </row>
    <row r="39" spans="2:24" ht="21" customHeight="1" thickBot="1" x14ac:dyDescent="0.25">
      <c r="B39" s="94" t="s">
        <v>37</v>
      </c>
      <c r="C39" s="184">
        <v>0</v>
      </c>
      <c r="D39" s="184">
        <v>0</v>
      </c>
      <c r="E39" s="189">
        <v>0</v>
      </c>
      <c r="F39" s="186">
        <v>0</v>
      </c>
      <c r="G39" s="184">
        <v>0</v>
      </c>
      <c r="H39" s="184">
        <v>0</v>
      </c>
      <c r="I39" s="184">
        <v>0</v>
      </c>
      <c r="J39" s="184">
        <v>0</v>
      </c>
      <c r="K39" s="184">
        <v>0</v>
      </c>
      <c r="L39" s="189">
        <v>0</v>
      </c>
      <c r="M39" s="188">
        <v>0</v>
      </c>
      <c r="N39" s="184">
        <v>0</v>
      </c>
      <c r="O39" s="184">
        <v>0</v>
      </c>
      <c r="P39" s="189">
        <v>0</v>
      </c>
      <c r="Q39" s="186">
        <v>0</v>
      </c>
      <c r="R39" s="184">
        <v>0</v>
      </c>
      <c r="S39" s="184">
        <v>0</v>
      </c>
      <c r="T39" s="184">
        <v>0</v>
      </c>
      <c r="U39" s="184">
        <v>0</v>
      </c>
      <c r="V39" s="184">
        <v>0</v>
      </c>
      <c r="W39" s="189">
        <v>0</v>
      </c>
      <c r="X39" s="188">
        <v>0</v>
      </c>
    </row>
  </sheetData>
  <mergeCells count="11">
    <mergeCell ref="N3:X3"/>
    <mergeCell ref="N4:P4"/>
    <mergeCell ref="Q4:W4"/>
    <mergeCell ref="X4:X5"/>
    <mergeCell ref="H1:I1"/>
    <mergeCell ref="K1:L1"/>
    <mergeCell ref="B3:B5"/>
    <mergeCell ref="C3:M3"/>
    <mergeCell ref="C4:E4"/>
    <mergeCell ref="F4:L4"/>
    <mergeCell ref="M4:M5"/>
  </mergeCells>
  <phoneticPr fontId="4"/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Footer>&amp;L&amp;20&amp;A&amp;C&amp;P/&amp;N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X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4" width="9" style="161"/>
    <col min="5" max="5" width="10" style="161" customWidth="1"/>
    <col min="6" max="6" width="7.77734375" style="161" customWidth="1"/>
    <col min="7" max="7" width="10.77734375" style="161" customWidth="1"/>
    <col min="8" max="16" width="9" style="161"/>
    <col min="17" max="17" width="7.6640625" style="161" customWidth="1"/>
    <col min="18" max="16384" width="9" style="161"/>
  </cols>
  <sheetData>
    <row r="1" spans="2:24" ht="24" customHeight="1" x14ac:dyDescent="0.2">
      <c r="B1" s="128" t="s">
        <v>123</v>
      </c>
      <c r="H1" s="441">
        <f>第１表!F2</f>
        <v>7</v>
      </c>
      <c r="I1" s="441"/>
      <c r="J1" s="15">
        <f>第１表!G2</f>
        <v>1</v>
      </c>
      <c r="K1" s="445">
        <f>IF(J1&lt;3,J1+12-2,J1-2)</f>
        <v>11</v>
      </c>
      <c r="L1" s="445"/>
    </row>
    <row r="2" spans="2:24" ht="24" customHeight="1" thickBot="1" x14ac:dyDescent="0.25">
      <c r="B2" s="128" t="s">
        <v>149</v>
      </c>
    </row>
    <row r="3" spans="2:24" ht="21" customHeight="1" x14ac:dyDescent="0.2">
      <c r="B3" s="471"/>
      <c r="C3" s="472" t="s">
        <v>138</v>
      </c>
      <c r="D3" s="472"/>
      <c r="E3" s="472"/>
      <c r="F3" s="472"/>
      <c r="G3" s="472"/>
      <c r="H3" s="472"/>
      <c r="I3" s="472"/>
      <c r="J3" s="472"/>
      <c r="K3" s="472"/>
      <c r="L3" s="472"/>
      <c r="M3" s="496"/>
      <c r="N3" s="472" t="s">
        <v>112</v>
      </c>
      <c r="O3" s="472"/>
      <c r="P3" s="472"/>
      <c r="Q3" s="472"/>
      <c r="R3" s="472"/>
      <c r="S3" s="472"/>
      <c r="T3" s="472"/>
      <c r="U3" s="472"/>
      <c r="V3" s="472"/>
      <c r="W3" s="472"/>
      <c r="X3" s="496"/>
    </row>
    <row r="4" spans="2:24" ht="21" customHeight="1" x14ac:dyDescent="0.2">
      <c r="B4" s="494"/>
      <c r="C4" s="497" t="s">
        <v>61</v>
      </c>
      <c r="D4" s="497"/>
      <c r="E4" s="498"/>
      <c r="F4" s="499" t="s">
        <v>62</v>
      </c>
      <c r="G4" s="497"/>
      <c r="H4" s="497"/>
      <c r="I4" s="497"/>
      <c r="J4" s="497"/>
      <c r="K4" s="497"/>
      <c r="L4" s="500"/>
      <c r="M4" s="501" t="s">
        <v>52</v>
      </c>
      <c r="N4" s="497" t="s">
        <v>61</v>
      </c>
      <c r="O4" s="497"/>
      <c r="P4" s="498"/>
      <c r="Q4" s="499" t="s">
        <v>62</v>
      </c>
      <c r="R4" s="497"/>
      <c r="S4" s="497"/>
      <c r="T4" s="497"/>
      <c r="U4" s="497"/>
      <c r="V4" s="497"/>
      <c r="W4" s="500"/>
      <c r="X4" s="501" t="s">
        <v>52</v>
      </c>
    </row>
    <row r="5" spans="2:24" ht="30" customHeight="1" thickBot="1" x14ac:dyDescent="0.25">
      <c r="B5" s="495"/>
      <c r="C5" s="164" t="s">
        <v>43</v>
      </c>
      <c r="D5" s="164" t="s">
        <v>44</v>
      </c>
      <c r="E5" s="168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8" t="s">
        <v>45</v>
      </c>
      <c r="M5" s="470"/>
      <c r="N5" s="164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</row>
    <row r="6" spans="2:24" ht="21" customHeight="1" x14ac:dyDescent="0.2">
      <c r="B6" s="70" t="s">
        <v>4</v>
      </c>
      <c r="C6" s="170">
        <v>0</v>
      </c>
      <c r="D6" s="170">
        <v>0</v>
      </c>
      <c r="E6" s="175">
        <v>0</v>
      </c>
      <c r="F6" s="172">
        <v>0</v>
      </c>
      <c r="G6" s="170">
        <v>6084</v>
      </c>
      <c r="H6" s="170">
        <v>5707</v>
      </c>
      <c r="I6" s="170">
        <v>3108</v>
      </c>
      <c r="J6" s="170">
        <v>1409</v>
      </c>
      <c r="K6" s="170">
        <v>538</v>
      </c>
      <c r="L6" s="175">
        <v>16846</v>
      </c>
      <c r="M6" s="174">
        <v>16846</v>
      </c>
      <c r="N6" s="170">
        <v>4</v>
      </c>
      <c r="O6" s="170">
        <v>0</v>
      </c>
      <c r="P6" s="175">
        <v>4</v>
      </c>
      <c r="Q6" s="172">
        <v>0</v>
      </c>
      <c r="R6" s="170">
        <v>404</v>
      </c>
      <c r="S6" s="170">
        <v>566</v>
      </c>
      <c r="T6" s="170">
        <v>573</v>
      </c>
      <c r="U6" s="170">
        <v>232</v>
      </c>
      <c r="V6" s="170">
        <v>371</v>
      </c>
      <c r="W6" s="175">
        <v>2146</v>
      </c>
      <c r="X6" s="174">
        <v>2150</v>
      </c>
    </row>
    <row r="7" spans="2:24" ht="21" customHeight="1" x14ac:dyDescent="0.2">
      <c r="B7" s="81" t="s">
        <v>5</v>
      </c>
      <c r="C7" s="177">
        <v>0</v>
      </c>
      <c r="D7" s="177">
        <v>0</v>
      </c>
      <c r="E7" s="182">
        <v>0</v>
      </c>
      <c r="F7" s="179">
        <v>0</v>
      </c>
      <c r="G7" s="177">
        <v>2382</v>
      </c>
      <c r="H7" s="177">
        <v>3076</v>
      </c>
      <c r="I7" s="177">
        <v>1585</v>
      </c>
      <c r="J7" s="177">
        <v>599</v>
      </c>
      <c r="K7" s="177">
        <v>203</v>
      </c>
      <c r="L7" s="182">
        <v>7845</v>
      </c>
      <c r="M7" s="181">
        <v>7845</v>
      </c>
      <c r="N7" s="177">
        <v>0</v>
      </c>
      <c r="O7" s="177">
        <v>0</v>
      </c>
      <c r="P7" s="182">
        <v>0</v>
      </c>
      <c r="Q7" s="179">
        <v>0</v>
      </c>
      <c r="R7" s="177">
        <v>173</v>
      </c>
      <c r="S7" s="177">
        <v>295</v>
      </c>
      <c r="T7" s="177">
        <v>287</v>
      </c>
      <c r="U7" s="177">
        <v>115</v>
      </c>
      <c r="V7" s="177">
        <v>279</v>
      </c>
      <c r="W7" s="182">
        <v>1149</v>
      </c>
      <c r="X7" s="181">
        <v>1149</v>
      </c>
    </row>
    <row r="8" spans="2:24" ht="21" customHeight="1" x14ac:dyDescent="0.2">
      <c r="B8" s="92" t="s">
        <v>6</v>
      </c>
      <c r="C8" s="177">
        <v>0</v>
      </c>
      <c r="D8" s="177">
        <v>0</v>
      </c>
      <c r="E8" s="182">
        <v>0</v>
      </c>
      <c r="F8" s="179">
        <v>0</v>
      </c>
      <c r="G8" s="177">
        <v>955</v>
      </c>
      <c r="H8" s="177">
        <v>734</v>
      </c>
      <c r="I8" s="177">
        <v>446</v>
      </c>
      <c r="J8" s="177">
        <v>237</v>
      </c>
      <c r="K8" s="177">
        <v>68</v>
      </c>
      <c r="L8" s="182">
        <v>2440</v>
      </c>
      <c r="M8" s="181">
        <v>2440</v>
      </c>
      <c r="N8" s="177">
        <v>0</v>
      </c>
      <c r="O8" s="177">
        <v>0</v>
      </c>
      <c r="P8" s="182">
        <v>0</v>
      </c>
      <c r="Q8" s="179">
        <v>0</v>
      </c>
      <c r="R8" s="177">
        <v>86</v>
      </c>
      <c r="S8" s="177">
        <v>180</v>
      </c>
      <c r="T8" s="177">
        <v>159</v>
      </c>
      <c r="U8" s="177">
        <v>74</v>
      </c>
      <c r="V8" s="177">
        <v>77</v>
      </c>
      <c r="W8" s="182">
        <v>576</v>
      </c>
      <c r="X8" s="181">
        <v>576</v>
      </c>
    </row>
    <row r="9" spans="2:24" ht="21" customHeight="1" x14ac:dyDescent="0.2">
      <c r="B9" s="92" t="s">
        <v>14</v>
      </c>
      <c r="C9" s="177">
        <v>0</v>
      </c>
      <c r="D9" s="177">
        <v>0</v>
      </c>
      <c r="E9" s="182">
        <v>0</v>
      </c>
      <c r="F9" s="179">
        <v>0</v>
      </c>
      <c r="G9" s="177">
        <v>351</v>
      </c>
      <c r="H9" s="177">
        <v>408</v>
      </c>
      <c r="I9" s="177">
        <v>204</v>
      </c>
      <c r="J9" s="177">
        <v>64</v>
      </c>
      <c r="K9" s="177">
        <v>48</v>
      </c>
      <c r="L9" s="182">
        <v>1075</v>
      </c>
      <c r="M9" s="181">
        <v>1075</v>
      </c>
      <c r="N9" s="177">
        <v>0</v>
      </c>
      <c r="O9" s="177">
        <v>0</v>
      </c>
      <c r="P9" s="182">
        <v>0</v>
      </c>
      <c r="Q9" s="179">
        <v>0</v>
      </c>
      <c r="R9" s="177">
        <v>0</v>
      </c>
      <c r="S9" s="177">
        <v>20</v>
      </c>
      <c r="T9" s="177">
        <v>0</v>
      </c>
      <c r="U9" s="177">
        <v>16</v>
      </c>
      <c r="V9" s="177">
        <v>0</v>
      </c>
      <c r="W9" s="182">
        <v>36</v>
      </c>
      <c r="X9" s="181">
        <v>36</v>
      </c>
    </row>
    <row r="10" spans="2:24" ht="21" customHeight="1" x14ac:dyDescent="0.2">
      <c r="B10" s="92" t="s">
        <v>7</v>
      </c>
      <c r="C10" s="177">
        <v>0</v>
      </c>
      <c r="D10" s="177">
        <v>0</v>
      </c>
      <c r="E10" s="182">
        <v>0</v>
      </c>
      <c r="F10" s="179">
        <v>0</v>
      </c>
      <c r="G10" s="177">
        <v>328</v>
      </c>
      <c r="H10" s="177">
        <v>135</v>
      </c>
      <c r="I10" s="177">
        <v>93</v>
      </c>
      <c r="J10" s="177">
        <v>40</v>
      </c>
      <c r="K10" s="177">
        <v>14</v>
      </c>
      <c r="L10" s="182">
        <v>610</v>
      </c>
      <c r="M10" s="181">
        <v>610</v>
      </c>
      <c r="N10" s="177">
        <v>0</v>
      </c>
      <c r="O10" s="177">
        <v>0</v>
      </c>
      <c r="P10" s="182">
        <v>0</v>
      </c>
      <c r="Q10" s="179">
        <v>0</v>
      </c>
      <c r="R10" s="177">
        <v>19</v>
      </c>
      <c r="S10" s="177">
        <v>7</v>
      </c>
      <c r="T10" s="177">
        <v>43</v>
      </c>
      <c r="U10" s="177">
        <v>7</v>
      </c>
      <c r="V10" s="177">
        <v>0</v>
      </c>
      <c r="W10" s="182">
        <v>76</v>
      </c>
      <c r="X10" s="181">
        <v>76</v>
      </c>
    </row>
    <row r="11" spans="2:24" ht="21" customHeight="1" x14ac:dyDescent="0.2">
      <c r="B11" s="92" t="s">
        <v>8</v>
      </c>
      <c r="C11" s="177">
        <v>0</v>
      </c>
      <c r="D11" s="177">
        <v>0</v>
      </c>
      <c r="E11" s="182">
        <v>0</v>
      </c>
      <c r="F11" s="179">
        <v>0</v>
      </c>
      <c r="G11" s="177">
        <v>253</v>
      </c>
      <c r="H11" s="177">
        <v>196</v>
      </c>
      <c r="I11" s="177">
        <v>60</v>
      </c>
      <c r="J11" s="177">
        <v>43</v>
      </c>
      <c r="K11" s="177">
        <v>11</v>
      </c>
      <c r="L11" s="182">
        <v>563</v>
      </c>
      <c r="M11" s="181">
        <v>563</v>
      </c>
      <c r="N11" s="177">
        <v>0</v>
      </c>
      <c r="O11" s="177">
        <v>0</v>
      </c>
      <c r="P11" s="182">
        <v>0</v>
      </c>
      <c r="Q11" s="179">
        <v>0</v>
      </c>
      <c r="R11" s="177">
        <v>0</v>
      </c>
      <c r="S11" s="177">
        <v>0</v>
      </c>
      <c r="T11" s="177">
        <v>0</v>
      </c>
      <c r="U11" s="177">
        <v>0</v>
      </c>
      <c r="V11" s="177">
        <v>8</v>
      </c>
      <c r="W11" s="182">
        <v>8</v>
      </c>
      <c r="X11" s="181">
        <v>8</v>
      </c>
    </row>
    <row r="12" spans="2:24" ht="21" customHeight="1" x14ac:dyDescent="0.2">
      <c r="B12" s="92" t="s">
        <v>9</v>
      </c>
      <c r="C12" s="177">
        <v>0</v>
      </c>
      <c r="D12" s="177">
        <v>0</v>
      </c>
      <c r="E12" s="182">
        <v>0</v>
      </c>
      <c r="F12" s="179">
        <v>0</v>
      </c>
      <c r="G12" s="177">
        <v>245</v>
      </c>
      <c r="H12" s="177">
        <v>203</v>
      </c>
      <c r="I12" s="177">
        <v>175</v>
      </c>
      <c r="J12" s="177">
        <v>79</v>
      </c>
      <c r="K12" s="177">
        <v>37</v>
      </c>
      <c r="L12" s="182">
        <v>739</v>
      </c>
      <c r="M12" s="181">
        <v>739</v>
      </c>
      <c r="N12" s="177">
        <v>0</v>
      </c>
      <c r="O12" s="177">
        <v>0</v>
      </c>
      <c r="P12" s="182">
        <v>0</v>
      </c>
      <c r="Q12" s="179">
        <v>0</v>
      </c>
      <c r="R12" s="177">
        <v>2</v>
      </c>
      <c r="S12" s="177">
        <v>0</v>
      </c>
      <c r="T12" s="177">
        <v>13</v>
      </c>
      <c r="U12" s="177">
        <v>0</v>
      </c>
      <c r="V12" s="177">
        <v>0</v>
      </c>
      <c r="W12" s="182">
        <v>15</v>
      </c>
      <c r="X12" s="181">
        <v>15</v>
      </c>
    </row>
    <row r="13" spans="2:24" ht="21" customHeight="1" x14ac:dyDescent="0.2">
      <c r="B13" s="92" t="s">
        <v>10</v>
      </c>
      <c r="C13" s="177">
        <v>0</v>
      </c>
      <c r="D13" s="177">
        <v>0</v>
      </c>
      <c r="E13" s="182">
        <v>0</v>
      </c>
      <c r="F13" s="179">
        <v>0</v>
      </c>
      <c r="G13" s="177">
        <v>229</v>
      </c>
      <c r="H13" s="177">
        <v>135</v>
      </c>
      <c r="I13" s="177">
        <v>80</v>
      </c>
      <c r="J13" s="177">
        <v>35</v>
      </c>
      <c r="K13" s="177">
        <v>0</v>
      </c>
      <c r="L13" s="182">
        <v>479</v>
      </c>
      <c r="M13" s="181">
        <v>479</v>
      </c>
      <c r="N13" s="177">
        <v>0</v>
      </c>
      <c r="O13" s="177">
        <v>0</v>
      </c>
      <c r="P13" s="182">
        <v>0</v>
      </c>
      <c r="Q13" s="179">
        <v>0</v>
      </c>
      <c r="R13" s="177">
        <v>20</v>
      </c>
      <c r="S13" s="177">
        <v>0</v>
      </c>
      <c r="T13" s="177">
        <v>9</v>
      </c>
      <c r="U13" s="177">
        <v>20</v>
      </c>
      <c r="V13" s="177">
        <v>0</v>
      </c>
      <c r="W13" s="182">
        <v>49</v>
      </c>
      <c r="X13" s="181">
        <v>49</v>
      </c>
    </row>
    <row r="14" spans="2:24" ht="21" customHeight="1" x14ac:dyDescent="0.2">
      <c r="B14" s="92" t="s">
        <v>11</v>
      </c>
      <c r="C14" s="177">
        <v>0</v>
      </c>
      <c r="D14" s="177">
        <v>0</v>
      </c>
      <c r="E14" s="182">
        <v>0</v>
      </c>
      <c r="F14" s="179">
        <v>0</v>
      </c>
      <c r="G14" s="177">
        <v>169</v>
      </c>
      <c r="H14" s="177">
        <v>99</v>
      </c>
      <c r="I14" s="177">
        <v>48</v>
      </c>
      <c r="J14" s="177">
        <v>51</v>
      </c>
      <c r="K14" s="177">
        <v>4</v>
      </c>
      <c r="L14" s="182">
        <v>371</v>
      </c>
      <c r="M14" s="181">
        <v>371</v>
      </c>
      <c r="N14" s="177">
        <v>0</v>
      </c>
      <c r="O14" s="177">
        <v>0</v>
      </c>
      <c r="P14" s="182">
        <v>0</v>
      </c>
      <c r="Q14" s="179">
        <v>0</v>
      </c>
      <c r="R14" s="177">
        <v>35</v>
      </c>
      <c r="S14" s="177">
        <v>10</v>
      </c>
      <c r="T14" s="177">
        <v>0</v>
      </c>
      <c r="U14" s="177">
        <v>0</v>
      </c>
      <c r="V14" s="177">
        <v>0</v>
      </c>
      <c r="W14" s="182">
        <v>45</v>
      </c>
      <c r="X14" s="181">
        <v>45</v>
      </c>
    </row>
    <row r="15" spans="2:24" ht="21" customHeight="1" x14ac:dyDescent="0.2">
      <c r="B15" s="92" t="s">
        <v>12</v>
      </c>
      <c r="C15" s="177">
        <v>0</v>
      </c>
      <c r="D15" s="177">
        <v>0</v>
      </c>
      <c r="E15" s="182">
        <v>0</v>
      </c>
      <c r="F15" s="179">
        <v>0</v>
      </c>
      <c r="G15" s="177">
        <v>128</v>
      </c>
      <c r="H15" s="177">
        <v>69</v>
      </c>
      <c r="I15" s="177">
        <v>31</v>
      </c>
      <c r="J15" s="177">
        <v>46</v>
      </c>
      <c r="K15" s="177">
        <v>47</v>
      </c>
      <c r="L15" s="182">
        <v>321</v>
      </c>
      <c r="M15" s="181">
        <v>321</v>
      </c>
      <c r="N15" s="177">
        <v>0</v>
      </c>
      <c r="O15" s="177">
        <v>0</v>
      </c>
      <c r="P15" s="182">
        <v>0</v>
      </c>
      <c r="Q15" s="179">
        <v>0</v>
      </c>
      <c r="R15" s="177">
        <v>0</v>
      </c>
      <c r="S15" s="177">
        <v>0</v>
      </c>
      <c r="T15" s="177">
        <v>0</v>
      </c>
      <c r="U15" s="177">
        <v>0</v>
      </c>
      <c r="V15" s="177">
        <v>0</v>
      </c>
      <c r="W15" s="182">
        <v>0</v>
      </c>
      <c r="X15" s="181">
        <v>0</v>
      </c>
    </row>
    <row r="16" spans="2:24" ht="21" customHeight="1" x14ac:dyDescent="0.2">
      <c r="B16" s="92" t="s">
        <v>13</v>
      </c>
      <c r="C16" s="177">
        <v>0</v>
      </c>
      <c r="D16" s="177">
        <v>0</v>
      </c>
      <c r="E16" s="182">
        <v>0</v>
      </c>
      <c r="F16" s="179">
        <v>0</v>
      </c>
      <c r="G16" s="177">
        <v>108</v>
      </c>
      <c r="H16" s="177">
        <v>58</v>
      </c>
      <c r="I16" s="177">
        <v>110</v>
      </c>
      <c r="J16" s="177">
        <v>3</v>
      </c>
      <c r="K16" s="177">
        <v>47</v>
      </c>
      <c r="L16" s="182">
        <v>326</v>
      </c>
      <c r="M16" s="181">
        <v>326</v>
      </c>
      <c r="N16" s="177">
        <v>0</v>
      </c>
      <c r="O16" s="177">
        <v>0</v>
      </c>
      <c r="P16" s="182">
        <v>0</v>
      </c>
      <c r="Q16" s="179">
        <v>0</v>
      </c>
      <c r="R16" s="177">
        <v>0</v>
      </c>
      <c r="S16" s="177">
        <v>15</v>
      </c>
      <c r="T16" s="177">
        <v>24</v>
      </c>
      <c r="U16" s="177">
        <v>0</v>
      </c>
      <c r="V16" s="177">
        <v>0</v>
      </c>
      <c r="W16" s="182">
        <v>39</v>
      </c>
      <c r="X16" s="181">
        <v>39</v>
      </c>
    </row>
    <row r="17" spans="2:24" ht="21" customHeight="1" x14ac:dyDescent="0.2">
      <c r="B17" s="92" t="s">
        <v>15</v>
      </c>
      <c r="C17" s="177">
        <v>0</v>
      </c>
      <c r="D17" s="177">
        <v>0</v>
      </c>
      <c r="E17" s="182">
        <v>0</v>
      </c>
      <c r="F17" s="179">
        <v>0</v>
      </c>
      <c r="G17" s="177">
        <v>27</v>
      </c>
      <c r="H17" s="177">
        <v>37</v>
      </c>
      <c r="I17" s="177">
        <v>4</v>
      </c>
      <c r="J17" s="177">
        <v>0</v>
      </c>
      <c r="K17" s="177">
        <v>13</v>
      </c>
      <c r="L17" s="182">
        <v>81</v>
      </c>
      <c r="M17" s="181">
        <v>81</v>
      </c>
      <c r="N17" s="177">
        <v>0</v>
      </c>
      <c r="O17" s="177">
        <v>0</v>
      </c>
      <c r="P17" s="182">
        <v>0</v>
      </c>
      <c r="Q17" s="179">
        <v>0</v>
      </c>
      <c r="R17" s="177">
        <v>0</v>
      </c>
      <c r="S17" s="177">
        <v>0</v>
      </c>
      <c r="T17" s="177">
        <v>0</v>
      </c>
      <c r="U17" s="177">
        <v>0</v>
      </c>
      <c r="V17" s="177">
        <v>0</v>
      </c>
      <c r="W17" s="182">
        <v>0</v>
      </c>
      <c r="X17" s="181">
        <v>0</v>
      </c>
    </row>
    <row r="18" spans="2:24" ht="21" customHeight="1" x14ac:dyDescent="0.2">
      <c r="B18" s="92" t="s">
        <v>16</v>
      </c>
      <c r="C18" s="177">
        <v>0</v>
      </c>
      <c r="D18" s="177">
        <v>0</v>
      </c>
      <c r="E18" s="182">
        <v>0</v>
      </c>
      <c r="F18" s="179">
        <v>0</v>
      </c>
      <c r="G18" s="177">
        <v>55</v>
      </c>
      <c r="H18" s="177">
        <v>82</v>
      </c>
      <c r="I18" s="177">
        <v>38</v>
      </c>
      <c r="J18" s="177">
        <v>3</v>
      </c>
      <c r="K18" s="177">
        <v>0</v>
      </c>
      <c r="L18" s="182">
        <v>178</v>
      </c>
      <c r="M18" s="181">
        <v>178</v>
      </c>
      <c r="N18" s="177">
        <v>0</v>
      </c>
      <c r="O18" s="177">
        <v>0</v>
      </c>
      <c r="P18" s="182">
        <v>0</v>
      </c>
      <c r="Q18" s="179">
        <v>0</v>
      </c>
      <c r="R18" s="177">
        <v>5</v>
      </c>
      <c r="S18" s="177">
        <v>0</v>
      </c>
      <c r="T18" s="177">
        <v>0</v>
      </c>
      <c r="U18" s="177">
        <v>0</v>
      </c>
      <c r="V18" s="177">
        <v>0</v>
      </c>
      <c r="W18" s="182">
        <v>5</v>
      </c>
      <c r="X18" s="181">
        <v>5</v>
      </c>
    </row>
    <row r="19" spans="2:24" ht="21" customHeight="1" x14ac:dyDescent="0.2">
      <c r="B19" s="92" t="s">
        <v>17</v>
      </c>
      <c r="C19" s="177">
        <v>0</v>
      </c>
      <c r="D19" s="177">
        <v>0</v>
      </c>
      <c r="E19" s="182">
        <v>0</v>
      </c>
      <c r="F19" s="179">
        <v>0</v>
      </c>
      <c r="G19" s="177">
        <v>196</v>
      </c>
      <c r="H19" s="177">
        <v>130</v>
      </c>
      <c r="I19" s="177">
        <v>119</v>
      </c>
      <c r="J19" s="177">
        <v>71</v>
      </c>
      <c r="K19" s="177">
        <v>39</v>
      </c>
      <c r="L19" s="182">
        <v>555</v>
      </c>
      <c r="M19" s="181">
        <v>555</v>
      </c>
      <c r="N19" s="177">
        <v>0</v>
      </c>
      <c r="O19" s="177">
        <v>0</v>
      </c>
      <c r="P19" s="182">
        <v>0</v>
      </c>
      <c r="Q19" s="179">
        <v>0</v>
      </c>
      <c r="R19" s="177">
        <v>25</v>
      </c>
      <c r="S19" s="177">
        <v>12</v>
      </c>
      <c r="T19" s="177">
        <v>0</v>
      </c>
      <c r="U19" s="177">
        <v>0</v>
      </c>
      <c r="V19" s="177">
        <v>0</v>
      </c>
      <c r="W19" s="182">
        <v>37</v>
      </c>
      <c r="X19" s="181">
        <v>37</v>
      </c>
    </row>
    <row r="20" spans="2:24" ht="21" customHeight="1" x14ac:dyDescent="0.2">
      <c r="B20" s="92" t="s">
        <v>18</v>
      </c>
      <c r="C20" s="177">
        <v>0</v>
      </c>
      <c r="D20" s="177">
        <v>0</v>
      </c>
      <c r="E20" s="182">
        <v>0</v>
      </c>
      <c r="F20" s="179">
        <v>0</v>
      </c>
      <c r="G20" s="177">
        <v>157</v>
      </c>
      <c r="H20" s="177">
        <v>62</v>
      </c>
      <c r="I20" s="177">
        <v>34</v>
      </c>
      <c r="J20" s="177">
        <v>13</v>
      </c>
      <c r="K20" s="177">
        <v>0</v>
      </c>
      <c r="L20" s="182">
        <v>266</v>
      </c>
      <c r="M20" s="181">
        <v>266</v>
      </c>
      <c r="N20" s="177">
        <v>0</v>
      </c>
      <c r="O20" s="177">
        <v>0</v>
      </c>
      <c r="P20" s="182">
        <v>0</v>
      </c>
      <c r="Q20" s="179">
        <v>0</v>
      </c>
      <c r="R20" s="177">
        <v>0</v>
      </c>
      <c r="S20" s="177">
        <v>2</v>
      </c>
      <c r="T20" s="177">
        <v>4</v>
      </c>
      <c r="U20" s="177">
        <v>0</v>
      </c>
      <c r="V20" s="177">
        <v>0</v>
      </c>
      <c r="W20" s="182">
        <v>6</v>
      </c>
      <c r="X20" s="181">
        <v>6</v>
      </c>
    </row>
    <row r="21" spans="2:24" ht="21" customHeight="1" x14ac:dyDescent="0.2">
      <c r="B21" s="92" t="s">
        <v>19</v>
      </c>
      <c r="C21" s="177">
        <v>0</v>
      </c>
      <c r="D21" s="177">
        <v>0</v>
      </c>
      <c r="E21" s="182">
        <v>0</v>
      </c>
      <c r="F21" s="179">
        <v>0</v>
      </c>
      <c r="G21" s="177">
        <v>90</v>
      </c>
      <c r="H21" s="177">
        <v>24</v>
      </c>
      <c r="I21" s="177">
        <v>2</v>
      </c>
      <c r="J21" s="177">
        <v>69</v>
      </c>
      <c r="K21" s="177">
        <v>0</v>
      </c>
      <c r="L21" s="182">
        <v>185</v>
      </c>
      <c r="M21" s="181">
        <v>185</v>
      </c>
      <c r="N21" s="177">
        <v>4</v>
      </c>
      <c r="O21" s="177">
        <v>0</v>
      </c>
      <c r="P21" s="182">
        <v>4</v>
      </c>
      <c r="Q21" s="179">
        <v>0</v>
      </c>
      <c r="R21" s="177">
        <v>4</v>
      </c>
      <c r="S21" s="177">
        <v>16</v>
      </c>
      <c r="T21" s="177">
        <v>0</v>
      </c>
      <c r="U21" s="177">
        <v>0</v>
      </c>
      <c r="V21" s="177">
        <v>0</v>
      </c>
      <c r="W21" s="182">
        <v>20</v>
      </c>
      <c r="X21" s="181">
        <v>24</v>
      </c>
    </row>
    <row r="22" spans="2:24" ht="21" customHeight="1" x14ac:dyDescent="0.2">
      <c r="B22" s="92" t="s">
        <v>20</v>
      </c>
      <c r="C22" s="177">
        <v>0</v>
      </c>
      <c r="D22" s="177">
        <v>0</v>
      </c>
      <c r="E22" s="182">
        <v>0</v>
      </c>
      <c r="F22" s="179">
        <v>0</v>
      </c>
      <c r="G22" s="177">
        <v>78</v>
      </c>
      <c r="H22" s="177">
        <v>86</v>
      </c>
      <c r="I22" s="177">
        <v>13</v>
      </c>
      <c r="J22" s="177">
        <v>4</v>
      </c>
      <c r="K22" s="177">
        <v>0</v>
      </c>
      <c r="L22" s="182">
        <v>181</v>
      </c>
      <c r="M22" s="181">
        <v>181</v>
      </c>
      <c r="N22" s="177">
        <v>0</v>
      </c>
      <c r="O22" s="177">
        <v>0</v>
      </c>
      <c r="P22" s="182">
        <v>0</v>
      </c>
      <c r="Q22" s="179">
        <v>0</v>
      </c>
      <c r="R22" s="177">
        <v>0</v>
      </c>
      <c r="S22" s="177">
        <v>0</v>
      </c>
      <c r="T22" s="177">
        <v>8</v>
      </c>
      <c r="U22" s="177">
        <v>0</v>
      </c>
      <c r="V22" s="177">
        <v>0</v>
      </c>
      <c r="W22" s="182">
        <v>8</v>
      </c>
      <c r="X22" s="181">
        <v>8</v>
      </c>
    </row>
    <row r="23" spans="2:24" ht="21" customHeight="1" x14ac:dyDescent="0.2">
      <c r="B23" s="92" t="s">
        <v>21</v>
      </c>
      <c r="C23" s="177">
        <v>0</v>
      </c>
      <c r="D23" s="177">
        <v>0</v>
      </c>
      <c r="E23" s="182">
        <v>0</v>
      </c>
      <c r="F23" s="179">
        <v>0</v>
      </c>
      <c r="G23" s="177">
        <v>76</v>
      </c>
      <c r="H23" s="177">
        <v>60</v>
      </c>
      <c r="I23" s="177">
        <v>23</v>
      </c>
      <c r="J23" s="177">
        <v>13</v>
      </c>
      <c r="K23" s="177">
        <v>0</v>
      </c>
      <c r="L23" s="182">
        <v>172</v>
      </c>
      <c r="M23" s="181">
        <v>172</v>
      </c>
      <c r="N23" s="177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0</v>
      </c>
      <c r="T23" s="177">
        <v>0</v>
      </c>
      <c r="U23" s="177">
        <v>0</v>
      </c>
      <c r="V23" s="177">
        <v>0</v>
      </c>
      <c r="W23" s="182">
        <v>0</v>
      </c>
      <c r="X23" s="181">
        <v>0</v>
      </c>
    </row>
    <row r="24" spans="2:24" ht="21" customHeight="1" x14ac:dyDescent="0.2">
      <c r="B24" s="92" t="s">
        <v>22</v>
      </c>
      <c r="C24" s="177">
        <v>0</v>
      </c>
      <c r="D24" s="177">
        <v>0</v>
      </c>
      <c r="E24" s="182">
        <v>0</v>
      </c>
      <c r="F24" s="179">
        <v>0</v>
      </c>
      <c r="G24" s="177">
        <v>38</v>
      </c>
      <c r="H24" s="177">
        <v>53</v>
      </c>
      <c r="I24" s="177">
        <v>3</v>
      </c>
      <c r="J24" s="177">
        <v>0</v>
      </c>
      <c r="K24" s="177">
        <v>2</v>
      </c>
      <c r="L24" s="182">
        <v>96</v>
      </c>
      <c r="M24" s="181">
        <v>96</v>
      </c>
      <c r="N24" s="177">
        <v>0</v>
      </c>
      <c r="O24" s="177">
        <v>0</v>
      </c>
      <c r="P24" s="182">
        <v>0</v>
      </c>
      <c r="Q24" s="179">
        <v>0</v>
      </c>
      <c r="R24" s="177">
        <v>3</v>
      </c>
      <c r="S24" s="177">
        <v>0</v>
      </c>
      <c r="T24" s="177">
        <v>0</v>
      </c>
      <c r="U24" s="177">
        <v>0</v>
      </c>
      <c r="V24" s="177">
        <v>7</v>
      </c>
      <c r="W24" s="182">
        <v>10</v>
      </c>
      <c r="X24" s="181">
        <v>10</v>
      </c>
    </row>
    <row r="25" spans="2:24" ht="21" customHeight="1" x14ac:dyDescent="0.2">
      <c r="B25" s="92" t="s">
        <v>23</v>
      </c>
      <c r="C25" s="177">
        <v>0</v>
      </c>
      <c r="D25" s="177">
        <v>0</v>
      </c>
      <c r="E25" s="182">
        <v>0</v>
      </c>
      <c r="F25" s="179">
        <v>0</v>
      </c>
      <c r="G25" s="177">
        <v>22</v>
      </c>
      <c r="H25" s="177">
        <v>14</v>
      </c>
      <c r="I25" s="177">
        <v>18</v>
      </c>
      <c r="J25" s="177">
        <v>0</v>
      </c>
      <c r="K25" s="177">
        <v>0</v>
      </c>
      <c r="L25" s="182">
        <v>54</v>
      </c>
      <c r="M25" s="181">
        <v>54</v>
      </c>
      <c r="N25" s="177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0</v>
      </c>
      <c r="T25" s="177">
        <v>0</v>
      </c>
      <c r="U25" s="177">
        <v>0</v>
      </c>
      <c r="V25" s="177">
        <v>0</v>
      </c>
      <c r="W25" s="182">
        <v>0</v>
      </c>
      <c r="X25" s="181">
        <v>0</v>
      </c>
    </row>
    <row r="26" spans="2:24" ht="21" customHeight="1" x14ac:dyDescent="0.2">
      <c r="B26" s="92" t="s">
        <v>24</v>
      </c>
      <c r="C26" s="177">
        <v>0</v>
      </c>
      <c r="D26" s="177">
        <v>0</v>
      </c>
      <c r="E26" s="182">
        <v>0</v>
      </c>
      <c r="F26" s="179">
        <v>0</v>
      </c>
      <c r="G26" s="177">
        <v>0</v>
      </c>
      <c r="H26" s="177">
        <v>4</v>
      </c>
      <c r="I26" s="177">
        <v>0</v>
      </c>
      <c r="J26" s="177">
        <v>28</v>
      </c>
      <c r="K26" s="177">
        <v>0</v>
      </c>
      <c r="L26" s="182">
        <v>32</v>
      </c>
      <c r="M26" s="181">
        <v>32</v>
      </c>
      <c r="N26" s="177">
        <v>0</v>
      </c>
      <c r="O26" s="177">
        <v>0</v>
      </c>
      <c r="P26" s="182">
        <v>0</v>
      </c>
      <c r="Q26" s="179">
        <v>0</v>
      </c>
      <c r="R26" s="177">
        <v>0</v>
      </c>
      <c r="S26" s="177">
        <v>0</v>
      </c>
      <c r="T26" s="177">
        <v>0</v>
      </c>
      <c r="U26" s="177">
        <v>0</v>
      </c>
      <c r="V26" s="177">
        <v>0</v>
      </c>
      <c r="W26" s="182">
        <v>0</v>
      </c>
      <c r="X26" s="181">
        <v>0</v>
      </c>
    </row>
    <row r="27" spans="2:24" ht="21" customHeight="1" x14ac:dyDescent="0.2">
      <c r="B27" s="92" t="s">
        <v>25</v>
      </c>
      <c r="C27" s="177">
        <v>0</v>
      </c>
      <c r="D27" s="177">
        <v>0</v>
      </c>
      <c r="E27" s="182">
        <v>0</v>
      </c>
      <c r="F27" s="179">
        <v>0</v>
      </c>
      <c r="G27" s="177">
        <v>30</v>
      </c>
      <c r="H27" s="177">
        <v>5</v>
      </c>
      <c r="I27" s="177">
        <v>0</v>
      </c>
      <c r="J27" s="177">
        <v>11</v>
      </c>
      <c r="K27" s="177">
        <v>0</v>
      </c>
      <c r="L27" s="182">
        <v>46</v>
      </c>
      <c r="M27" s="181">
        <v>46</v>
      </c>
      <c r="N27" s="177">
        <v>0</v>
      </c>
      <c r="O27" s="177">
        <v>0</v>
      </c>
      <c r="P27" s="182">
        <v>0</v>
      </c>
      <c r="Q27" s="179">
        <v>0</v>
      </c>
      <c r="R27" s="177">
        <v>0</v>
      </c>
      <c r="S27" s="177">
        <v>0</v>
      </c>
      <c r="T27" s="177">
        <v>0</v>
      </c>
      <c r="U27" s="177">
        <v>0</v>
      </c>
      <c r="V27" s="177">
        <v>0</v>
      </c>
      <c r="W27" s="182">
        <v>0</v>
      </c>
      <c r="X27" s="181">
        <v>0</v>
      </c>
    </row>
    <row r="28" spans="2:24" ht="21" customHeight="1" x14ac:dyDescent="0.2">
      <c r="B28" s="92" t="s">
        <v>26</v>
      </c>
      <c r="C28" s="177">
        <v>0</v>
      </c>
      <c r="D28" s="177">
        <v>0</v>
      </c>
      <c r="E28" s="182">
        <v>0</v>
      </c>
      <c r="F28" s="179">
        <v>0</v>
      </c>
      <c r="G28" s="177">
        <v>9</v>
      </c>
      <c r="H28" s="177">
        <v>8</v>
      </c>
      <c r="I28" s="177">
        <v>13</v>
      </c>
      <c r="J28" s="177">
        <v>0</v>
      </c>
      <c r="K28" s="177">
        <v>0</v>
      </c>
      <c r="L28" s="182">
        <v>30</v>
      </c>
      <c r="M28" s="181">
        <v>30</v>
      </c>
      <c r="N28" s="177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0</v>
      </c>
      <c r="U28" s="177">
        <v>0</v>
      </c>
      <c r="V28" s="177">
        <v>0</v>
      </c>
      <c r="W28" s="182">
        <v>0</v>
      </c>
      <c r="X28" s="181">
        <v>0</v>
      </c>
    </row>
    <row r="29" spans="2:24" ht="21" customHeight="1" x14ac:dyDescent="0.2">
      <c r="B29" s="92" t="s">
        <v>27</v>
      </c>
      <c r="C29" s="177">
        <v>0</v>
      </c>
      <c r="D29" s="177">
        <v>0</v>
      </c>
      <c r="E29" s="182">
        <v>0</v>
      </c>
      <c r="F29" s="179">
        <v>0</v>
      </c>
      <c r="G29" s="177">
        <v>23</v>
      </c>
      <c r="H29" s="177">
        <v>10</v>
      </c>
      <c r="I29" s="177">
        <v>3</v>
      </c>
      <c r="J29" s="177">
        <v>0</v>
      </c>
      <c r="K29" s="177">
        <v>0</v>
      </c>
      <c r="L29" s="182">
        <v>36</v>
      </c>
      <c r="M29" s="181">
        <v>36</v>
      </c>
      <c r="N29" s="177">
        <v>0</v>
      </c>
      <c r="O29" s="177">
        <v>0</v>
      </c>
      <c r="P29" s="182">
        <v>0</v>
      </c>
      <c r="Q29" s="179">
        <v>0</v>
      </c>
      <c r="R29" s="177">
        <v>19</v>
      </c>
      <c r="S29" s="177">
        <v>4</v>
      </c>
      <c r="T29" s="177">
        <v>0</v>
      </c>
      <c r="U29" s="177">
        <v>0</v>
      </c>
      <c r="V29" s="177">
        <v>0</v>
      </c>
      <c r="W29" s="182">
        <v>23</v>
      </c>
      <c r="X29" s="181">
        <v>23</v>
      </c>
    </row>
    <row r="30" spans="2:24" ht="21" customHeight="1" x14ac:dyDescent="0.2">
      <c r="B30" s="92" t="s">
        <v>28</v>
      </c>
      <c r="C30" s="177">
        <v>0</v>
      </c>
      <c r="D30" s="177">
        <v>0</v>
      </c>
      <c r="E30" s="182">
        <v>0</v>
      </c>
      <c r="F30" s="179">
        <v>0</v>
      </c>
      <c r="G30" s="177">
        <v>42</v>
      </c>
      <c r="H30" s="177">
        <v>7</v>
      </c>
      <c r="I30" s="177">
        <v>0</v>
      </c>
      <c r="J30" s="177">
        <v>0</v>
      </c>
      <c r="K30" s="177">
        <v>0</v>
      </c>
      <c r="L30" s="182">
        <v>49</v>
      </c>
      <c r="M30" s="181">
        <v>49</v>
      </c>
      <c r="N30" s="177">
        <v>0</v>
      </c>
      <c r="O30" s="177">
        <v>0</v>
      </c>
      <c r="P30" s="182">
        <v>0</v>
      </c>
      <c r="Q30" s="179">
        <v>0</v>
      </c>
      <c r="R30" s="177">
        <v>0</v>
      </c>
      <c r="S30" s="177">
        <v>0</v>
      </c>
      <c r="T30" s="177">
        <v>0</v>
      </c>
      <c r="U30" s="177">
        <v>0</v>
      </c>
      <c r="V30" s="177">
        <v>0</v>
      </c>
      <c r="W30" s="182">
        <v>0</v>
      </c>
      <c r="X30" s="181">
        <v>0</v>
      </c>
    </row>
    <row r="31" spans="2:24" ht="21" customHeight="1" x14ac:dyDescent="0.2">
      <c r="B31" s="92" t="s">
        <v>29</v>
      </c>
      <c r="C31" s="177">
        <v>0</v>
      </c>
      <c r="D31" s="177">
        <v>0</v>
      </c>
      <c r="E31" s="182">
        <v>0</v>
      </c>
      <c r="F31" s="179">
        <v>0</v>
      </c>
      <c r="G31" s="177">
        <v>15</v>
      </c>
      <c r="H31" s="177">
        <v>0</v>
      </c>
      <c r="I31" s="177">
        <v>0</v>
      </c>
      <c r="J31" s="177">
        <v>0</v>
      </c>
      <c r="K31" s="177">
        <v>0</v>
      </c>
      <c r="L31" s="182">
        <v>15</v>
      </c>
      <c r="M31" s="181">
        <v>15</v>
      </c>
      <c r="N31" s="177">
        <v>0</v>
      </c>
      <c r="O31" s="177">
        <v>0</v>
      </c>
      <c r="P31" s="182">
        <v>0</v>
      </c>
      <c r="Q31" s="179">
        <v>0</v>
      </c>
      <c r="R31" s="177">
        <v>0</v>
      </c>
      <c r="S31" s="177">
        <v>0</v>
      </c>
      <c r="T31" s="177">
        <v>0</v>
      </c>
      <c r="U31" s="177">
        <v>0</v>
      </c>
      <c r="V31" s="177">
        <v>0</v>
      </c>
      <c r="W31" s="182">
        <v>0</v>
      </c>
      <c r="X31" s="181">
        <v>0</v>
      </c>
    </row>
    <row r="32" spans="2:24" ht="21" customHeight="1" x14ac:dyDescent="0.2">
      <c r="B32" s="92" t="s">
        <v>30</v>
      </c>
      <c r="C32" s="177">
        <v>0</v>
      </c>
      <c r="D32" s="177">
        <v>0</v>
      </c>
      <c r="E32" s="182">
        <v>0</v>
      </c>
      <c r="F32" s="179">
        <v>0</v>
      </c>
      <c r="G32" s="177">
        <v>13</v>
      </c>
      <c r="H32" s="177">
        <v>0</v>
      </c>
      <c r="I32" s="177">
        <v>0</v>
      </c>
      <c r="J32" s="177">
        <v>0</v>
      </c>
      <c r="K32" s="177">
        <v>0</v>
      </c>
      <c r="L32" s="182">
        <v>13</v>
      </c>
      <c r="M32" s="181">
        <v>13</v>
      </c>
      <c r="N32" s="177">
        <v>0</v>
      </c>
      <c r="O32" s="177">
        <v>0</v>
      </c>
      <c r="P32" s="182">
        <v>0</v>
      </c>
      <c r="Q32" s="179">
        <v>0</v>
      </c>
      <c r="R32" s="177">
        <v>0</v>
      </c>
      <c r="S32" s="177">
        <v>5</v>
      </c>
      <c r="T32" s="177">
        <v>0</v>
      </c>
      <c r="U32" s="177">
        <v>0</v>
      </c>
      <c r="V32" s="177">
        <v>0</v>
      </c>
      <c r="W32" s="182">
        <v>5</v>
      </c>
      <c r="X32" s="181">
        <v>5</v>
      </c>
    </row>
    <row r="33" spans="2:24" ht="21" customHeight="1" x14ac:dyDescent="0.2">
      <c r="B33" s="92" t="s">
        <v>31</v>
      </c>
      <c r="C33" s="177">
        <v>0</v>
      </c>
      <c r="D33" s="177">
        <v>0</v>
      </c>
      <c r="E33" s="182">
        <v>0</v>
      </c>
      <c r="F33" s="179">
        <v>0</v>
      </c>
      <c r="G33" s="177">
        <v>23</v>
      </c>
      <c r="H33" s="177">
        <v>0</v>
      </c>
      <c r="I33" s="177">
        <v>0</v>
      </c>
      <c r="J33" s="177">
        <v>0</v>
      </c>
      <c r="K33" s="177">
        <v>0</v>
      </c>
      <c r="L33" s="182">
        <v>23</v>
      </c>
      <c r="M33" s="181">
        <v>23</v>
      </c>
      <c r="N33" s="177">
        <v>0</v>
      </c>
      <c r="O33" s="177">
        <v>0</v>
      </c>
      <c r="P33" s="182">
        <v>0</v>
      </c>
      <c r="Q33" s="179">
        <v>0</v>
      </c>
      <c r="R33" s="177">
        <v>0</v>
      </c>
      <c r="S33" s="177">
        <v>0</v>
      </c>
      <c r="T33" s="177">
        <v>0</v>
      </c>
      <c r="U33" s="177">
        <v>0</v>
      </c>
      <c r="V33" s="177">
        <v>0</v>
      </c>
      <c r="W33" s="182">
        <v>0</v>
      </c>
      <c r="X33" s="181">
        <v>0</v>
      </c>
    </row>
    <row r="34" spans="2:24" ht="21" customHeight="1" x14ac:dyDescent="0.2">
      <c r="B34" s="92" t="s">
        <v>32</v>
      </c>
      <c r="C34" s="177">
        <v>0</v>
      </c>
      <c r="D34" s="177">
        <v>0</v>
      </c>
      <c r="E34" s="182">
        <v>0</v>
      </c>
      <c r="F34" s="179">
        <v>0</v>
      </c>
      <c r="G34" s="177">
        <v>10</v>
      </c>
      <c r="H34" s="177">
        <v>8</v>
      </c>
      <c r="I34" s="177">
        <v>0</v>
      </c>
      <c r="J34" s="177">
        <v>0</v>
      </c>
      <c r="K34" s="177">
        <v>0</v>
      </c>
      <c r="L34" s="182">
        <v>18</v>
      </c>
      <c r="M34" s="181">
        <v>18</v>
      </c>
      <c r="N34" s="177">
        <v>0</v>
      </c>
      <c r="O34" s="177">
        <v>0</v>
      </c>
      <c r="P34" s="182">
        <v>0</v>
      </c>
      <c r="Q34" s="179">
        <v>0</v>
      </c>
      <c r="R34" s="177">
        <v>13</v>
      </c>
      <c r="S34" s="177">
        <v>0</v>
      </c>
      <c r="T34" s="177">
        <v>26</v>
      </c>
      <c r="U34" s="177">
        <v>0</v>
      </c>
      <c r="V34" s="177">
        <v>0</v>
      </c>
      <c r="W34" s="182">
        <v>39</v>
      </c>
      <c r="X34" s="181">
        <v>39</v>
      </c>
    </row>
    <row r="35" spans="2:24" ht="21" customHeight="1" x14ac:dyDescent="0.2">
      <c r="B35" s="92" t="s">
        <v>33</v>
      </c>
      <c r="C35" s="177">
        <v>0</v>
      </c>
      <c r="D35" s="177">
        <v>0</v>
      </c>
      <c r="E35" s="182">
        <v>0</v>
      </c>
      <c r="F35" s="179">
        <v>0</v>
      </c>
      <c r="G35" s="177">
        <v>18</v>
      </c>
      <c r="H35" s="177">
        <v>0</v>
      </c>
      <c r="I35" s="177">
        <v>6</v>
      </c>
      <c r="J35" s="177">
        <v>0</v>
      </c>
      <c r="K35" s="177">
        <v>0</v>
      </c>
      <c r="L35" s="182">
        <v>24</v>
      </c>
      <c r="M35" s="181">
        <v>24</v>
      </c>
      <c r="N35" s="177">
        <v>0</v>
      </c>
      <c r="O35" s="177">
        <v>0</v>
      </c>
      <c r="P35" s="182">
        <v>0</v>
      </c>
      <c r="Q35" s="179">
        <v>0</v>
      </c>
      <c r="R35" s="177">
        <v>0</v>
      </c>
      <c r="S35" s="177">
        <v>0</v>
      </c>
      <c r="T35" s="177">
        <v>0</v>
      </c>
      <c r="U35" s="177">
        <v>0</v>
      </c>
      <c r="V35" s="177">
        <v>0</v>
      </c>
      <c r="W35" s="182">
        <v>0</v>
      </c>
      <c r="X35" s="181">
        <v>0</v>
      </c>
    </row>
    <row r="36" spans="2:24" ht="21" customHeight="1" x14ac:dyDescent="0.2">
      <c r="B36" s="92" t="s">
        <v>34</v>
      </c>
      <c r="C36" s="177">
        <v>0</v>
      </c>
      <c r="D36" s="177">
        <v>0</v>
      </c>
      <c r="E36" s="182">
        <v>0</v>
      </c>
      <c r="F36" s="179">
        <v>0</v>
      </c>
      <c r="G36" s="177">
        <v>0</v>
      </c>
      <c r="H36" s="177">
        <v>0</v>
      </c>
      <c r="I36" s="177">
        <v>0</v>
      </c>
      <c r="J36" s="177">
        <v>0</v>
      </c>
      <c r="K36" s="177">
        <v>0</v>
      </c>
      <c r="L36" s="182">
        <v>0</v>
      </c>
      <c r="M36" s="181">
        <v>0</v>
      </c>
      <c r="N36" s="177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0</v>
      </c>
      <c r="T36" s="177">
        <v>0</v>
      </c>
      <c r="U36" s="177">
        <v>0</v>
      </c>
      <c r="V36" s="177">
        <v>0</v>
      </c>
      <c r="W36" s="182">
        <v>0</v>
      </c>
      <c r="X36" s="181">
        <v>0</v>
      </c>
    </row>
    <row r="37" spans="2:24" ht="21" customHeight="1" x14ac:dyDescent="0.2">
      <c r="B37" s="92" t="s">
        <v>35</v>
      </c>
      <c r="C37" s="177">
        <v>0</v>
      </c>
      <c r="D37" s="177">
        <v>0</v>
      </c>
      <c r="E37" s="182">
        <v>0</v>
      </c>
      <c r="F37" s="179">
        <v>0</v>
      </c>
      <c r="G37" s="177">
        <v>4</v>
      </c>
      <c r="H37" s="177">
        <v>0</v>
      </c>
      <c r="I37" s="177">
        <v>0</v>
      </c>
      <c r="J37" s="177">
        <v>0</v>
      </c>
      <c r="K37" s="177">
        <v>0</v>
      </c>
      <c r="L37" s="182">
        <v>4</v>
      </c>
      <c r="M37" s="181">
        <v>4</v>
      </c>
      <c r="N37" s="177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0</v>
      </c>
      <c r="T37" s="177">
        <v>0</v>
      </c>
      <c r="U37" s="177">
        <v>0</v>
      </c>
      <c r="V37" s="177">
        <v>0</v>
      </c>
      <c r="W37" s="182">
        <v>0</v>
      </c>
      <c r="X37" s="181">
        <v>0</v>
      </c>
    </row>
    <row r="38" spans="2:24" ht="21" customHeight="1" x14ac:dyDescent="0.2">
      <c r="B38" s="92" t="s">
        <v>36</v>
      </c>
      <c r="C38" s="177">
        <v>0</v>
      </c>
      <c r="D38" s="177">
        <v>0</v>
      </c>
      <c r="E38" s="182">
        <v>0</v>
      </c>
      <c r="F38" s="179">
        <v>0</v>
      </c>
      <c r="G38" s="177">
        <v>10</v>
      </c>
      <c r="H38" s="177">
        <v>0</v>
      </c>
      <c r="I38" s="177">
        <v>0</v>
      </c>
      <c r="J38" s="177">
        <v>0</v>
      </c>
      <c r="K38" s="177">
        <v>0</v>
      </c>
      <c r="L38" s="182">
        <v>10</v>
      </c>
      <c r="M38" s="181">
        <v>10</v>
      </c>
      <c r="N38" s="177">
        <v>0</v>
      </c>
      <c r="O38" s="177">
        <v>0</v>
      </c>
      <c r="P38" s="182">
        <v>0</v>
      </c>
      <c r="Q38" s="179">
        <v>0</v>
      </c>
      <c r="R38" s="177">
        <v>0</v>
      </c>
      <c r="S38" s="177">
        <v>0</v>
      </c>
      <c r="T38" s="177">
        <v>0</v>
      </c>
      <c r="U38" s="177">
        <v>0</v>
      </c>
      <c r="V38" s="177">
        <v>0</v>
      </c>
      <c r="W38" s="182">
        <v>0</v>
      </c>
      <c r="X38" s="181">
        <v>0</v>
      </c>
    </row>
    <row r="39" spans="2:24" ht="21" customHeight="1" thickBot="1" x14ac:dyDescent="0.25">
      <c r="B39" s="94" t="s">
        <v>37</v>
      </c>
      <c r="C39" s="184">
        <v>0</v>
      </c>
      <c r="D39" s="184">
        <v>0</v>
      </c>
      <c r="E39" s="189">
        <v>0</v>
      </c>
      <c r="F39" s="186">
        <v>0</v>
      </c>
      <c r="G39" s="184">
        <v>0</v>
      </c>
      <c r="H39" s="184">
        <v>4</v>
      </c>
      <c r="I39" s="184">
        <v>0</v>
      </c>
      <c r="J39" s="184">
        <v>0</v>
      </c>
      <c r="K39" s="184">
        <v>5</v>
      </c>
      <c r="L39" s="189">
        <v>9</v>
      </c>
      <c r="M39" s="188">
        <v>9</v>
      </c>
      <c r="N39" s="184">
        <v>0</v>
      </c>
      <c r="O39" s="184">
        <v>0</v>
      </c>
      <c r="P39" s="189">
        <v>0</v>
      </c>
      <c r="Q39" s="186">
        <v>0</v>
      </c>
      <c r="R39" s="184">
        <v>0</v>
      </c>
      <c r="S39" s="184">
        <v>0</v>
      </c>
      <c r="T39" s="184">
        <v>0</v>
      </c>
      <c r="U39" s="184">
        <v>0</v>
      </c>
      <c r="V39" s="184">
        <v>0</v>
      </c>
      <c r="W39" s="189">
        <v>0</v>
      </c>
      <c r="X39" s="188">
        <v>0</v>
      </c>
    </row>
  </sheetData>
  <mergeCells count="11">
    <mergeCell ref="X4:X5"/>
    <mergeCell ref="H1:I1"/>
    <mergeCell ref="K1:L1"/>
    <mergeCell ref="B3:B5"/>
    <mergeCell ref="C3:M3"/>
    <mergeCell ref="N3:X3"/>
    <mergeCell ref="C4:E4"/>
    <mergeCell ref="F4:L4"/>
    <mergeCell ref="M4:M5"/>
    <mergeCell ref="N4:P4"/>
    <mergeCell ref="Q4:W4"/>
  </mergeCells>
  <phoneticPr fontId="4"/>
  <pageMargins left="0.70866141732283472" right="0.70866141732283472" top="0.74803149606299213" bottom="0.74803149606299213" header="0.31496062992125984" footer="0.31496062992125984"/>
  <pageSetup paperSize="9" scale="80" orientation="portrait" r:id="rId1"/>
  <headerFooter>
    <oddFooter>&amp;L&amp;20&amp;A&amp;C&amp;P/&amp;N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EC219"/>
  <sheetViews>
    <sheetView zoomScaleNormal="100" zoomScaleSheetLayoutView="55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57" customWidth="1"/>
    <col min="2" max="2" width="9.77734375" style="57" customWidth="1"/>
    <col min="3" max="3" width="9" style="57" customWidth="1"/>
    <col min="4" max="4" width="8.109375" style="57" customWidth="1"/>
    <col min="5" max="5" width="10.109375" style="57" bestFit="1" customWidth="1"/>
    <col min="6" max="6" width="9" style="57"/>
    <col min="7" max="8" width="9" style="57" customWidth="1"/>
    <col min="9" max="9" width="9" style="57"/>
    <col min="10" max="10" width="9.6640625" style="57" bestFit="1" customWidth="1"/>
    <col min="11" max="11" width="9" style="57"/>
    <col min="12" max="12" width="9.6640625" style="57" customWidth="1"/>
    <col min="13" max="15" width="8.109375" style="57" customWidth="1"/>
    <col min="16" max="21" width="9.21875" style="57" customWidth="1"/>
    <col min="22" max="22" width="7.77734375" style="57" customWidth="1"/>
    <col min="23" max="25" width="8.33203125" style="57" customWidth="1"/>
    <col min="26" max="30" width="8.44140625" style="57" customWidth="1"/>
    <col min="31" max="32" width="7.109375" style="57" customWidth="1"/>
    <col min="33" max="42" width="8.77734375" style="57" customWidth="1"/>
    <col min="43" max="52" width="8.44140625" style="57" customWidth="1"/>
    <col min="53" max="132" width="9.6640625" style="57" customWidth="1"/>
    <col min="133" max="16384" width="9" style="57"/>
  </cols>
  <sheetData>
    <row r="1" spans="2:133" ht="24" customHeight="1" x14ac:dyDescent="0.2">
      <c r="B1" s="7" t="s">
        <v>56</v>
      </c>
      <c r="F1" s="441">
        <f>第１表!F2</f>
        <v>7</v>
      </c>
      <c r="G1" s="441"/>
      <c r="H1" s="15">
        <f>第１表!G2</f>
        <v>1</v>
      </c>
      <c r="I1" s="445">
        <f>IF(H1&lt;3,H1-2+12,H1-2)</f>
        <v>11</v>
      </c>
      <c r="J1" s="445"/>
    </row>
    <row r="2" spans="2:133" ht="24" customHeight="1" thickBot="1" x14ac:dyDescent="0.25"/>
    <row r="3" spans="2:133" ht="21" customHeight="1" thickBot="1" x14ac:dyDescent="0.25">
      <c r="B3" s="522"/>
      <c r="C3" s="519" t="s">
        <v>57</v>
      </c>
      <c r="D3" s="520"/>
      <c r="E3" s="520"/>
      <c r="F3" s="520"/>
      <c r="G3" s="520"/>
      <c r="H3" s="520"/>
      <c r="I3" s="520"/>
      <c r="J3" s="520"/>
      <c r="K3" s="520"/>
      <c r="L3" s="520"/>
      <c r="M3" s="520"/>
      <c r="N3" s="520"/>
      <c r="O3" s="520"/>
      <c r="P3" s="520"/>
      <c r="Q3" s="520"/>
      <c r="R3" s="520"/>
      <c r="S3" s="520"/>
      <c r="T3" s="520"/>
      <c r="U3" s="520"/>
      <c r="V3" s="520"/>
      <c r="W3" s="520"/>
      <c r="X3" s="520"/>
      <c r="Y3" s="520"/>
      <c r="Z3" s="520"/>
      <c r="AA3" s="520"/>
      <c r="AB3" s="520"/>
      <c r="AC3" s="520"/>
      <c r="AD3" s="520"/>
      <c r="AE3" s="520"/>
      <c r="AF3" s="521"/>
      <c r="AG3" s="519" t="s">
        <v>58</v>
      </c>
      <c r="AH3" s="525"/>
      <c r="AI3" s="525"/>
      <c r="AJ3" s="525"/>
      <c r="AK3" s="525"/>
      <c r="AL3" s="525"/>
      <c r="AM3" s="525"/>
      <c r="AN3" s="525"/>
      <c r="AO3" s="525"/>
      <c r="AP3" s="525"/>
      <c r="AQ3" s="525"/>
      <c r="AR3" s="525"/>
      <c r="AS3" s="525"/>
      <c r="AT3" s="525"/>
      <c r="AU3" s="525"/>
      <c r="AV3" s="525"/>
      <c r="AW3" s="525"/>
      <c r="AX3" s="525"/>
      <c r="AY3" s="525"/>
      <c r="AZ3" s="525"/>
      <c r="BA3" s="525"/>
      <c r="BB3" s="525"/>
      <c r="BC3" s="525"/>
      <c r="BD3" s="525"/>
      <c r="BE3" s="525"/>
      <c r="BF3" s="525"/>
      <c r="BG3" s="525"/>
      <c r="BH3" s="525"/>
      <c r="BI3" s="525"/>
      <c r="BJ3" s="526"/>
      <c r="BK3" s="519" t="s">
        <v>59</v>
      </c>
      <c r="BL3" s="520"/>
      <c r="BM3" s="520"/>
      <c r="BN3" s="520"/>
      <c r="BO3" s="520"/>
      <c r="BP3" s="520"/>
      <c r="BQ3" s="520"/>
      <c r="BR3" s="520"/>
      <c r="BS3" s="520"/>
      <c r="BT3" s="520"/>
      <c r="BU3" s="520"/>
      <c r="BV3" s="520"/>
      <c r="BW3" s="520"/>
      <c r="BX3" s="520"/>
      <c r="BY3" s="520"/>
      <c r="BZ3" s="520"/>
      <c r="CA3" s="520"/>
      <c r="CB3" s="520"/>
      <c r="CC3" s="520"/>
      <c r="CD3" s="520"/>
      <c r="CE3" s="520"/>
      <c r="CF3" s="520"/>
      <c r="CG3" s="520"/>
      <c r="CH3" s="520"/>
      <c r="CI3" s="520"/>
      <c r="CJ3" s="520"/>
      <c r="CK3" s="520"/>
      <c r="CL3" s="520"/>
      <c r="CM3" s="520"/>
      <c r="CN3" s="521"/>
      <c r="CO3" s="519" t="s">
        <v>145</v>
      </c>
      <c r="CP3" s="520"/>
      <c r="CQ3" s="520"/>
      <c r="CR3" s="520"/>
      <c r="CS3" s="520"/>
      <c r="CT3" s="520"/>
      <c r="CU3" s="520"/>
      <c r="CV3" s="520"/>
      <c r="CW3" s="520"/>
      <c r="CX3" s="520"/>
      <c r="CY3" s="520"/>
      <c r="CZ3" s="520"/>
      <c r="DA3" s="520"/>
      <c r="DB3" s="520"/>
      <c r="DC3" s="520"/>
      <c r="DD3" s="520"/>
      <c r="DE3" s="520"/>
      <c r="DF3" s="520"/>
      <c r="DG3" s="520"/>
      <c r="DH3" s="520"/>
      <c r="DI3" s="520"/>
      <c r="DJ3" s="520"/>
      <c r="DK3" s="520"/>
      <c r="DL3" s="520"/>
      <c r="DM3" s="520"/>
      <c r="DN3" s="520"/>
      <c r="DO3" s="520"/>
      <c r="DP3" s="520"/>
      <c r="DQ3" s="520"/>
      <c r="DR3" s="521"/>
      <c r="DS3" s="427" t="s">
        <v>60</v>
      </c>
      <c r="DT3" s="428"/>
      <c r="DU3" s="428"/>
      <c r="DV3" s="428"/>
      <c r="DW3" s="428"/>
      <c r="DX3" s="428"/>
      <c r="DY3" s="428"/>
      <c r="DZ3" s="428"/>
      <c r="EA3" s="428"/>
      <c r="EB3" s="429"/>
    </row>
    <row r="4" spans="2:133" ht="21" customHeight="1" thickBot="1" x14ac:dyDescent="0.25">
      <c r="B4" s="523"/>
      <c r="C4" s="433"/>
      <c r="D4" s="434"/>
      <c r="E4" s="434"/>
      <c r="F4" s="434"/>
      <c r="G4" s="434"/>
      <c r="H4" s="434"/>
      <c r="I4" s="434"/>
      <c r="J4" s="434"/>
      <c r="K4" s="434"/>
      <c r="L4" s="434"/>
      <c r="M4" s="436" t="s">
        <v>39</v>
      </c>
      <c r="N4" s="437"/>
      <c r="O4" s="437"/>
      <c r="P4" s="437"/>
      <c r="Q4" s="437"/>
      <c r="R4" s="437"/>
      <c r="S4" s="437"/>
      <c r="T4" s="437"/>
      <c r="U4" s="437"/>
      <c r="V4" s="438"/>
      <c r="W4" s="436" t="s">
        <v>40</v>
      </c>
      <c r="X4" s="437"/>
      <c r="Y4" s="437"/>
      <c r="Z4" s="437"/>
      <c r="AA4" s="437"/>
      <c r="AB4" s="437"/>
      <c r="AC4" s="437"/>
      <c r="AD4" s="437"/>
      <c r="AE4" s="437"/>
      <c r="AF4" s="438"/>
      <c r="AG4" s="433"/>
      <c r="AH4" s="434"/>
      <c r="AI4" s="434"/>
      <c r="AJ4" s="434"/>
      <c r="AK4" s="434"/>
      <c r="AL4" s="434"/>
      <c r="AM4" s="434"/>
      <c r="AN4" s="434"/>
      <c r="AO4" s="434"/>
      <c r="AP4" s="434"/>
      <c r="AQ4" s="436" t="s">
        <v>39</v>
      </c>
      <c r="AR4" s="437"/>
      <c r="AS4" s="437"/>
      <c r="AT4" s="437"/>
      <c r="AU4" s="437"/>
      <c r="AV4" s="437"/>
      <c r="AW4" s="437"/>
      <c r="AX4" s="437"/>
      <c r="AY4" s="437"/>
      <c r="AZ4" s="438"/>
      <c r="BA4" s="436" t="s">
        <v>40</v>
      </c>
      <c r="BB4" s="437"/>
      <c r="BC4" s="437"/>
      <c r="BD4" s="437"/>
      <c r="BE4" s="437"/>
      <c r="BF4" s="437"/>
      <c r="BG4" s="437"/>
      <c r="BH4" s="437"/>
      <c r="BI4" s="437"/>
      <c r="BJ4" s="438"/>
      <c r="BK4" s="433"/>
      <c r="BL4" s="434"/>
      <c r="BM4" s="434"/>
      <c r="BN4" s="434"/>
      <c r="BO4" s="434"/>
      <c r="BP4" s="434"/>
      <c r="BQ4" s="434"/>
      <c r="BR4" s="434"/>
      <c r="BS4" s="434"/>
      <c r="BT4" s="434"/>
      <c r="BU4" s="436" t="s">
        <v>39</v>
      </c>
      <c r="BV4" s="437"/>
      <c r="BW4" s="437"/>
      <c r="BX4" s="437"/>
      <c r="BY4" s="437"/>
      <c r="BZ4" s="437"/>
      <c r="CA4" s="437"/>
      <c r="CB4" s="437"/>
      <c r="CC4" s="437"/>
      <c r="CD4" s="438"/>
      <c r="CE4" s="436" t="s">
        <v>40</v>
      </c>
      <c r="CF4" s="437"/>
      <c r="CG4" s="437"/>
      <c r="CH4" s="437"/>
      <c r="CI4" s="437"/>
      <c r="CJ4" s="437"/>
      <c r="CK4" s="437"/>
      <c r="CL4" s="437"/>
      <c r="CM4" s="437"/>
      <c r="CN4" s="438"/>
      <c r="CO4" s="433"/>
      <c r="CP4" s="434"/>
      <c r="CQ4" s="434"/>
      <c r="CR4" s="434"/>
      <c r="CS4" s="434"/>
      <c r="CT4" s="434"/>
      <c r="CU4" s="434"/>
      <c r="CV4" s="434"/>
      <c r="CW4" s="434"/>
      <c r="CX4" s="434"/>
      <c r="CY4" s="436" t="s">
        <v>39</v>
      </c>
      <c r="CZ4" s="437"/>
      <c r="DA4" s="437"/>
      <c r="DB4" s="437"/>
      <c r="DC4" s="437"/>
      <c r="DD4" s="437"/>
      <c r="DE4" s="437"/>
      <c r="DF4" s="437"/>
      <c r="DG4" s="437"/>
      <c r="DH4" s="438"/>
      <c r="DI4" s="436" t="s">
        <v>40</v>
      </c>
      <c r="DJ4" s="437"/>
      <c r="DK4" s="437"/>
      <c r="DL4" s="437"/>
      <c r="DM4" s="437"/>
      <c r="DN4" s="437"/>
      <c r="DO4" s="437"/>
      <c r="DP4" s="437"/>
      <c r="DQ4" s="437"/>
      <c r="DR4" s="438"/>
      <c r="DS4" s="433"/>
      <c r="DT4" s="434"/>
      <c r="DU4" s="434"/>
      <c r="DV4" s="434"/>
      <c r="DW4" s="434"/>
      <c r="DX4" s="434"/>
      <c r="DY4" s="434"/>
      <c r="DZ4" s="434"/>
      <c r="EA4" s="434"/>
      <c r="EB4" s="435"/>
    </row>
    <row r="5" spans="2:133" ht="21" customHeight="1" x14ac:dyDescent="0.2">
      <c r="B5" s="524"/>
      <c r="C5" s="502" t="s">
        <v>61</v>
      </c>
      <c r="D5" s="503"/>
      <c r="E5" s="504"/>
      <c r="F5" s="505" t="s">
        <v>62</v>
      </c>
      <c r="G5" s="506"/>
      <c r="H5" s="506"/>
      <c r="I5" s="506"/>
      <c r="J5" s="506"/>
      <c r="K5" s="507"/>
      <c r="L5" s="516" t="s">
        <v>52</v>
      </c>
      <c r="M5" s="518" t="s">
        <v>61</v>
      </c>
      <c r="N5" s="512"/>
      <c r="O5" s="513"/>
      <c r="P5" s="514" t="s">
        <v>62</v>
      </c>
      <c r="Q5" s="434"/>
      <c r="R5" s="434"/>
      <c r="S5" s="434"/>
      <c r="T5" s="434"/>
      <c r="U5" s="515"/>
      <c r="V5" s="510" t="s">
        <v>52</v>
      </c>
      <c r="W5" s="511" t="s">
        <v>61</v>
      </c>
      <c r="X5" s="512"/>
      <c r="Y5" s="513"/>
      <c r="Z5" s="514" t="s">
        <v>62</v>
      </c>
      <c r="AA5" s="434"/>
      <c r="AB5" s="434"/>
      <c r="AC5" s="434"/>
      <c r="AD5" s="434"/>
      <c r="AE5" s="515"/>
      <c r="AF5" s="510" t="s">
        <v>52</v>
      </c>
      <c r="AG5" s="502" t="s">
        <v>61</v>
      </c>
      <c r="AH5" s="503"/>
      <c r="AI5" s="504"/>
      <c r="AJ5" s="505" t="s">
        <v>62</v>
      </c>
      <c r="AK5" s="506"/>
      <c r="AL5" s="506"/>
      <c r="AM5" s="506"/>
      <c r="AN5" s="506"/>
      <c r="AO5" s="507"/>
      <c r="AP5" s="508" t="s">
        <v>52</v>
      </c>
      <c r="AQ5" s="518" t="s">
        <v>61</v>
      </c>
      <c r="AR5" s="512"/>
      <c r="AS5" s="513"/>
      <c r="AT5" s="514" t="s">
        <v>62</v>
      </c>
      <c r="AU5" s="434"/>
      <c r="AV5" s="434"/>
      <c r="AW5" s="434"/>
      <c r="AX5" s="434"/>
      <c r="AY5" s="515"/>
      <c r="AZ5" s="527" t="s">
        <v>52</v>
      </c>
      <c r="BA5" s="518" t="s">
        <v>61</v>
      </c>
      <c r="BB5" s="512"/>
      <c r="BC5" s="513"/>
      <c r="BD5" s="514" t="s">
        <v>62</v>
      </c>
      <c r="BE5" s="434"/>
      <c r="BF5" s="434"/>
      <c r="BG5" s="434"/>
      <c r="BH5" s="434"/>
      <c r="BI5" s="515"/>
      <c r="BJ5" s="510" t="s">
        <v>52</v>
      </c>
      <c r="BK5" s="502" t="s">
        <v>61</v>
      </c>
      <c r="BL5" s="503"/>
      <c r="BM5" s="504"/>
      <c r="BN5" s="505" t="s">
        <v>62</v>
      </c>
      <c r="BO5" s="506"/>
      <c r="BP5" s="506"/>
      <c r="BQ5" s="506"/>
      <c r="BR5" s="506"/>
      <c r="BS5" s="507"/>
      <c r="BT5" s="516" t="s">
        <v>52</v>
      </c>
      <c r="BU5" s="518" t="s">
        <v>61</v>
      </c>
      <c r="BV5" s="512"/>
      <c r="BW5" s="513"/>
      <c r="BX5" s="514" t="s">
        <v>62</v>
      </c>
      <c r="BY5" s="434"/>
      <c r="BZ5" s="434"/>
      <c r="CA5" s="434"/>
      <c r="CB5" s="434"/>
      <c r="CC5" s="515"/>
      <c r="CD5" s="510" t="s">
        <v>52</v>
      </c>
      <c r="CE5" s="511" t="s">
        <v>61</v>
      </c>
      <c r="CF5" s="512"/>
      <c r="CG5" s="513"/>
      <c r="CH5" s="514" t="s">
        <v>62</v>
      </c>
      <c r="CI5" s="434"/>
      <c r="CJ5" s="434"/>
      <c r="CK5" s="434"/>
      <c r="CL5" s="434"/>
      <c r="CM5" s="515"/>
      <c r="CN5" s="510" t="s">
        <v>52</v>
      </c>
      <c r="CO5" s="502" t="s">
        <v>61</v>
      </c>
      <c r="CP5" s="503"/>
      <c r="CQ5" s="504"/>
      <c r="CR5" s="505" t="s">
        <v>62</v>
      </c>
      <c r="CS5" s="506"/>
      <c r="CT5" s="506"/>
      <c r="CU5" s="506"/>
      <c r="CV5" s="506"/>
      <c r="CW5" s="507"/>
      <c r="CX5" s="516" t="s">
        <v>52</v>
      </c>
      <c r="CY5" s="518" t="s">
        <v>61</v>
      </c>
      <c r="CZ5" s="512"/>
      <c r="DA5" s="513"/>
      <c r="DB5" s="514" t="s">
        <v>62</v>
      </c>
      <c r="DC5" s="434"/>
      <c r="DD5" s="434"/>
      <c r="DE5" s="434"/>
      <c r="DF5" s="434"/>
      <c r="DG5" s="515"/>
      <c r="DH5" s="510" t="s">
        <v>52</v>
      </c>
      <c r="DI5" s="511" t="s">
        <v>61</v>
      </c>
      <c r="DJ5" s="512"/>
      <c r="DK5" s="513"/>
      <c r="DL5" s="514" t="s">
        <v>62</v>
      </c>
      <c r="DM5" s="434"/>
      <c r="DN5" s="434"/>
      <c r="DO5" s="434"/>
      <c r="DP5" s="434"/>
      <c r="DQ5" s="515"/>
      <c r="DR5" s="510" t="s">
        <v>52</v>
      </c>
      <c r="DS5" s="502" t="s">
        <v>61</v>
      </c>
      <c r="DT5" s="503"/>
      <c r="DU5" s="504"/>
      <c r="DV5" s="505" t="s">
        <v>62</v>
      </c>
      <c r="DW5" s="506"/>
      <c r="DX5" s="506"/>
      <c r="DY5" s="506"/>
      <c r="DZ5" s="506"/>
      <c r="EA5" s="507"/>
      <c r="EB5" s="508" t="s">
        <v>52</v>
      </c>
    </row>
    <row r="6" spans="2:133" ht="30" customHeight="1" thickBot="1" x14ac:dyDescent="0.25">
      <c r="B6" s="58" t="s">
        <v>42</v>
      </c>
      <c r="C6" s="215" t="s">
        <v>43</v>
      </c>
      <c r="D6" s="216" t="s">
        <v>44</v>
      </c>
      <c r="E6" s="216" t="s">
        <v>45</v>
      </c>
      <c r="F6" s="217" t="s">
        <v>47</v>
      </c>
      <c r="G6" s="218" t="s">
        <v>48</v>
      </c>
      <c r="H6" s="218" t="s">
        <v>49</v>
      </c>
      <c r="I6" s="219" t="s">
        <v>50</v>
      </c>
      <c r="J6" s="216" t="s">
        <v>51</v>
      </c>
      <c r="K6" s="220" t="s">
        <v>95</v>
      </c>
      <c r="L6" s="517"/>
      <c r="M6" s="215" t="s">
        <v>43</v>
      </c>
      <c r="N6" s="216" t="s">
        <v>44</v>
      </c>
      <c r="O6" s="220" t="s">
        <v>45</v>
      </c>
      <c r="P6" s="217" t="s">
        <v>47</v>
      </c>
      <c r="Q6" s="218" t="s">
        <v>48</v>
      </c>
      <c r="R6" s="218" t="s">
        <v>49</v>
      </c>
      <c r="S6" s="219" t="s">
        <v>50</v>
      </c>
      <c r="T6" s="216" t="s">
        <v>51</v>
      </c>
      <c r="U6" s="220" t="s">
        <v>45</v>
      </c>
      <c r="V6" s="509"/>
      <c r="W6" s="221" t="s">
        <v>43</v>
      </c>
      <c r="X6" s="216" t="s">
        <v>44</v>
      </c>
      <c r="Y6" s="220" t="s">
        <v>45</v>
      </c>
      <c r="Z6" s="221" t="s">
        <v>47</v>
      </c>
      <c r="AA6" s="218" t="s">
        <v>48</v>
      </c>
      <c r="AB6" s="218" t="s">
        <v>49</v>
      </c>
      <c r="AC6" s="219" t="s">
        <v>50</v>
      </c>
      <c r="AD6" s="216" t="s">
        <v>51</v>
      </c>
      <c r="AE6" s="220" t="s">
        <v>45</v>
      </c>
      <c r="AF6" s="509"/>
      <c r="AG6" s="215" t="s">
        <v>43</v>
      </c>
      <c r="AH6" s="216" t="s">
        <v>44</v>
      </c>
      <c r="AI6" s="220" t="s">
        <v>45</v>
      </c>
      <c r="AJ6" s="221" t="s">
        <v>47</v>
      </c>
      <c r="AK6" s="218" t="s">
        <v>48</v>
      </c>
      <c r="AL6" s="218" t="s">
        <v>49</v>
      </c>
      <c r="AM6" s="219" t="s">
        <v>50</v>
      </c>
      <c r="AN6" s="216" t="s">
        <v>51</v>
      </c>
      <c r="AO6" s="220" t="s">
        <v>45</v>
      </c>
      <c r="AP6" s="509"/>
      <c r="AQ6" s="215" t="s">
        <v>43</v>
      </c>
      <c r="AR6" s="216" t="s">
        <v>44</v>
      </c>
      <c r="AS6" s="220" t="s">
        <v>45</v>
      </c>
      <c r="AT6" s="217" t="s">
        <v>47</v>
      </c>
      <c r="AU6" s="218" t="s">
        <v>48</v>
      </c>
      <c r="AV6" s="218" t="s">
        <v>49</v>
      </c>
      <c r="AW6" s="219" t="s">
        <v>50</v>
      </c>
      <c r="AX6" s="216" t="s">
        <v>51</v>
      </c>
      <c r="AY6" s="220" t="s">
        <v>45</v>
      </c>
      <c r="AZ6" s="517"/>
      <c r="BA6" s="215" t="s">
        <v>43</v>
      </c>
      <c r="BB6" s="216" t="s">
        <v>44</v>
      </c>
      <c r="BC6" s="216" t="s">
        <v>45</v>
      </c>
      <c r="BD6" s="217" t="s">
        <v>47</v>
      </c>
      <c r="BE6" s="218" t="s">
        <v>48</v>
      </c>
      <c r="BF6" s="218" t="s">
        <v>49</v>
      </c>
      <c r="BG6" s="219" t="s">
        <v>50</v>
      </c>
      <c r="BH6" s="216" t="s">
        <v>51</v>
      </c>
      <c r="BI6" s="220" t="s">
        <v>45</v>
      </c>
      <c r="BJ6" s="509"/>
      <c r="BK6" s="215" t="s">
        <v>43</v>
      </c>
      <c r="BL6" s="216" t="s">
        <v>44</v>
      </c>
      <c r="BM6" s="216" t="s">
        <v>45</v>
      </c>
      <c r="BN6" s="217" t="s">
        <v>47</v>
      </c>
      <c r="BO6" s="218" t="s">
        <v>48</v>
      </c>
      <c r="BP6" s="218" t="s">
        <v>49</v>
      </c>
      <c r="BQ6" s="219" t="s">
        <v>50</v>
      </c>
      <c r="BR6" s="216" t="s">
        <v>51</v>
      </c>
      <c r="BS6" s="220" t="s">
        <v>45</v>
      </c>
      <c r="BT6" s="517"/>
      <c r="BU6" s="215" t="s">
        <v>43</v>
      </c>
      <c r="BV6" s="216" t="s">
        <v>44</v>
      </c>
      <c r="BW6" s="216" t="s">
        <v>45</v>
      </c>
      <c r="BX6" s="217" t="s">
        <v>47</v>
      </c>
      <c r="BY6" s="218" t="s">
        <v>48</v>
      </c>
      <c r="BZ6" s="218" t="s">
        <v>49</v>
      </c>
      <c r="CA6" s="219" t="s">
        <v>50</v>
      </c>
      <c r="CB6" s="216" t="s">
        <v>51</v>
      </c>
      <c r="CC6" s="220" t="s">
        <v>45</v>
      </c>
      <c r="CD6" s="509"/>
      <c r="CE6" s="221" t="s">
        <v>43</v>
      </c>
      <c r="CF6" s="216" t="s">
        <v>44</v>
      </c>
      <c r="CG6" s="216" t="s">
        <v>45</v>
      </c>
      <c r="CH6" s="217" t="s">
        <v>47</v>
      </c>
      <c r="CI6" s="218" t="s">
        <v>48</v>
      </c>
      <c r="CJ6" s="218" t="s">
        <v>49</v>
      </c>
      <c r="CK6" s="219" t="s">
        <v>50</v>
      </c>
      <c r="CL6" s="216" t="s">
        <v>51</v>
      </c>
      <c r="CM6" s="220" t="s">
        <v>45</v>
      </c>
      <c r="CN6" s="509"/>
      <c r="CO6" s="215" t="s">
        <v>43</v>
      </c>
      <c r="CP6" s="216" t="s">
        <v>44</v>
      </c>
      <c r="CQ6" s="216" t="s">
        <v>45</v>
      </c>
      <c r="CR6" s="217" t="s">
        <v>47</v>
      </c>
      <c r="CS6" s="218" t="s">
        <v>48</v>
      </c>
      <c r="CT6" s="218" t="s">
        <v>49</v>
      </c>
      <c r="CU6" s="219" t="s">
        <v>50</v>
      </c>
      <c r="CV6" s="216" t="s">
        <v>51</v>
      </c>
      <c r="CW6" s="220" t="s">
        <v>45</v>
      </c>
      <c r="CX6" s="517"/>
      <c r="CY6" s="215" t="s">
        <v>43</v>
      </c>
      <c r="CZ6" s="216" t="s">
        <v>44</v>
      </c>
      <c r="DA6" s="216" t="s">
        <v>45</v>
      </c>
      <c r="DB6" s="217" t="s">
        <v>47</v>
      </c>
      <c r="DC6" s="218" t="s">
        <v>48</v>
      </c>
      <c r="DD6" s="218" t="s">
        <v>49</v>
      </c>
      <c r="DE6" s="219" t="s">
        <v>50</v>
      </c>
      <c r="DF6" s="216" t="s">
        <v>51</v>
      </c>
      <c r="DG6" s="220" t="s">
        <v>45</v>
      </c>
      <c r="DH6" s="509"/>
      <c r="DI6" s="221" t="s">
        <v>43</v>
      </c>
      <c r="DJ6" s="216" t="s">
        <v>44</v>
      </c>
      <c r="DK6" s="216" t="s">
        <v>45</v>
      </c>
      <c r="DL6" s="217" t="s">
        <v>47</v>
      </c>
      <c r="DM6" s="218" t="s">
        <v>48</v>
      </c>
      <c r="DN6" s="218" t="s">
        <v>49</v>
      </c>
      <c r="DO6" s="219" t="s">
        <v>50</v>
      </c>
      <c r="DP6" s="216" t="s">
        <v>51</v>
      </c>
      <c r="DQ6" s="220" t="s">
        <v>45</v>
      </c>
      <c r="DR6" s="509"/>
      <c r="DS6" s="215" t="s">
        <v>43</v>
      </c>
      <c r="DT6" s="216" t="s">
        <v>44</v>
      </c>
      <c r="DU6" s="216" t="s">
        <v>45</v>
      </c>
      <c r="DV6" s="217" t="s">
        <v>47</v>
      </c>
      <c r="DW6" s="218" t="s">
        <v>48</v>
      </c>
      <c r="DX6" s="218" t="s">
        <v>49</v>
      </c>
      <c r="DY6" s="219" t="s">
        <v>50</v>
      </c>
      <c r="DZ6" s="216" t="s">
        <v>51</v>
      </c>
      <c r="EA6" s="220" t="s">
        <v>45</v>
      </c>
      <c r="EB6" s="509"/>
    </row>
    <row r="7" spans="2:133" ht="21" customHeight="1" x14ac:dyDescent="0.2">
      <c r="B7" s="70" t="s">
        <v>4</v>
      </c>
      <c r="C7" s="197">
        <v>0</v>
      </c>
      <c r="D7" s="199">
        <v>0</v>
      </c>
      <c r="E7" s="199">
        <v>0</v>
      </c>
      <c r="F7" s="200">
        <v>499</v>
      </c>
      <c r="G7" s="198">
        <v>1750</v>
      </c>
      <c r="H7" s="198">
        <v>10703</v>
      </c>
      <c r="I7" s="198">
        <v>15351</v>
      </c>
      <c r="J7" s="199">
        <v>9873</v>
      </c>
      <c r="K7" s="222">
        <v>38176</v>
      </c>
      <c r="L7" s="223">
        <v>38176</v>
      </c>
      <c r="M7" s="197">
        <v>0</v>
      </c>
      <c r="N7" s="199">
        <v>0</v>
      </c>
      <c r="O7" s="222">
        <v>0</v>
      </c>
      <c r="P7" s="200">
        <v>496</v>
      </c>
      <c r="Q7" s="198">
        <v>1733</v>
      </c>
      <c r="R7" s="198">
        <v>10628</v>
      </c>
      <c r="S7" s="198">
        <v>15214</v>
      </c>
      <c r="T7" s="199">
        <v>9733</v>
      </c>
      <c r="U7" s="222">
        <v>37804</v>
      </c>
      <c r="V7" s="224">
        <v>37804</v>
      </c>
      <c r="W7" s="202">
        <v>0</v>
      </c>
      <c r="X7" s="199">
        <v>0</v>
      </c>
      <c r="Y7" s="222">
        <v>0</v>
      </c>
      <c r="Z7" s="202">
        <v>3</v>
      </c>
      <c r="AA7" s="198">
        <v>17</v>
      </c>
      <c r="AB7" s="198">
        <v>75</v>
      </c>
      <c r="AC7" s="198">
        <v>137</v>
      </c>
      <c r="AD7" s="199">
        <v>140</v>
      </c>
      <c r="AE7" s="222">
        <v>372</v>
      </c>
      <c r="AF7" s="201">
        <v>372</v>
      </c>
      <c r="AG7" s="202">
        <v>0</v>
      </c>
      <c r="AH7" s="199">
        <v>0</v>
      </c>
      <c r="AI7" s="222">
        <v>0</v>
      </c>
      <c r="AJ7" s="202">
        <v>1664</v>
      </c>
      <c r="AK7" s="198">
        <v>3364</v>
      </c>
      <c r="AL7" s="198">
        <v>4896</v>
      </c>
      <c r="AM7" s="198">
        <v>5943</v>
      </c>
      <c r="AN7" s="199">
        <v>2983</v>
      </c>
      <c r="AO7" s="222">
        <v>18850</v>
      </c>
      <c r="AP7" s="201">
        <v>18850</v>
      </c>
      <c r="AQ7" s="202">
        <v>0</v>
      </c>
      <c r="AR7" s="199">
        <v>0</v>
      </c>
      <c r="AS7" s="222">
        <v>0</v>
      </c>
      <c r="AT7" s="200">
        <v>1642</v>
      </c>
      <c r="AU7" s="198">
        <v>3318</v>
      </c>
      <c r="AV7" s="198">
        <v>4820</v>
      </c>
      <c r="AW7" s="198">
        <v>5849</v>
      </c>
      <c r="AX7" s="199">
        <v>2894</v>
      </c>
      <c r="AY7" s="222">
        <v>18523</v>
      </c>
      <c r="AZ7" s="223">
        <v>18523</v>
      </c>
      <c r="BA7" s="197">
        <v>0</v>
      </c>
      <c r="BB7" s="199">
        <v>0</v>
      </c>
      <c r="BC7" s="199">
        <v>0</v>
      </c>
      <c r="BD7" s="200">
        <v>22</v>
      </c>
      <c r="BE7" s="198">
        <v>46</v>
      </c>
      <c r="BF7" s="198">
        <v>76</v>
      </c>
      <c r="BG7" s="198">
        <v>94</v>
      </c>
      <c r="BH7" s="199">
        <v>89</v>
      </c>
      <c r="BI7" s="222">
        <v>327</v>
      </c>
      <c r="BJ7" s="224">
        <v>327</v>
      </c>
      <c r="BK7" s="202">
        <v>0</v>
      </c>
      <c r="BL7" s="199">
        <v>0</v>
      </c>
      <c r="BM7" s="199">
        <v>0</v>
      </c>
      <c r="BN7" s="200">
        <v>0</v>
      </c>
      <c r="BO7" s="198">
        <v>0</v>
      </c>
      <c r="BP7" s="198">
        <v>0</v>
      </c>
      <c r="BQ7" s="198">
        <v>0</v>
      </c>
      <c r="BR7" s="199">
        <v>0</v>
      </c>
      <c r="BS7" s="222">
        <v>0</v>
      </c>
      <c r="BT7" s="223">
        <v>0</v>
      </c>
      <c r="BU7" s="197">
        <v>0</v>
      </c>
      <c r="BV7" s="199">
        <v>0</v>
      </c>
      <c r="BW7" s="199">
        <v>0</v>
      </c>
      <c r="BX7" s="200">
        <v>0</v>
      </c>
      <c r="BY7" s="198">
        <v>0</v>
      </c>
      <c r="BZ7" s="198">
        <v>0</v>
      </c>
      <c r="CA7" s="198">
        <v>0</v>
      </c>
      <c r="CB7" s="199">
        <v>0</v>
      </c>
      <c r="CC7" s="222">
        <v>0</v>
      </c>
      <c r="CD7" s="224">
        <v>0</v>
      </c>
      <c r="CE7" s="202">
        <v>0</v>
      </c>
      <c r="CF7" s="199">
        <v>0</v>
      </c>
      <c r="CG7" s="199">
        <v>0</v>
      </c>
      <c r="CH7" s="200">
        <v>0</v>
      </c>
      <c r="CI7" s="198">
        <v>0</v>
      </c>
      <c r="CJ7" s="198">
        <v>0</v>
      </c>
      <c r="CK7" s="198">
        <v>0</v>
      </c>
      <c r="CL7" s="199">
        <v>0</v>
      </c>
      <c r="CM7" s="222">
        <v>0</v>
      </c>
      <c r="CN7" s="224">
        <v>0</v>
      </c>
      <c r="CO7" s="202">
        <v>0</v>
      </c>
      <c r="CP7" s="199">
        <v>0</v>
      </c>
      <c r="CQ7" s="199">
        <v>0</v>
      </c>
      <c r="CR7" s="200">
        <v>12</v>
      </c>
      <c r="CS7" s="198">
        <v>25</v>
      </c>
      <c r="CT7" s="198">
        <v>60</v>
      </c>
      <c r="CU7" s="198">
        <v>385</v>
      </c>
      <c r="CV7" s="199">
        <v>512</v>
      </c>
      <c r="CW7" s="222">
        <v>994</v>
      </c>
      <c r="CX7" s="223">
        <v>994</v>
      </c>
      <c r="CY7" s="197">
        <v>0</v>
      </c>
      <c r="CZ7" s="199">
        <v>0</v>
      </c>
      <c r="DA7" s="199">
        <v>0</v>
      </c>
      <c r="DB7" s="200">
        <v>11</v>
      </c>
      <c r="DC7" s="198">
        <v>25</v>
      </c>
      <c r="DD7" s="198">
        <v>59</v>
      </c>
      <c r="DE7" s="198">
        <v>379</v>
      </c>
      <c r="DF7" s="199">
        <v>496</v>
      </c>
      <c r="DG7" s="222">
        <v>970</v>
      </c>
      <c r="DH7" s="224">
        <v>970</v>
      </c>
      <c r="DI7" s="202">
        <v>0</v>
      </c>
      <c r="DJ7" s="199">
        <v>0</v>
      </c>
      <c r="DK7" s="199">
        <v>0</v>
      </c>
      <c r="DL7" s="200">
        <v>1</v>
      </c>
      <c r="DM7" s="198">
        <v>0</v>
      </c>
      <c r="DN7" s="198">
        <v>1</v>
      </c>
      <c r="DO7" s="198">
        <v>6</v>
      </c>
      <c r="DP7" s="199">
        <v>16</v>
      </c>
      <c r="DQ7" s="222">
        <v>24</v>
      </c>
      <c r="DR7" s="224">
        <v>24</v>
      </c>
      <c r="DS7" s="202">
        <v>0</v>
      </c>
      <c r="DT7" s="199">
        <v>0</v>
      </c>
      <c r="DU7" s="199">
        <v>0</v>
      </c>
      <c r="DV7" s="200">
        <v>2175</v>
      </c>
      <c r="DW7" s="198">
        <v>5139</v>
      </c>
      <c r="DX7" s="198">
        <v>15644</v>
      </c>
      <c r="DY7" s="198">
        <v>21643</v>
      </c>
      <c r="DZ7" s="199">
        <v>13356</v>
      </c>
      <c r="EA7" s="222">
        <v>57957</v>
      </c>
      <c r="EB7" s="224">
        <v>57957</v>
      </c>
      <c r="EC7" s="225"/>
    </row>
    <row r="8" spans="2:133" ht="21" customHeight="1" x14ac:dyDescent="0.2">
      <c r="B8" s="81" t="s">
        <v>5</v>
      </c>
      <c r="C8" s="203">
        <v>0</v>
      </c>
      <c r="D8" s="205">
        <v>0</v>
      </c>
      <c r="E8" s="205">
        <v>0</v>
      </c>
      <c r="F8" s="206">
        <v>289</v>
      </c>
      <c r="G8" s="204">
        <v>1188</v>
      </c>
      <c r="H8" s="204">
        <v>4804</v>
      </c>
      <c r="I8" s="204">
        <v>6443</v>
      </c>
      <c r="J8" s="205">
        <v>4159</v>
      </c>
      <c r="K8" s="226">
        <v>16883</v>
      </c>
      <c r="L8" s="227">
        <v>16883</v>
      </c>
      <c r="M8" s="203">
        <v>0</v>
      </c>
      <c r="N8" s="205">
        <v>0</v>
      </c>
      <c r="O8" s="226">
        <v>0</v>
      </c>
      <c r="P8" s="206">
        <v>289</v>
      </c>
      <c r="Q8" s="204">
        <v>1178</v>
      </c>
      <c r="R8" s="204">
        <v>4763</v>
      </c>
      <c r="S8" s="204">
        <v>6386</v>
      </c>
      <c r="T8" s="205">
        <v>4082</v>
      </c>
      <c r="U8" s="226">
        <v>16698</v>
      </c>
      <c r="V8" s="228">
        <v>16698</v>
      </c>
      <c r="W8" s="208">
        <v>0</v>
      </c>
      <c r="X8" s="205">
        <v>0</v>
      </c>
      <c r="Y8" s="226">
        <v>0</v>
      </c>
      <c r="Z8" s="208">
        <v>0</v>
      </c>
      <c r="AA8" s="204">
        <v>10</v>
      </c>
      <c r="AB8" s="204">
        <v>41</v>
      </c>
      <c r="AC8" s="204">
        <v>57</v>
      </c>
      <c r="AD8" s="205">
        <v>77</v>
      </c>
      <c r="AE8" s="226">
        <v>185</v>
      </c>
      <c r="AF8" s="207">
        <v>185</v>
      </c>
      <c r="AG8" s="208">
        <v>0</v>
      </c>
      <c r="AH8" s="205">
        <v>0</v>
      </c>
      <c r="AI8" s="226">
        <v>0</v>
      </c>
      <c r="AJ8" s="208">
        <v>592</v>
      </c>
      <c r="AK8" s="204">
        <v>1558</v>
      </c>
      <c r="AL8" s="204">
        <v>2185</v>
      </c>
      <c r="AM8" s="204">
        <v>2729</v>
      </c>
      <c r="AN8" s="205">
        <v>1454</v>
      </c>
      <c r="AO8" s="226">
        <v>8518</v>
      </c>
      <c r="AP8" s="207">
        <v>8518</v>
      </c>
      <c r="AQ8" s="208">
        <v>0</v>
      </c>
      <c r="AR8" s="205">
        <v>0</v>
      </c>
      <c r="AS8" s="226">
        <v>0</v>
      </c>
      <c r="AT8" s="206">
        <v>591</v>
      </c>
      <c r="AU8" s="204">
        <v>1538</v>
      </c>
      <c r="AV8" s="204">
        <v>2163</v>
      </c>
      <c r="AW8" s="204">
        <v>2692</v>
      </c>
      <c r="AX8" s="205">
        <v>1416</v>
      </c>
      <c r="AY8" s="226">
        <v>8400</v>
      </c>
      <c r="AZ8" s="227">
        <v>8400</v>
      </c>
      <c r="BA8" s="203">
        <v>0</v>
      </c>
      <c r="BB8" s="205">
        <v>0</v>
      </c>
      <c r="BC8" s="205">
        <v>0</v>
      </c>
      <c r="BD8" s="206">
        <v>1</v>
      </c>
      <c r="BE8" s="204">
        <v>20</v>
      </c>
      <c r="BF8" s="204">
        <v>22</v>
      </c>
      <c r="BG8" s="204">
        <v>37</v>
      </c>
      <c r="BH8" s="205">
        <v>38</v>
      </c>
      <c r="BI8" s="226">
        <v>118</v>
      </c>
      <c r="BJ8" s="228">
        <v>118</v>
      </c>
      <c r="BK8" s="208">
        <v>0</v>
      </c>
      <c r="BL8" s="205">
        <v>0</v>
      </c>
      <c r="BM8" s="205">
        <v>0</v>
      </c>
      <c r="BN8" s="206">
        <v>0</v>
      </c>
      <c r="BO8" s="204">
        <v>0</v>
      </c>
      <c r="BP8" s="204">
        <v>0</v>
      </c>
      <c r="BQ8" s="204">
        <v>0</v>
      </c>
      <c r="BR8" s="205">
        <v>0</v>
      </c>
      <c r="BS8" s="226">
        <v>0</v>
      </c>
      <c r="BT8" s="227">
        <v>0</v>
      </c>
      <c r="BU8" s="203">
        <v>0</v>
      </c>
      <c r="BV8" s="205">
        <v>0</v>
      </c>
      <c r="BW8" s="205">
        <v>0</v>
      </c>
      <c r="BX8" s="206">
        <v>0</v>
      </c>
      <c r="BY8" s="204">
        <v>0</v>
      </c>
      <c r="BZ8" s="204">
        <v>0</v>
      </c>
      <c r="CA8" s="204">
        <v>0</v>
      </c>
      <c r="CB8" s="205">
        <v>0</v>
      </c>
      <c r="CC8" s="226">
        <v>0</v>
      </c>
      <c r="CD8" s="228">
        <v>0</v>
      </c>
      <c r="CE8" s="208">
        <v>0</v>
      </c>
      <c r="CF8" s="205">
        <v>0</v>
      </c>
      <c r="CG8" s="205">
        <v>0</v>
      </c>
      <c r="CH8" s="206">
        <v>0</v>
      </c>
      <c r="CI8" s="204">
        <v>0</v>
      </c>
      <c r="CJ8" s="204">
        <v>0</v>
      </c>
      <c r="CK8" s="204">
        <v>0</v>
      </c>
      <c r="CL8" s="205">
        <v>0</v>
      </c>
      <c r="CM8" s="226">
        <v>0</v>
      </c>
      <c r="CN8" s="228">
        <v>0</v>
      </c>
      <c r="CO8" s="208">
        <v>0</v>
      </c>
      <c r="CP8" s="205">
        <v>0</v>
      </c>
      <c r="CQ8" s="205">
        <v>0</v>
      </c>
      <c r="CR8" s="206">
        <v>1</v>
      </c>
      <c r="CS8" s="204">
        <v>3</v>
      </c>
      <c r="CT8" s="204">
        <v>12</v>
      </c>
      <c r="CU8" s="204">
        <v>100</v>
      </c>
      <c r="CV8" s="205">
        <v>135</v>
      </c>
      <c r="CW8" s="226">
        <v>251</v>
      </c>
      <c r="CX8" s="227">
        <v>251</v>
      </c>
      <c r="CY8" s="203">
        <v>0</v>
      </c>
      <c r="CZ8" s="205">
        <v>0</v>
      </c>
      <c r="DA8" s="205">
        <v>0</v>
      </c>
      <c r="DB8" s="206">
        <v>1</v>
      </c>
      <c r="DC8" s="204">
        <v>3</v>
      </c>
      <c r="DD8" s="204">
        <v>12</v>
      </c>
      <c r="DE8" s="204">
        <v>98</v>
      </c>
      <c r="DF8" s="205">
        <v>133</v>
      </c>
      <c r="DG8" s="226">
        <v>247</v>
      </c>
      <c r="DH8" s="228">
        <v>247</v>
      </c>
      <c r="DI8" s="208">
        <v>0</v>
      </c>
      <c r="DJ8" s="205">
        <v>0</v>
      </c>
      <c r="DK8" s="205">
        <v>0</v>
      </c>
      <c r="DL8" s="206">
        <v>0</v>
      </c>
      <c r="DM8" s="204">
        <v>0</v>
      </c>
      <c r="DN8" s="204">
        <v>0</v>
      </c>
      <c r="DO8" s="204">
        <v>2</v>
      </c>
      <c r="DP8" s="205">
        <v>2</v>
      </c>
      <c r="DQ8" s="226">
        <v>4</v>
      </c>
      <c r="DR8" s="228">
        <v>4</v>
      </c>
      <c r="DS8" s="208">
        <v>0</v>
      </c>
      <c r="DT8" s="205">
        <v>0</v>
      </c>
      <c r="DU8" s="205">
        <v>0</v>
      </c>
      <c r="DV8" s="206">
        <v>882</v>
      </c>
      <c r="DW8" s="204">
        <v>2749</v>
      </c>
      <c r="DX8" s="204">
        <v>7001</v>
      </c>
      <c r="DY8" s="204">
        <v>9272</v>
      </c>
      <c r="DZ8" s="205">
        <v>5748</v>
      </c>
      <c r="EA8" s="226">
        <v>25652</v>
      </c>
      <c r="EB8" s="228">
        <v>25652</v>
      </c>
      <c r="EC8" s="225"/>
    </row>
    <row r="9" spans="2:133" ht="21" customHeight="1" x14ac:dyDescent="0.2">
      <c r="B9" s="92" t="s">
        <v>6</v>
      </c>
      <c r="C9" s="203">
        <v>0</v>
      </c>
      <c r="D9" s="205">
        <v>0</v>
      </c>
      <c r="E9" s="205">
        <v>0</v>
      </c>
      <c r="F9" s="206">
        <v>103</v>
      </c>
      <c r="G9" s="204">
        <v>221</v>
      </c>
      <c r="H9" s="204">
        <v>1328</v>
      </c>
      <c r="I9" s="204">
        <v>1838</v>
      </c>
      <c r="J9" s="205">
        <v>1300</v>
      </c>
      <c r="K9" s="226">
        <v>4790</v>
      </c>
      <c r="L9" s="227">
        <v>4790</v>
      </c>
      <c r="M9" s="203">
        <v>0</v>
      </c>
      <c r="N9" s="205">
        <v>0</v>
      </c>
      <c r="O9" s="226">
        <v>0</v>
      </c>
      <c r="P9" s="206">
        <v>102</v>
      </c>
      <c r="Q9" s="204">
        <v>219</v>
      </c>
      <c r="R9" s="204">
        <v>1317</v>
      </c>
      <c r="S9" s="204">
        <v>1825</v>
      </c>
      <c r="T9" s="205">
        <v>1284</v>
      </c>
      <c r="U9" s="226">
        <v>4747</v>
      </c>
      <c r="V9" s="228">
        <v>4747</v>
      </c>
      <c r="W9" s="208">
        <v>0</v>
      </c>
      <c r="X9" s="205">
        <v>0</v>
      </c>
      <c r="Y9" s="226">
        <v>0</v>
      </c>
      <c r="Z9" s="208">
        <v>1</v>
      </c>
      <c r="AA9" s="204">
        <v>2</v>
      </c>
      <c r="AB9" s="204">
        <v>11</v>
      </c>
      <c r="AC9" s="204">
        <v>13</v>
      </c>
      <c r="AD9" s="205">
        <v>16</v>
      </c>
      <c r="AE9" s="226">
        <v>43</v>
      </c>
      <c r="AF9" s="207">
        <v>43</v>
      </c>
      <c r="AG9" s="208">
        <v>0</v>
      </c>
      <c r="AH9" s="205">
        <v>0</v>
      </c>
      <c r="AI9" s="226">
        <v>0</v>
      </c>
      <c r="AJ9" s="208">
        <v>256</v>
      </c>
      <c r="AK9" s="204">
        <v>301</v>
      </c>
      <c r="AL9" s="204">
        <v>535</v>
      </c>
      <c r="AM9" s="204">
        <v>640</v>
      </c>
      <c r="AN9" s="205">
        <v>348</v>
      </c>
      <c r="AO9" s="226">
        <v>2080</v>
      </c>
      <c r="AP9" s="207">
        <v>2080</v>
      </c>
      <c r="AQ9" s="208">
        <v>0</v>
      </c>
      <c r="AR9" s="205">
        <v>0</v>
      </c>
      <c r="AS9" s="226">
        <v>0</v>
      </c>
      <c r="AT9" s="206">
        <v>249</v>
      </c>
      <c r="AU9" s="204">
        <v>298</v>
      </c>
      <c r="AV9" s="204">
        <v>516</v>
      </c>
      <c r="AW9" s="204">
        <v>627</v>
      </c>
      <c r="AX9" s="205">
        <v>327</v>
      </c>
      <c r="AY9" s="226">
        <v>2017</v>
      </c>
      <c r="AZ9" s="227">
        <v>2017</v>
      </c>
      <c r="BA9" s="203">
        <v>0</v>
      </c>
      <c r="BB9" s="205">
        <v>0</v>
      </c>
      <c r="BC9" s="205">
        <v>0</v>
      </c>
      <c r="BD9" s="206">
        <v>7</v>
      </c>
      <c r="BE9" s="204">
        <v>3</v>
      </c>
      <c r="BF9" s="204">
        <v>19</v>
      </c>
      <c r="BG9" s="204">
        <v>13</v>
      </c>
      <c r="BH9" s="205">
        <v>21</v>
      </c>
      <c r="BI9" s="226">
        <v>63</v>
      </c>
      <c r="BJ9" s="228">
        <v>63</v>
      </c>
      <c r="BK9" s="208">
        <v>0</v>
      </c>
      <c r="BL9" s="205">
        <v>0</v>
      </c>
      <c r="BM9" s="205">
        <v>0</v>
      </c>
      <c r="BN9" s="206">
        <v>0</v>
      </c>
      <c r="BO9" s="204">
        <v>0</v>
      </c>
      <c r="BP9" s="204">
        <v>0</v>
      </c>
      <c r="BQ9" s="204">
        <v>0</v>
      </c>
      <c r="BR9" s="205">
        <v>0</v>
      </c>
      <c r="BS9" s="226">
        <v>0</v>
      </c>
      <c r="BT9" s="227">
        <v>0</v>
      </c>
      <c r="BU9" s="203">
        <v>0</v>
      </c>
      <c r="BV9" s="205">
        <v>0</v>
      </c>
      <c r="BW9" s="205">
        <v>0</v>
      </c>
      <c r="BX9" s="206">
        <v>0</v>
      </c>
      <c r="BY9" s="204">
        <v>0</v>
      </c>
      <c r="BZ9" s="204">
        <v>0</v>
      </c>
      <c r="CA9" s="204">
        <v>0</v>
      </c>
      <c r="CB9" s="205">
        <v>0</v>
      </c>
      <c r="CC9" s="226">
        <v>0</v>
      </c>
      <c r="CD9" s="228">
        <v>0</v>
      </c>
      <c r="CE9" s="208">
        <v>0</v>
      </c>
      <c r="CF9" s="205">
        <v>0</v>
      </c>
      <c r="CG9" s="205">
        <v>0</v>
      </c>
      <c r="CH9" s="206">
        <v>0</v>
      </c>
      <c r="CI9" s="204">
        <v>0</v>
      </c>
      <c r="CJ9" s="204">
        <v>0</v>
      </c>
      <c r="CK9" s="204">
        <v>0</v>
      </c>
      <c r="CL9" s="205">
        <v>0</v>
      </c>
      <c r="CM9" s="226">
        <v>0</v>
      </c>
      <c r="CN9" s="228">
        <v>0</v>
      </c>
      <c r="CO9" s="208">
        <v>0</v>
      </c>
      <c r="CP9" s="205">
        <v>0</v>
      </c>
      <c r="CQ9" s="205">
        <v>0</v>
      </c>
      <c r="CR9" s="206">
        <v>0</v>
      </c>
      <c r="CS9" s="204">
        <v>1</v>
      </c>
      <c r="CT9" s="204">
        <v>2</v>
      </c>
      <c r="CU9" s="204">
        <v>40</v>
      </c>
      <c r="CV9" s="205">
        <v>58</v>
      </c>
      <c r="CW9" s="226">
        <v>101</v>
      </c>
      <c r="CX9" s="227">
        <v>101</v>
      </c>
      <c r="CY9" s="203">
        <v>0</v>
      </c>
      <c r="CZ9" s="205">
        <v>0</v>
      </c>
      <c r="DA9" s="205">
        <v>0</v>
      </c>
      <c r="DB9" s="206">
        <v>0</v>
      </c>
      <c r="DC9" s="204">
        <v>1</v>
      </c>
      <c r="DD9" s="204">
        <v>2</v>
      </c>
      <c r="DE9" s="204">
        <v>39</v>
      </c>
      <c r="DF9" s="205">
        <v>56</v>
      </c>
      <c r="DG9" s="226">
        <v>98</v>
      </c>
      <c r="DH9" s="228">
        <v>98</v>
      </c>
      <c r="DI9" s="208">
        <v>0</v>
      </c>
      <c r="DJ9" s="205">
        <v>0</v>
      </c>
      <c r="DK9" s="205">
        <v>0</v>
      </c>
      <c r="DL9" s="206">
        <v>0</v>
      </c>
      <c r="DM9" s="204">
        <v>0</v>
      </c>
      <c r="DN9" s="204">
        <v>0</v>
      </c>
      <c r="DO9" s="204">
        <v>1</v>
      </c>
      <c r="DP9" s="205">
        <v>2</v>
      </c>
      <c r="DQ9" s="226">
        <v>3</v>
      </c>
      <c r="DR9" s="228">
        <v>3</v>
      </c>
      <c r="DS9" s="208">
        <v>0</v>
      </c>
      <c r="DT9" s="205">
        <v>0</v>
      </c>
      <c r="DU9" s="205">
        <v>0</v>
      </c>
      <c r="DV9" s="206">
        <v>359</v>
      </c>
      <c r="DW9" s="204">
        <v>523</v>
      </c>
      <c r="DX9" s="204">
        <v>1865</v>
      </c>
      <c r="DY9" s="204">
        <v>2518</v>
      </c>
      <c r="DZ9" s="205">
        <v>1706</v>
      </c>
      <c r="EA9" s="226">
        <v>6971</v>
      </c>
      <c r="EB9" s="228">
        <v>6971</v>
      </c>
      <c r="EC9" s="225"/>
    </row>
    <row r="10" spans="2:133" ht="21" customHeight="1" x14ac:dyDescent="0.2">
      <c r="B10" s="92" t="s">
        <v>14</v>
      </c>
      <c r="C10" s="203">
        <v>0</v>
      </c>
      <c r="D10" s="205">
        <v>0</v>
      </c>
      <c r="E10" s="205">
        <v>0</v>
      </c>
      <c r="F10" s="206">
        <v>8</v>
      </c>
      <c r="G10" s="204">
        <v>38</v>
      </c>
      <c r="H10" s="204">
        <v>864</v>
      </c>
      <c r="I10" s="204">
        <v>1257</v>
      </c>
      <c r="J10" s="205">
        <v>750</v>
      </c>
      <c r="K10" s="226">
        <v>2917</v>
      </c>
      <c r="L10" s="227">
        <v>2917</v>
      </c>
      <c r="M10" s="203">
        <v>0</v>
      </c>
      <c r="N10" s="205">
        <v>0</v>
      </c>
      <c r="O10" s="226">
        <v>0</v>
      </c>
      <c r="P10" s="206">
        <v>8</v>
      </c>
      <c r="Q10" s="204">
        <v>38</v>
      </c>
      <c r="R10" s="204">
        <v>858</v>
      </c>
      <c r="S10" s="204">
        <v>1246</v>
      </c>
      <c r="T10" s="205">
        <v>742</v>
      </c>
      <c r="U10" s="226">
        <v>2892</v>
      </c>
      <c r="V10" s="228">
        <v>2892</v>
      </c>
      <c r="W10" s="208">
        <v>0</v>
      </c>
      <c r="X10" s="205">
        <v>0</v>
      </c>
      <c r="Y10" s="226">
        <v>0</v>
      </c>
      <c r="Z10" s="208">
        <v>0</v>
      </c>
      <c r="AA10" s="204">
        <v>0</v>
      </c>
      <c r="AB10" s="204">
        <v>6</v>
      </c>
      <c r="AC10" s="204">
        <v>11</v>
      </c>
      <c r="AD10" s="205">
        <v>8</v>
      </c>
      <c r="AE10" s="226">
        <v>25</v>
      </c>
      <c r="AF10" s="207">
        <v>25</v>
      </c>
      <c r="AG10" s="208">
        <v>0</v>
      </c>
      <c r="AH10" s="205">
        <v>0</v>
      </c>
      <c r="AI10" s="226">
        <v>0</v>
      </c>
      <c r="AJ10" s="208">
        <v>70</v>
      </c>
      <c r="AK10" s="204">
        <v>200</v>
      </c>
      <c r="AL10" s="204">
        <v>308</v>
      </c>
      <c r="AM10" s="204">
        <v>402</v>
      </c>
      <c r="AN10" s="205">
        <v>162</v>
      </c>
      <c r="AO10" s="226">
        <v>1142</v>
      </c>
      <c r="AP10" s="207">
        <v>1142</v>
      </c>
      <c r="AQ10" s="208">
        <v>0</v>
      </c>
      <c r="AR10" s="205">
        <v>0</v>
      </c>
      <c r="AS10" s="226">
        <v>0</v>
      </c>
      <c r="AT10" s="206">
        <v>70</v>
      </c>
      <c r="AU10" s="204">
        <v>193</v>
      </c>
      <c r="AV10" s="204">
        <v>301</v>
      </c>
      <c r="AW10" s="204">
        <v>394</v>
      </c>
      <c r="AX10" s="205">
        <v>158</v>
      </c>
      <c r="AY10" s="226">
        <v>1116</v>
      </c>
      <c r="AZ10" s="227">
        <v>1116</v>
      </c>
      <c r="BA10" s="203">
        <v>0</v>
      </c>
      <c r="BB10" s="205">
        <v>0</v>
      </c>
      <c r="BC10" s="205">
        <v>0</v>
      </c>
      <c r="BD10" s="206">
        <v>0</v>
      </c>
      <c r="BE10" s="204">
        <v>7</v>
      </c>
      <c r="BF10" s="204">
        <v>7</v>
      </c>
      <c r="BG10" s="204">
        <v>8</v>
      </c>
      <c r="BH10" s="205">
        <v>4</v>
      </c>
      <c r="BI10" s="226">
        <v>26</v>
      </c>
      <c r="BJ10" s="228">
        <v>26</v>
      </c>
      <c r="BK10" s="208">
        <v>0</v>
      </c>
      <c r="BL10" s="205">
        <v>0</v>
      </c>
      <c r="BM10" s="205">
        <v>0</v>
      </c>
      <c r="BN10" s="206">
        <v>0</v>
      </c>
      <c r="BO10" s="204">
        <v>0</v>
      </c>
      <c r="BP10" s="204">
        <v>0</v>
      </c>
      <c r="BQ10" s="204">
        <v>0</v>
      </c>
      <c r="BR10" s="205">
        <v>0</v>
      </c>
      <c r="BS10" s="226">
        <v>0</v>
      </c>
      <c r="BT10" s="227">
        <v>0</v>
      </c>
      <c r="BU10" s="203">
        <v>0</v>
      </c>
      <c r="BV10" s="205">
        <v>0</v>
      </c>
      <c r="BW10" s="205">
        <v>0</v>
      </c>
      <c r="BX10" s="206">
        <v>0</v>
      </c>
      <c r="BY10" s="204">
        <v>0</v>
      </c>
      <c r="BZ10" s="204">
        <v>0</v>
      </c>
      <c r="CA10" s="204">
        <v>0</v>
      </c>
      <c r="CB10" s="205">
        <v>0</v>
      </c>
      <c r="CC10" s="226">
        <v>0</v>
      </c>
      <c r="CD10" s="228">
        <v>0</v>
      </c>
      <c r="CE10" s="208">
        <v>0</v>
      </c>
      <c r="CF10" s="205">
        <v>0</v>
      </c>
      <c r="CG10" s="205">
        <v>0</v>
      </c>
      <c r="CH10" s="206">
        <v>0</v>
      </c>
      <c r="CI10" s="204">
        <v>0</v>
      </c>
      <c r="CJ10" s="204">
        <v>0</v>
      </c>
      <c r="CK10" s="204">
        <v>0</v>
      </c>
      <c r="CL10" s="205">
        <v>0</v>
      </c>
      <c r="CM10" s="226">
        <v>0</v>
      </c>
      <c r="CN10" s="228">
        <v>0</v>
      </c>
      <c r="CO10" s="208">
        <v>0</v>
      </c>
      <c r="CP10" s="205">
        <v>0</v>
      </c>
      <c r="CQ10" s="205">
        <v>0</v>
      </c>
      <c r="CR10" s="206">
        <v>1</v>
      </c>
      <c r="CS10" s="204">
        <v>0</v>
      </c>
      <c r="CT10" s="204">
        <v>10</v>
      </c>
      <c r="CU10" s="204">
        <v>108</v>
      </c>
      <c r="CV10" s="205">
        <v>97</v>
      </c>
      <c r="CW10" s="226">
        <v>216</v>
      </c>
      <c r="CX10" s="227">
        <v>216</v>
      </c>
      <c r="CY10" s="203">
        <v>0</v>
      </c>
      <c r="CZ10" s="205">
        <v>0</v>
      </c>
      <c r="DA10" s="205">
        <v>0</v>
      </c>
      <c r="DB10" s="206">
        <v>1</v>
      </c>
      <c r="DC10" s="204">
        <v>0</v>
      </c>
      <c r="DD10" s="204">
        <v>9</v>
      </c>
      <c r="DE10" s="204">
        <v>108</v>
      </c>
      <c r="DF10" s="205">
        <v>92</v>
      </c>
      <c r="DG10" s="226">
        <v>210</v>
      </c>
      <c r="DH10" s="228">
        <v>210</v>
      </c>
      <c r="DI10" s="208">
        <v>0</v>
      </c>
      <c r="DJ10" s="205">
        <v>0</v>
      </c>
      <c r="DK10" s="205">
        <v>0</v>
      </c>
      <c r="DL10" s="206">
        <v>0</v>
      </c>
      <c r="DM10" s="204">
        <v>0</v>
      </c>
      <c r="DN10" s="204">
        <v>1</v>
      </c>
      <c r="DO10" s="204">
        <v>0</v>
      </c>
      <c r="DP10" s="205">
        <v>5</v>
      </c>
      <c r="DQ10" s="226">
        <v>6</v>
      </c>
      <c r="DR10" s="228">
        <v>6</v>
      </c>
      <c r="DS10" s="208">
        <v>0</v>
      </c>
      <c r="DT10" s="205">
        <v>0</v>
      </c>
      <c r="DU10" s="205">
        <v>0</v>
      </c>
      <c r="DV10" s="206">
        <v>79</v>
      </c>
      <c r="DW10" s="204">
        <v>238</v>
      </c>
      <c r="DX10" s="204">
        <v>1179</v>
      </c>
      <c r="DY10" s="204">
        <v>1760</v>
      </c>
      <c r="DZ10" s="205">
        <v>1007</v>
      </c>
      <c r="EA10" s="226">
        <v>4263</v>
      </c>
      <c r="EB10" s="228">
        <v>4263</v>
      </c>
      <c r="EC10" s="225"/>
    </row>
    <row r="11" spans="2:133" ht="21" customHeight="1" x14ac:dyDescent="0.2">
      <c r="B11" s="92" t="s">
        <v>7</v>
      </c>
      <c r="C11" s="203">
        <v>0</v>
      </c>
      <c r="D11" s="205">
        <v>0</v>
      </c>
      <c r="E11" s="205">
        <v>0</v>
      </c>
      <c r="F11" s="206">
        <v>25</v>
      </c>
      <c r="G11" s="204">
        <v>44</v>
      </c>
      <c r="H11" s="204">
        <v>635</v>
      </c>
      <c r="I11" s="204">
        <v>938</v>
      </c>
      <c r="J11" s="205">
        <v>557</v>
      </c>
      <c r="K11" s="226">
        <v>2199</v>
      </c>
      <c r="L11" s="227">
        <v>2199</v>
      </c>
      <c r="M11" s="203">
        <v>0</v>
      </c>
      <c r="N11" s="205">
        <v>0</v>
      </c>
      <c r="O11" s="226">
        <v>0</v>
      </c>
      <c r="P11" s="206">
        <v>24</v>
      </c>
      <c r="Q11" s="204">
        <v>42</v>
      </c>
      <c r="R11" s="204">
        <v>631</v>
      </c>
      <c r="S11" s="204">
        <v>924</v>
      </c>
      <c r="T11" s="205">
        <v>553</v>
      </c>
      <c r="U11" s="226">
        <v>2174</v>
      </c>
      <c r="V11" s="228">
        <v>2174</v>
      </c>
      <c r="W11" s="208">
        <v>0</v>
      </c>
      <c r="X11" s="205">
        <v>0</v>
      </c>
      <c r="Y11" s="226">
        <v>0</v>
      </c>
      <c r="Z11" s="208">
        <v>1</v>
      </c>
      <c r="AA11" s="204">
        <v>2</v>
      </c>
      <c r="AB11" s="204">
        <v>4</v>
      </c>
      <c r="AC11" s="204">
        <v>14</v>
      </c>
      <c r="AD11" s="205">
        <v>4</v>
      </c>
      <c r="AE11" s="226">
        <v>25</v>
      </c>
      <c r="AF11" s="207">
        <v>25</v>
      </c>
      <c r="AG11" s="208">
        <v>0</v>
      </c>
      <c r="AH11" s="205">
        <v>0</v>
      </c>
      <c r="AI11" s="226">
        <v>0</v>
      </c>
      <c r="AJ11" s="208">
        <v>178</v>
      </c>
      <c r="AK11" s="204">
        <v>189</v>
      </c>
      <c r="AL11" s="204">
        <v>274</v>
      </c>
      <c r="AM11" s="204">
        <v>298</v>
      </c>
      <c r="AN11" s="205">
        <v>109</v>
      </c>
      <c r="AO11" s="226">
        <v>1048</v>
      </c>
      <c r="AP11" s="207">
        <v>1048</v>
      </c>
      <c r="AQ11" s="208">
        <v>0</v>
      </c>
      <c r="AR11" s="205">
        <v>0</v>
      </c>
      <c r="AS11" s="226">
        <v>0</v>
      </c>
      <c r="AT11" s="206">
        <v>176</v>
      </c>
      <c r="AU11" s="204">
        <v>186</v>
      </c>
      <c r="AV11" s="204">
        <v>268</v>
      </c>
      <c r="AW11" s="204">
        <v>288</v>
      </c>
      <c r="AX11" s="205">
        <v>109</v>
      </c>
      <c r="AY11" s="226">
        <v>1027</v>
      </c>
      <c r="AZ11" s="227">
        <v>1027</v>
      </c>
      <c r="BA11" s="203">
        <v>0</v>
      </c>
      <c r="BB11" s="205">
        <v>0</v>
      </c>
      <c r="BC11" s="205">
        <v>0</v>
      </c>
      <c r="BD11" s="206">
        <v>2</v>
      </c>
      <c r="BE11" s="204">
        <v>3</v>
      </c>
      <c r="BF11" s="204">
        <v>6</v>
      </c>
      <c r="BG11" s="204">
        <v>10</v>
      </c>
      <c r="BH11" s="205">
        <v>0</v>
      </c>
      <c r="BI11" s="226">
        <v>21</v>
      </c>
      <c r="BJ11" s="228">
        <v>21</v>
      </c>
      <c r="BK11" s="208">
        <v>0</v>
      </c>
      <c r="BL11" s="205">
        <v>0</v>
      </c>
      <c r="BM11" s="205">
        <v>0</v>
      </c>
      <c r="BN11" s="206">
        <v>0</v>
      </c>
      <c r="BO11" s="204">
        <v>0</v>
      </c>
      <c r="BP11" s="204">
        <v>0</v>
      </c>
      <c r="BQ11" s="204">
        <v>0</v>
      </c>
      <c r="BR11" s="205">
        <v>0</v>
      </c>
      <c r="BS11" s="226">
        <v>0</v>
      </c>
      <c r="BT11" s="227">
        <v>0</v>
      </c>
      <c r="BU11" s="203">
        <v>0</v>
      </c>
      <c r="BV11" s="205">
        <v>0</v>
      </c>
      <c r="BW11" s="205">
        <v>0</v>
      </c>
      <c r="BX11" s="206">
        <v>0</v>
      </c>
      <c r="BY11" s="204">
        <v>0</v>
      </c>
      <c r="BZ11" s="204">
        <v>0</v>
      </c>
      <c r="CA11" s="204">
        <v>0</v>
      </c>
      <c r="CB11" s="205">
        <v>0</v>
      </c>
      <c r="CC11" s="226">
        <v>0</v>
      </c>
      <c r="CD11" s="228">
        <v>0</v>
      </c>
      <c r="CE11" s="208">
        <v>0</v>
      </c>
      <c r="CF11" s="205">
        <v>0</v>
      </c>
      <c r="CG11" s="205">
        <v>0</v>
      </c>
      <c r="CH11" s="206">
        <v>0</v>
      </c>
      <c r="CI11" s="204">
        <v>0</v>
      </c>
      <c r="CJ11" s="204">
        <v>0</v>
      </c>
      <c r="CK11" s="204">
        <v>0</v>
      </c>
      <c r="CL11" s="205">
        <v>0</v>
      </c>
      <c r="CM11" s="226">
        <v>0</v>
      </c>
      <c r="CN11" s="228">
        <v>0</v>
      </c>
      <c r="CO11" s="208">
        <v>0</v>
      </c>
      <c r="CP11" s="205">
        <v>0</v>
      </c>
      <c r="CQ11" s="205">
        <v>0</v>
      </c>
      <c r="CR11" s="206">
        <v>0</v>
      </c>
      <c r="CS11" s="204">
        <v>0</v>
      </c>
      <c r="CT11" s="204">
        <v>3</v>
      </c>
      <c r="CU11" s="204">
        <v>4</v>
      </c>
      <c r="CV11" s="205">
        <v>3</v>
      </c>
      <c r="CW11" s="226">
        <v>10</v>
      </c>
      <c r="CX11" s="227">
        <v>10</v>
      </c>
      <c r="CY11" s="203">
        <v>0</v>
      </c>
      <c r="CZ11" s="205">
        <v>0</v>
      </c>
      <c r="DA11" s="205">
        <v>0</v>
      </c>
      <c r="DB11" s="206">
        <v>0</v>
      </c>
      <c r="DC11" s="204">
        <v>0</v>
      </c>
      <c r="DD11" s="204">
        <v>3</v>
      </c>
      <c r="DE11" s="204">
        <v>4</v>
      </c>
      <c r="DF11" s="205">
        <v>3</v>
      </c>
      <c r="DG11" s="226">
        <v>10</v>
      </c>
      <c r="DH11" s="228">
        <v>10</v>
      </c>
      <c r="DI11" s="208">
        <v>0</v>
      </c>
      <c r="DJ11" s="205">
        <v>0</v>
      </c>
      <c r="DK11" s="205">
        <v>0</v>
      </c>
      <c r="DL11" s="206">
        <v>0</v>
      </c>
      <c r="DM11" s="204">
        <v>0</v>
      </c>
      <c r="DN11" s="204">
        <v>0</v>
      </c>
      <c r="DO11" s="204">
        <v>0</v>
      </c>
      <c r="DP11" s="205">
        <v>0</v>
      </c>
      <c r="DQ11" s="226">
        <v>0</v>
      </c>
      <c r="DR11" s="228">
        <v>0</v>
      </c>
      <c r="DS11" s="208">
        <v>0</v>
      </c>
      <c r="DT11" s="205">
        <v>0</v>
      </c>
      <c r="DU11" s="205">
        <v>0</v>
      </c>
      <c r="DV11" s="206">
        <v>203</v>
      </c>
      <c r="DW11" s="204">
        <v>233</v>
      </c>
      <c r="DX11" s="204">
        <v>910</v>
      </c>
      <c r="DY11" s="204">
        <v>1232</v>
      </c>
      <c r="DZ11" s="205">
        <v>667</v>
      </c>
      <c r="EA11" s="226">
        <v>3245</v>
      </c>
      <c r="EB11" s="228">
        <v>3245</v>
      </c>
      <c r="EC11" s="225"/>
    </row>
    <row r="12" spans="2:133" ht="21" customHeight="1" x14ac:dyDescent="0.2">
      <c r="B12" s="92" t="s">
        <v>8</v>
      </c>
      <c r="C12" s="203">
        <v>0</v>
      </c>
      <c r="D12" s="205">
        <v>0</v>
      </c>
      <c r="E12" s="205">
        <v>0</v>
      </c>
      <c r="F12" s="206">
        <v>10</v>
      </c>
      <c r="G12" s="204">
        <v>54</v>
      </c>
      <c r="H12" s="204">
        <v>390</v>
      </c>
      <c r="I12" s="204">
        <v>438</v>
      </c>
      <c r="J12" s="205">
        <v>256</v>
      </c>
      <c r="K12" s="226">
        <v>1148</v>
      </c>
      <c r="L12" s="227">
        <v>1148</v>
      </c>
      <c r="M12" s="203">
        <v>0</v>
      </c>
      <c r="N12" s="205">
        <v>0</v>
      </c>
      <c r="O12" s="226">
        <v>0</v>
      </c>
      <c r="P12" s="206">
        <v>10</v>
      </c>
      <c r="Q12" s="204">
        <v>53</v>
      </c>
      <c r="R12" s="204">
        <v>389</v>
      </c>
      <c r="S12" s="204">
        <v>434</v>
      </c>
      <c r="T12" s="205">
        <v>254</v>
      </c>
      <c r="U12" s="226">
        <v>1140</v>
      </c>
      <c r="V12" s="228">
        <v>1140</v>
      </c>
      <c r="W12" s="208">
        <v>0</v>
      </c>
      <c r="X12" s="205">
        <v>0</v>
      </c>
      <c r="Y12" s="226">
        <v>0</v>
      </c>
      <c r="Z12" s="208">
        <v>0</v>
      </c>
      <c r="AA12" s="204">
        <v>1</v>
      </c>
      <c r="AB12" s="204">
        <v>1</v>
      </c>
      <c r="AC12" s="204">
        <v>4</v>
      </c>
      <c r="AD12" s="205">
        <v>2</v>
      </c>
      <c r="AE12" s="226">
        <v>8</v>
      </c>
      <c r="AF12" s="207">
        <v>8</v>
      </c>
      <c r="AG12" s="208">
        <v>0</v>
      </c>
      <c r="AH12" s="205">
        <v>0</v>
      </c>
      <c r="AI12" s="226">
        <v>0</v>
      </c>
      <c r="AJ12" s="208">
        <v>42</v>
      </c>
      <c r="AK12" s="204">
        <v>81</v>
      </c>
      <c r="AL12" s="204">
        <v>130</v>
      </c>
      <c r="AM12" s="204">
        <v>158</v>
      </c>
      <c r="AN12" s="205">
        <v>85</v>
      </c>
      <c r="AO12" s="226">
        <v>496</v>
      </c>
      <c r="AP12" s="207">
        <v>496</v>
      </c>
      <c r="AQ12" s="208">
        <v>0</v>
      </c>
      <c r="AR12" s="205">
        <v>0</v>
      </c>
      <c r="AS12" s="226">
        <v>0</v>
      </c>
      <c r="AT12" s="206">
        <v>41</v>
      </c>
      <c r="AU12" s="204">
        <v>81</v>
      </c>
      <c r="AV12" s="204">
        <v>129</v>
      </c>
      <c r="AW12" s="204">
        <v>157</v>
      </c>
      <c r="AX12" s="205">
        <v>83</v>
      </c>
      <c r="AY12" s="226">
        <v>491</v>
      </c>
      <c r="AZ12" s="227">
        <v>491</v>
      </c>
      <c r="BA12" s="203">
        <v>0</v>
      </c>
      <c r="BB12" s="205">
        <v>0</v>
      </c>
      <c r="BC12" s="205">
        <v>0</v>
      </c>
      <c r="BD12" s="206">
        <v>1</v>
      </c>
      <c r="BE12" s="204">
        <v>0</v>
      </c>
      <c r="BF12" s="204">
        <v>1</v>
      </c>
      <c r="BG12" s="204">
        <v>1</v>
      </c>
      <c r="BH12" s="205">
        <v>2</v>
      </c>
      <c r="BI12" s="226">
        <v>5</v>
      </c>
      <c r="BJ12" s="228">
        <v>5</v>
      </c>
      <c r="BK12" s="208">
        <v>0</v>
      </c>
      <c r="BL12" s="205">
        <v>0</v>
      </c>
      <c r="BM12" s="205">
        <v>0</v>
      </c>
      <c r="BN12" s="206">
        <v>0</v>
      </c>
      <c r="BO12" s="204">
        <v>0</v>
      </c>
      <c r="BP12" s="204">
        <v>0</v>
      </c>
      <c r="BQ12" s="204">
        <v>0</v>
      </c>
      <c r="BR12" s="205">
        <v>0</v>
      </c>
      <c r="BS12" s="226">
        <v>0</v>
      </c>
      <c r="BT12" s="227">
        <v>0</v>
      </c>
      <c r="BU12" s="203">
        <v>0</v>
      </c>
      <c r="BV12" s="205">
        <v>0</v>
      </c>
      <c r="BW12" s="205">
        <v>0</v>
      </c>
      <c r="BX12" s="206">
        <v>0</v>
      </c>
      <c r="BY12" s="204">
        <v>0</v>
      </c>
      <c r="BZ12" s="204">
        <v>0</v>
      </c>
      <c r="CA12" s="204">
        <v>0</v>
      </c>
      <c r="CB12" s="205">
        <v>0</v>
      </c>
      <c r="CC12" s="226">
        <v>0</v>
      </c>
      <c r="CD12" s="228">
        <v>0</v>
      </c>
      <c r="CE12" s="208">
        <v>0</v>
      </c>
      <c r="CF12" s="205">
        <v>0</v>
      </c>
      <c r="CG12" s="205">
        <v>0</v>
      </c>
      <c r="CH12" s="206">
        <v>0</v>
      </c>
      <c r="CI12" s="204">
        <v>0</v>
      </c>
      <c r="CJ12" s="204">
        <v>0</v>
      </c>
      <c r="CK12" s="204">
        <v>0</v>
      </c>
      <c r="CL12" s="205">
        <v>0</v>
      </c>
      <c r="CM12" s="226">
        <v>0</v>
      </c>
      <c r="CN12" s="228">
        <v>0</v>
      </c>
      <c r="CO12" s="208">
        <v>0</v>
      </c>
      <c r="CP12" s="205">
        <v>0</v>
      </c>
      <c r="CQ12" s="205">
        <v>0</v>
      </c>
      <c r="CR12" s="206">
        <v>0</v>
      </c>
      <c r="CS12" s="204">
        <v>0</v>
      </c>
      <c r="CT12" s="204">
        <v>1</v>
      </c>
      <c r="CU12" s="204">
        <v>8</v>
      </c>
      <c r="CV12" s="205">
        <v>8</v>
      </c>
      <c r="CW12" s="226">
        <v>17</v>
      </c>
      <c r="CX12" s="227">
        <v>17</v>
      </c>
      <c r="CY12" s="203">
        <v>0</v>
      </c>
      <c r="CZ12" s="205">
        <v>0</v>
      </c>
      <c r="DA12" s="205">
        <v>0</v>
      </c>
      <c r="DB12" s="206">
        <v>0</v>
      </c>
      <c r="DC12" s="204">
        <v>0</v>
      </c>
      <c r="DD12" s="204">
        <v>1</v>
      </c>
      <c r="DE12" s="204">
        <v>8</v>
      </c>
      <c r="DF12" s="205">
        <v>7</v>
      </c>
      <c r="DG12" s="226">
        <v>16</v>
      </c>
      <c r="DH12" s="228">
        <v>16</v>
      </c>
      <c r="DI12" s="208">
        <v>0</v>
      </c>
      <c r="DJ12" s="205">
        <v>0</v>
      </c>
      <c r="DK12" s="205">
        <v>0</v>
      </c>
      <c r="DL12" s="206">
        <v>0</v>
      </c>
      <c r="DM12" s="204">
        <v>0</v>
      </c>
      <c r="DN12" s="204">
        <v>0</v>
      </c>
      <c r="DO12" s="204">
        <v>0</v>
      </c>
      <c r="DP12" s="205">
        <v>1</v>
      </c>
      <c r="DQ12" s="226">
        <v>1</v>
      </c>
      <c r="DR12" s="228">
        <v>1</v>
      </c>
      <c r="DS12" s="208">
        <v>0</v>
      </c>
      <c r="DT12" s="205">
        <v>0</v>
      </c>
      <c r="DU12" s="205">
        <v>0</v>
      </c>
      <c r="DV12" s="206">
        <v>52</v>
      </c>
      <c r="DW12" s="204">
        <v>135</v>
      </c>
      <c r="DX12" s="204">
        <v>521</v>
      </c>
      <c r="DY12" s="204">
        <v>604</v>
      </c>
      <c r="DZ12" s="205">
        <v>349</v>
      </c>
      <c r="EA12" s="226">
        <v>1661</v>
      </c>
      <c r="EB12" s="228">
        <v>1661</v>
      </c>
      <c r="EC12" s="225"/>
    </row>
    <row r="13" spans="2:133" ht="21" customHeight="1" x14ac:dyDescent="0.2">
      <c r="B13" s="92" t="s">
        <v>9</v>
      </c>
      <c r="C13" s="203">
        <v>0</v>
      </c>
      <c r="D13" s="205">
        <v>0</v>
      </c>
      <c r="E13" s="205">
        <v>0</v>
      </c>
      <c r="F13" s="206">
        <v>1</v>
      </c>
      <c r="G13" s="204">
        <v>7</v>
      </c>
      <c r="H13" s="204">
        <v>221</v>
      </c>
      <c r="I13" s="204">
        <v>349</v>
      </c>
      <c r="J13" s="205">
        <v>270</v>
      </c>
      <c r="K13" s="226">
        <v>848</v>
      </c>
      <c r="L13" s="227">
        <v>848</v>
      </c>
      <c r="M13" s="203">
        <v>0</v>
      </c>
      <c r="N13" s="205">
        <v>0</v>
      </c>
      <c r="O13" s="226">
        <v>0</v>
      </c>
      <c r="P13" s="206">
        <v>1</v>
      </c>
      <c r="Q13" s="204">
        <v>7</v>
      </c>
      <c r="R13" s="204">
        <v>221</v>
      </c>
      <c r="S13" s="204">
        <v>345</v>
      </c>
      <c r="T13" s="205">
        <v>269</v>
      </c>
      <c r="U13" s="226">
        <v>843</v>
      </c>
      <c r="V13" s="228">
        <v>843</v>
      </c>
      <c r="W13" s="208">
        <v>0</v>
      </c>
      <c r="X13" s="205">
        <v>0</v>
      </c>
      <c r="Y13" s="226">
        <v>0</v>
      </c>
      <c r="Z13" s="208">
        <v>0</v>
      </c>
      <c r="AA13" s="204">
        <v>0</v>
      </c>
      <c r="AB13" s="204">
        <v>0</v>
      </c>
      <c r="AC13" s="204">
        <v>4</v>
      </c>
      <c r="AD13" s="205">
        <v>1</v>
      </c>
      <c r="AE13" s="226">
        <v>5</v>
      </c>
      <c r="AF13" s="207">
        <v>5</v>
      </c>
      <c r="AG13" s="208">
        <v>0</v>
      </c>
      <c r="AH13" s="205">
        <v>0</v>
      </c>
      <c r="AI13" s="226">
        <v>0</v>
      </c>
      <c r="AJ13" s="208">
        <v>36</v>
      </c>
      <c r="AK13" s="204">
        <v>58</v>
      </c>
      <c r="AL13" s="204">
        <v>116</v>
      </c>
      <c r="AM13" s="204">
        <v>120</v>
      </c>
      <c r="AN13" s="205">
        <v>74</v>
      </c>
      <c r="AO13" s="226">
        <v>404</v>
      </c>
      <c r="AP13" s="207">
        <v>404</v>
      </c>
      <c r="AQ13" s="208">
        <v>0</v>
      </c>
      <c r="AR13" s="205">
        <v>0</v>
      </c>
      <c r="AS13" s="226">
        <v>0</v>
      </c>
      <c r="AT13" s="206">
        <v>36</v>
      </c>
      <c r="AU13" s="204">
        <v>58</v>
      </c>
      <c r="AV13" s="204">
        <v>113</v>
      </c>
      <c r="AW13" s="204">
        <v>119</v>
      </c>
      <c r="AX13" s="205">
        <v>73</v>
      </c>
      <c r="AY13" s="226">
        <v>399</v>
      </c>
      <c r="AZ13" s="227">
        <v>399</v>
      </c>
      <c r="BA13" s="203">
        <v>0</v>
      </c>
      <c r="BB13" s="205">
        <v>0</v>
      </c>
      <c r="BC13" s="205">
        <v>0</v>
      </c>
      <c r="BD13" s="206">
        <v>0</v>
      </c>
      <c r="BE13" s="204">
        <v>0</v>
      </c>
      <c r="BF13" s="204">
        <v>3</v>
      </c>
      <c r="BG13" s="204">
        <v>1</v>
      </c>
      <c r="BH13" s="205">
        <v>1</v>
      </c>
      <c r="BI13" s="226">
        <v>5</v>
      </c>
      <c r="BJ13" s="228">
        <v>5</v>
      </c>
      <c r="BK13" s="208">
        <v>0</v>
      </c>
      <c r="BL13" s="205">
        <v>0</v>
      </c>
      <c r="BM13" s="205">
        <v>0</v>
      </c>
      <c r="BN13" s="206">
        <v>0</v>
      </c>
      <c r="BO13" s="204">
        <v>0</v>
      </c>
      <c r="BP13" s="204">
        <v>0</v>
      </c>
      <c r="BQ13" s="204">
        <v>0</v>
      </c>
      <c r="BR13" s="205">
        <v>0</v>
      </c>
      <c r="BS13" s="226">
        <v>0</v>
      </c>
      <c r="BT13" s="227">
        <v>0</v>
      </c>
      <c r="BU13" s="203">
        <v>0</v>
      </c>
      <c r="BV13" s="205">
        <v>0</v>
      </c>
      <c r="BW13" s="205">
        <v>0</v>
      </c>
      <c r="BX13" s="206">
        <v>0</v>
      </c>
      <c r="BY13" s="204">
        <v>0</v>
      </c>
      <c r="BZ13" s="204">
        <v>0</v>
      </c>
      <c r="CA13" s="204">
        <v>0</v>
      </c>
      <c r="CB13" s="205">
        <v>0</v>
      </c>
      <c r="CC13" s="226">
        <v>0</v>
      </c>
      <c r="CD13" s="228">
        <v>0</v>
      </c>
      <c r="CE13" s="208">
        <v>0</v>
      </c>
      <c r="CF13" s="205">
        <v>0</v>
      </c>
      <c r="CG13" s="205">
        <v>0</v>
      </c>
      <c r="CH13" s="206">
        <v>0</v>
      </c>
      <c r="CI13" s="204">
        <v>0</v>
      </c>
      <c r="CJ13" s="204">
        <v>0</v>
      </c>
      <c r="CK13" s="204">
        <v>0</v>
      </c>
      <c r="CL13" s="205">
        <v>0</v>
      </c>
      <c r="CM13" s="226">
        <v>0</v>
      </c>
      <c r="CN13" s="228">
        <v>0</v>
      </c>
      <c r="CO13" s="208">
        <v>0</v>
      </c>
      <c r="CP13" s="205">
        <v>0</v>
      </c>
      <c r="CQ13" s="205">
        <v>0</v>
      </c>
      <c r="CR13" s="206">
        <v>0</v>
      </c>
      <c r="CS13" s="204">
        <v>0</v>
      </c>
      <c r="CT13" s="204">
        <v>1</v>
      </c>
      <c r="CU13" s="204">
        <v>3</v>
      </c>
      <c r="CV13" s="205">
        <v>8</v>
      </c>
      <c r="CW13" s="226">
        <v>12</v>
      </c>
      <c r="CX13" s="227">
        <v>12</v>
      </c>
      <c r="CY13" s="203">
        <v>0</v>
      </c>
      <c r="CZ13" s="205">
        <v>0</v>
      </c>
      <c r="DA13" s="205">
        <v>0</v>
      </c>
      <c r="DB13" s="206">
        <v>0</v>
      </c>
      <c r="DC13" s="204">
        <v>0</v>
      </c>
      <c r="DD13" s="204">
        <v>1</v>
      </c>
      <c r="DE13" s="204">
        <v>3</v>
      </c>
      <c r="DF13" s="205">
        <v>8</v>
      </c>
      <c r="DG13" s="226">
        <v>12</v>
      </c>
      <c r="DH13" s="228">
        <v>12</v>
      </c>
      <c r="DI13" s="208">
        <v>0</v>
      </c>
      <c r="DJ13" s="205">
        <v>0</v>
      </c>
      <c r="DK13" s="205">
        <v>0</v>
      </c>
      <c r="DL13" s="206">
        <v>0</v>
      </c>
      <c r="DM13" s="204">
        <v>0</v>
      </c>
      <c r="DN13" s="204">
        <v>0</v>
      </c>
      <c r="DO13" s="204">
        <v>0</v>
      </c>
      <c r="DP13" s="205">
        <v>0</v>
      </c>
      <c r="DQ13" s="226">
        <v>0</v>
      </c>
      <c r="DR13" s="228">
        <v>0</v>
      </c>
      <c r="DS13" s="208">
        <v>0</v>
      </c>
      <c r="DT13" s="205">
        <v>0</v>
      </c>
      <c r="DU13" s="205">
        <v>0</v>
      </c>
      <c r="DV13" s="206">
        <v>37</v>
      </c>
      <c r="DW13" s="204">
        <v>65</v>
      </c>
      <c r="DX13" s="204">
        <v>338</v>
      </c>
      <c r="DY13" s="204">
        <v>470</v>
      </c>
      <c r="DZ13" s="205">
        <v>352</v>
      </c>
      <c r="EA13" s="226">
        <v>1262</v>
      </c>
      <c r="EB13" s="228">
        <v>1262</v>
      </c>
      <c r="EC13" s="225"/>
    </row>
    <row r="14" spans="2:133" ht="21" customHeight="1" x14ac:dyDescent="0.2">
      <c r="B14" s="92" t="s">
        <v>10</v>
      </c>
      <c r="C14" s="203">
        <v>0</v>
      </c>
      <c r="D14" s="205">
        <v>0</v>
      </c>
      <c r="E14" s="205">
        <v>0</v>
      </c>
      <c r="F14" s="206">
        <v>15</v>
      </c>
      <c r="G14" s="204">
        <v>47</v>
      </c>
      <c r="H14" s="204">
        <v>317</v>
      </c>
      <c r="I14" s="204">
        <v>633</v>
      </c>
      <c r="J14" s="205">
        <v>422</v>
      </c>
      <c r="K14" s="226">
        <v>1434</v>
      </c>
      <c r="L14" s="227">
        <v>1434</v>
      </c>
      <c r="M14" s="203">
        <v>0</v>
      </c>
      <c r="N14" s="205">
        <v>0</v>
      </c>
      <c r="O14" s="226">
        <v>0</v>
      </c>
      <c r="P14" s="206">
        <v>15</v>
      </c>
      <c r="Q14" s="204">
        <v>46</v>
      </c>
      <c r="R14" s="204">
        <v>313</v>
      </c>
      <c r="S14" s="204">
        <v>626</v>
      </c>
      <c r="T14" s="205">
        <v>419</v>
      </c>
      <c r="U14" s="226">
        <v>1419</v>
      </c>
      <c r="V14" s="228">
        <v>1419</v>
      </c>
      <c r="W14" s="208">
        <v>0</v>
      </c>
      <c r="X14" s="205">
        <v>0</v>
      </c>
      <c r="Y14" s="226">
        <v>0</v>
      </c>
      <c r="Z14" s="208">
        <v>0</v>
      </c>
      <c r="AA14" s="204">
        <v>1</v>
      </c>
      <c r="AB14" s="204">
        <v>4</v>
      </c>
      <c r="AC14" s="204">
        <v>7</v>
      </c>
      <c r="AD14" s="205">
        <v>3</v>
      </c>
      <c r="AE14" s="226">
        <v>15</v>
      </c>
      <c r="AF14" s="207">
        <v>15</v>
      </c>
      <c r="AG14" s="208">
        <v>0</v>
      </c>
      <c r="AH14" s="205">
        <v>0</v>
      </c>
      <c r="AI14" s="226">
        <v>0</v>
      </c>
      <c r="AJ14" s="208">
        <v>82</v>
      </c>
      <c r="AK14" s="204">
        <v>115</v>
      </c>
      <c r="AL14" s="204">
        <v>120</v>
      </c>
      <c r="AM14" s="204">
        <v>193</v>
      </c>
      <c r="AN14" s="205">
        <v>88</v>
      </c>
      <c r="AO14" s="226">
        <v>598</v>
      </c>
      <c r="AP14" s="207">
        <v>598</v>
      </c>
      <c r="AQ14" s="208">
        <v>0</v>
      </c>
      <c r="AR14" s="205">
        <v>0</v>
      </c>
      <c r="AS14" s="226">
        <v>0</v>
      </c>
      <c r="AT14" s="206">
        <v>79</v>
      </c>
      <c r="AU14" s="204">
        <v>114</v>
      </c>
      <c r="AV14" s="204">
        <v>117</v>
      </c>
      <c r="AW14" s="204">
        <v>192</v>
      </c>
      <c r="AX14" s="205">
        <v>87</v>
      </c>
      <c r="AY14" s="226">
        <v>589</v>
      </c>
      <c r="AZ14" s="227">
        <v>589</v>
      </c>
      <c r="BA14" s="203">
        <v>0</v>
      </c>
      <c r="BB14" s="205">
        <v>0</v>
      </c>
      <c r="BC14" s="205">
        <v>0</v>
      </c>
      <c r="BD14" s="206">
        <v>3</v>
      </c>
      <c r="BE14" s="204">
        <v>1</v>
      </c>
      <c r="BF14" s="204">
        <v>3</v>
      </c>
      <c r="BG14" s="204">
        <v>1</v>
      </c>
      <c r="BH14" s="205">
        <v>1</v>
      </c>
      <c r="BI14" s="226">
        <v>9</v>
      </c>
      <c r="BJ14" s="228">
        <v>9</v>
      </c>
      <c r="BK14" s="208">
        <v>0</v>
      </c>
      <c r="BL14" s="205">
        <v>0</v>
      </c>
      <c r="BM14" s="205">
        <v>0</v>
      </c>
      <c r="BN14" s="206">
        <v>0</v>
      </c>
      <c r="BO14" s="204">
        <v>0</v>
      </c>
      <c r="BP14" s="204">
        <v>0</v>
      </c>
      <c r="BQ14" s="204">
        <v>0</v>
      </c>
      <c r="BR14" s="205">
        <v>0</v>
      </c>
      <c r="BS14" s="226">
        <v>0</v>
      </c>
      <c r="BT14" s="227">
        <v>0</v>
      </c>
      <c r="BU14" s="203">
        <v>0</v>
      </c>
      <c r="BV14" s="205">
        <v>0</v>
      </c>
      <c r="BW14" s="205">
        <v>0</v>
      </c>
      <c r="BX14" s="206">
        <v>0</v>
      </c>
      <c r="BY14" s="204">
        <v>0</v>
      </c>
      <c r="BZ14" s="204">
        <v>0</v>
      </c>
      <c r="CA14" s="204">
        <v>0</v>
      </c>
      <c r="CB14" s="205">
        <v>0</v>
      </c>
      <c r="CC14" s="226">
        <v>0</v>
      </c>
      <c r="CD14" s="228">
        <v>0</v>
      </c>
      <c r="CE14" s="208">
        <v>0</v>
      </c>
      <c r="CF14" s="205">
        <v>0</v>
      </c>
      <c r="CG14" s="205">
        <v>0</v>
      </c>
      <c r="CH14" s="206">
        <v>0</v>
      </c>
      <c r="CI14" s="204">
        <v>0</v>
      </c>
      <c r="CJ14" s="204">
        <v>0</v>
      </c>
      <c r="CK14" s="204">
        <v>0</v>
      </c>
      <c r="CL14" s="205">
        <v>0</v>
      </c>
      <c r="CM14" s="226">
        <v>0</v>
      </c>
      <c r="CN14" s="228">
        <v>0</v>
      </c>
      <c r="CO14" s="208">
        <v>0</v>
      </c>
      <c r="CP14" s="205">
        <v>0</v>
      </c>
      <c r="CQ14" s="205">
        <v>0</v>
      </c>
      <c r="CR14" s="206">
        <v>0</v>
      </c>
      <c r="CS14" s="204">
        <v>0</v>
      </c>
      <c r="CT14" s="204">
        <v>2</v>
      </c>
      <c r="CU14" s="204">
        <v>5</v>
      </c>
      <c r="CV14" s="205">
        <v>26</v>
      </c>
      <c r="CW14" s="226">
        <v>33</v>
      </c>
      <c r="CX14" s="227">
        <v>33</v>
      </c>
      <c r="CY14" s="203">
        <v>0</v>
      </c>
      <c r="CZ14" s="205">
        <v>0</v>
      </c>
      <c r="DA14" s="205">
        <v>0</v>
      </c>
      <c r="DB14" s="206">
        <v>0</v>
      </c>
      <c r="DC14" s="204">
        <v>0</v>
      </c>
      <c r="DD14" s="204">
        <v>2</v>
      </c>
      <c r="DE14" s="204">
        <v>5</v>
      </c>
      <c r="DF14" s="205">
        <v>26</v>
      </c>
      <c r="DG14" s="226">
        <v>33</v>
      </c>
      <c r="DH14" s="228">
        <v>33</v>
      </c>
      <c r="DI14" s="208">
        <v>0</v>
      </c>
      <c r="DJ14" s="205">
        <v>0</v>
      </c>
      <c r="DK14" s="205">
        <v>0</v>
      </c>
      <c r="DL14" s="206">
        <v>0</v>
      </c>
      <c r="DM14" s="204">
        <v>0</v>
      </c>
      <c r="DN14" s="204">
        <v>0</v>
      </c>
      <c r="DO14" s="204">
        <v>0</v>
      </c>
      <c r="DP14" s="205">
        <v>0</v>
      </c>
      <c r="DQ14" s="226">
        <v>0</v>
      </c>
      <c r="DR14" s="228">
        <v>0</v>
      </c>
      <c r="DS14" s="208">
        <v>0</v>
      </c>
      <c r="DT14" s="205">
        <v>0</v>
      </c>
      <c r="DU14" s="205">
        <v>0</v>
      </c>
      <c r="DV14" s="206">
        <v>97</v>
      </c>
      <c r="DW14" s="204">
        <v>162</v>
      </c>
      <c r="DX14" s="204">
        <v>437</v>
      </c>
      <c r="DY14" s="204">
        <v>828</v>
      </c>
      <c r="DZ14" s="205">
        <v>534</v>
      </c>
      <c r="EA14" s="226">
        <v>2058</v>
      </c>
      <c r="EB14" s="228">
        <v>2058</v>
      </c>
      <c r="EC14" s="225"/>
    </row>
    <row r="15" spans="2:133" ht="21" customHeight="1" x14ac:dyDescent="0.2">
      <c r="B15" s="92" t="s">
        <v>11</v>
      </c>
      <c r="C15" s="203">
        <v>0</v>
      </c>
      <c r="D15" s="205">
        <v>0</v>
      </c>
      <c r="E15" s="205">
        <v>0</v>
      </c>
      <c r="F15" s="206">
        <v>2</v>
      </c>
      <c r="G15" s="204">
        <v>7</v>
      </c>
      <c r="H15" s="204">
        <v>196</v>
      </c>
      <c r="I15" s="204">
        <v>387</v>
      </c>
      <c r="J15" s="205">
        <v>223</v>
      </c>
      <c r="K15" s="226">
        <v>815</v>
      </c>
      <c r="L15" s="227">
        <v>815</v>
      </c>
      <c r="M15" s="203">
        <v>0</v>
      </c>
      <c r="N15" s="205">
        <v>0</v>
      </c>
      <c r="O15" s="226">
        <v>0</v>
      </c>
      <c r="P15" s="206">
        <v>2</v>
      </c>
      <c r="Q15" s="204">
        <v>7</v>
      </c>
      <c r="R15" s="204">
        <v>195</v>
      </c>
      <c r="S15" s="204">
        <v>385</v>
      </c>
      <c r="T15" s="205">
        <v>223</v>
      </c>
      <c r="U15" s="226">
        <v>812</v>
      </c>
      <c r="V15" s="228">
        <v>812</v>
      </c>
      <c r="W15" s="208">
        <v>0</v>
      </c>
      <c r="X15" s="205">
        <v>0</v>
      </c>
      <c r="Y15" s="226">
        <v>0</v>
      </c>
      <c r="Z15" s="208">
        <v>0</v>
      </c>
      <c r="AA15" s="204">
        <v>0</v>
      </c>
      <c r="AB15" s="204">
        <v>1</v>
      </c>
      <c r="AC15" s="204">
        <v>2</v>
      </c>
      <c r="AD15" s="205">
        <v>0</v>
      </c>
      <c r="AE15" s="226">
        <v>3</v>
      </c>
      <c r="AF15" s="207">
        <v>3</v>
      </c>
      <c r="AG15" s="208">
        <v>0</v>
      </c>
      <c r="AH15" s="205">
        <v>0</v>
      </c>
      <c r="AI15" s="226">
        <v>0</v>
      </c>
      <c r="AJ15" s="208">
        <v>38</v>
      </c>
      <c r="AK15" s="204">
        <v>96</v>
      </c>
      <c r="AL15" s="204">
        <v>136</v>
      </c>
      <c r="AM15" s="204">
        <v>167</v>
      </c>
      <c r="AN15" s="205">
        <v>86</v>
      </c>
      <c r="AO15" s="226">
        <v>523</v>
      </c>
      <c r="AP15" s="207">
        <v>523</v>
      </c>
      <c r="AQ15" s="208">
        <v>0</v>
      </c>
      <c r="AR15" s="205">
        <v>0</v>
      </c>
      <c r="AS15" s="226">
        <v>0</v>
      </c>
      <c r="AT15" s="206">
        <v>38</v>
      </c>
      <c r="AU15" s="204">
        <v>95</v>
      </c>
      <c r="AV15" s="204">
        <v>133</v>
      </c>
      <c r="AW15" s="204">
        <v>165</v>
      </c>
      <c r="AX15" s="205">
        <v>84</v>
      </c>
      <c r="AY15" s="226">
        <v>515</v>
      </c>
      <c r="AZ15" s="227">
        <v>515</v>
      </c>
      <c r="BA15" s="203">
        <v>0</v>
      </c>
      <c r="BB15" s="205">
        <v>0</v>
      </c>
      <c r="BC15" s="205">
        <v>0</v>
      </c>
      <c r="BD15" s="206">
        <v>0</v>
      </c>
      <c r="BE15" s="204">
        <v>1</v>
      </c>
      <c r="BF15" s="204">
        <v>3</v>
      </c>
      <c r="BG15" s="204">
        <v>2</v>
      </c>
      <c r="BH15" s="205">
        <v>2</v>
      </c>
      <c r="BI15" s="226">
        <v>8</v>
      </c>
      <c r="BJ15" s="228">
        <v>8</v>
      </c>
      <c r="BK15" s="208">
        <v>0</v>
      </c>
      <c r="BL15" s="205">
        <v>0</v>
      </c>
      <c r="BM15" s="205">
        <v>0</v>
      </c>
      <c r="BN15" s="206">
        <v>0</v>
      </c>
      <c r="BO15" s="204">
        <v>0</v>
      </c>
      <c r="BP15" s="204">
        <v>0</v>
      </c>
      <c r="BQ15" s="204">
        <v>0</v>
      </c>
      <c r="BR15" s="205">
        <v>0</v>
      </c>
      <c r="BS15" s="226">
        <v>0</v>
      </c>
      <c r="BT15" s="227">
        <v>0</v>
      </c>
      <c r="BU15" s="203">
        <v>0</v>
      </c>
      <c r="BV15" s="205">
        <v>0</v>
      </c>
      <c r="BW15" s="205">
        <v>0</v>
      </c>
      <c r="BX15" s="206">
        <v>0</v>
      </c>
      <c r="BY15" s="204">
        <v>0</v>
      </c>
      <c r="BZ15" s="204">
        <v>0</v>
      </c>
      <c r="CA15" s="204">
        <v>0</v>
      </c>
      <c r="CB15" s="205">
        <v>0</v>
      </c>
      <c r="CC15" s="226">
        <v>0</v>
      </c>
      <c r="CD15" s="228">
        <v>0</v>
      </c>
      <c r="CE15" s="208">
        <v>0</v>
      </c>
      <c r="CF15" s="205">
        <v>0</v>
      </c>
      <c r="CG15" s="205">
        <v>0</v>
      </c>
      <c r="CH15" s="206">
        <v>0</v>
      </c>
      <c r="CI15" s="204">
        <v>0</v>
      </c>
      <c r="CJ15" s="204">
        <v>0</v>
      </c>
      <c r="CK15" s="204">
        <v>0</v>
      </c>
      <c r="CL15" s="205">
        <v>0</v>
      </c>
      <c r="CM15" s="226">
        <v>0</v>
      </c>
      <c r="CN15" s="228">
        <v>0</v>
      </c>
      <c r="CO15" s="208">
        <v>0</v>
      </c>
      <c r="CP15" s="205">
        <v>0</v>
      </c>
      <c r="CQ15" s="205">
        <v>0</v>
      </c>
      <c r="CR15" s="206">
        <v>3</v>
      </c>
      <c r="CS15" s="204">
        <v>8</v>
      </c>
      <c r="CT15" s="204">
        <v>7</v>
      </c>
      <c r="CU15" s="204">
        <v>16</v>
      </c>
      <c r="CV15" s="205">
        <v>38</v>
      </c>
      <c r="CW15" s="226">
        <v>72</v>
      </c>
      <c r="CX15" s="227">
        <v>72</v>
      </c>
      <c r="CY15" s="203">
        <v>0</v>
      </c>
      <c r="CZ15" s="205">
        <v>0</v>
      </c>
      <c r="DA15" s="205">
        <v>0</v>
      </c>
      <c r="DB15" s="206">
        <v>3</v>
      </c>
      <c r="DC15" s="204">
        <v>8</v>
      </c>
      <c r="DD15" s="204">
        <v>7</v>
      </c>
      <c r="DE15" s="204">
        <v>16</v>
      </c>
      <c r="DF15" s="205">
        <v>37</v>
      </c>
      <c r="DG15" s="226">
        <v>71</v>
      </c>
      <c r="DH15" s="228">
        <v>71</v>
      </c>
      <c r="DI15" s="208">
        <v>0</v>
      </c>
      <c r="DJ15" s="205">
        <v>0</v>
      </c>
      <c r="DK15" s="205">
        <v>0</v>
      </c>
      <c r="DL15" s="206">
        <v>0</v>
      </c>
      <c r="DM15" s="204">
        <v>0</v>
      </c>
      <c r="DN15" s="204">
        <v>0</v>
      </c>
      <c r="DO15" s="204">
        <v>0</v>
      </c>
      <c r="DP15" s="205">
        <v>1</v>
      </c>
      <c r="DQ15" s="226">
        <v>1</v>
      </c>
      <c r="DR15" s="228">
        <v>1</v>
      </c>
      <c r="DS15" s="208">
        <v>0</v>
      </c>
      <c r="DT15" s="205">
        <v>0</v>
      </c>
      <c r="DU15" s="205">
        <v>0</v>
      </c>
      <c r="DV15" s="206">
        <v>43</v>
      </c>
      <c r="DW15" s="204">
        <v>111</v>
      </c>
      <c r="DX15" s="204">
        <v>339</v>
      </c>
      <c r="DY15" s="204">
        <v>567</v>
      </c>
      <c r="DZ15" s="205">
        <v>345</v>
      </c>
      <c r="EA15" s="226">
        <v>1405</v>
      </c>
      <c r="EB15" s="228">
        <v>1405</v>
      </c>
      <c r="EC15" s="225"/>
    </row>
    <row r="16" spans="2:133" ht="21" customHeight="1" x14ac:dyDescent="0.2">
      <c r="B16" s="92" t="s">
        <v>12</v>
      </c>
      <c r="C16" s="203">
        <v>0</v>
      </c>
      <c r="D16" s="205">
        <v>0</v>
      </c>
      <c r="E16" s="205">
        <v>0</v>
      </c>
      <c r="F16" s="206">
        <v>2</v>
      </c>
      <c r="G16" s="204">
        <v>12</v>
      </c>
      <c r="H16" s="204">
        <v>194</v>
      </c>
      <c r="I16" s="204">
        <v>351</v>
      </c>
      <c r="J16" s="205">
        <v>213</v>
      </c>
      <c r="K16" s="226">
        <v>772</v>
      </c>
      <c r="L16" s="227">
        <v>772</v>
      </c>
      <c r="M16" s="203">
        <v>0</v>
      </c>
      <c r="N16" s="205">
        <v>0</v>
      </c>
      <c r="O16" s="226">
        <v>0</v>
      </c>
      <c r="P16" s="206">
        <v>2</v>
      </c>
      <c r="Q16" s="204">
        <v>12</v>
      </c>
      <c r="R16" s="204">
        <v>194</v>
      </c>
      <c r="S16" s="204">
        <v>351</v>
      </c>
      <c r="T16" s="205">
        <v>210</v>
      </c>
      <c r="U16" s="226">
        <v>769</v>
      </c>
      <c r="V16" s="228">
        <v>769</v>
      </c>
      <c r="W16" s="208">
        <v>0</v>
      </c>
      <c r="X16" s="205">
        <v>0</v>
      </c>
      <c r="Y16" s="226">
        <v>0</v>
      </c>
      <c r="Z16" s="208">
        <v>0</v>
      </c>
      <c r="AA16" s="204">
        <v>0</v>
      </c>
      <c r="AB16" s="204">
        <v>0</v>
      </c>
      <c r="AC16" s="204">
        <v>0</v>
      </c>
      <c r="AD16" s="205">
        <v>3</v>
      </c>
      <c r="AE16" s="226">
        <v>3</v>
      </c>
      <c r="AF16" s="207">
        <v>3</v>
      </c>
      <c r="AG16" s="208">
        <v>0</v>
      </c>
      <c r="AH16" s="205">
        <v>0</v>
      </c>
      <c r="AI16" s="226">
        <v>0</v>
      </c>
      <c r="AJ16" s="208">
        <v>32</v>
      </c>
      <c r="AK16" s="204">
        <v>91</v>
      </c>
      <c r="AL16" s="204">
        <v>160</v>
      </c>
      <c r="AM16" s="204">
        <v>169</v>
      </c>
      <c r="AN16" s="205">
        <v>66</v>
      </c>
      <c r="AO16" s="226">
        <v>518</v>
      </c>
      <c r="AP16" s="207">
        <v>518</v>
      </c>
      <c r="AQ16" s="208">
        <v>0</v>
      </c>
      <c r="AR16" s="205">
        <v>0</v>
      </c>
      <c r="AS16" s="226">
        <v>0</v>
      </c>
      <c r="AT16" s="206">
        <v>32</v>
      </c>
      <c r="AU16" s="204">
        <v>91</v>
      </c>
      <c r="AV16" s="204">
        <v>158</v>
      </c>
      <c r="AW16" s="204">
        <v>167</v>
      </c>
      <c r="AX16" s="205">
        <v>65</v>
      </c>
      <c r="AY16" s="226">
        <v>513</v>
      </c>
      <c r="AZ16" s="227">
        <v>513</v>
      </c>
      <c r="BA16" s="203">
        <v>0</v>
      </c>
      <c r="BB16" s="205">
        <v>0</v>
      </c>
      <c r="BC16" s="205">
        <v>0</v>
      </c>
      <c r="BD16" s="206">
        <v>0</v>
      </c>
      <c r="BE16" s="204">
        <v>0</v>
      </c>
      <c r="BF16" s="204">
        <v>2</v>
      </c>
      <c r="BG16" s="204">
        <v>2</v>
      </c>
      <c r="BH16" s="205">
        <v>1</v>
      </c>
      <c r="BI16" s="226">
        <v>5</v>
      </c>
      <c r="BJ16" s="228">
        <v>5</v>
      </c>
      <c r="BK16" s="208">
        <v>0</v>
      </c>
      <c r="BL16" s="205">
        <v>0</v>
      </c>
      <c r="BM16" s="205">
        <v>0</v>
      </c>
      <c r="BN16" s="206">
        <v>0</v>
      </c>
      <c r="BO16" s="204">
        <v>0</v>
      </c>
      <c r="BP16" s="204">
        <v>0</v>
      </c>
      <c r="BQ16" s="204">
        <v>0</v>
      </c>
      <c r="BR16" s="205">
        <v>0</v>
      </c>
      <c r="BS16" s="226">
        <v>0</v>
      </c>
      <c r="BT16" s="227">
        <v>0</v>
      </c>
      <c r="BU16" s="203">
        <v>0</v>
      </c>
      <c r="BV16" s="205">
        <v>0</v>
      </c>
      <c r="BW16" s="205">
        <v>0</v>
      </c>
      <c r="BX16" s="206">
        <v>0</v>
      </c>
      <c r="BY16" s="204">
        <v>0</v>
      </c>
      <c r="BZ16" s="204">
        <v>0</v>
      </c>
      <c r="CA16" s="204">
        <v>0</v>
      </c>
      <c r="CB16" s="205">
        <v>0</v>
      </c>
      <c r="CC16" s="226">
        <v>0</v>
      </c>
      <c r="CD16" s="228">
        <v>0</v>
      </c>
      <c r="CE16" s="208">
        <v>0</v>
      </c>
      <c r="CF16" s="205">
        <v>0</v>
      </c>
      <c r="CG16" s="205">
        <v>0</v>
      </c>
      <c r="CH16" s="206">
        <v>0</v>
      </c>
      <c r="CI16" s="204">
        <v>0</v>
      </c>
      <c r="CJ16" s="204">
        <v>0</v>
      </c>
      <c r="CK16" s="204">
        <v>0</v>
      </c>
      <c r="CL16" s="205">
        <v>0</v>
      </c>
      <c r="CM16" s="226">
        <v>0</v>
      </c>
      <c r="CN16" s="228">
        <v>0</v>
      </c>
      <c r="CO16" s="208">
        <v>0</v>
      </c>
      <c r="CP16" s="205">
        <v>0</v>
      </c>
      <c r="CQ16" s="205">
        <v>0</v>
      </c>
      <c r="CR16" s="206">
        <v>0</v>
      </c>
      <c r="CS16" s="204">
        <v>0</v>
      </c>
      <c r="CT16" s="204">
        <v>3</v>
      </c>
      <c r="CU16" s="204">
        <v>16</v>
      </c>
      <c r="CV16" s="205">
        <v>11</v>
      </c>
      <c r="CW16" s="226">
        <v>30</v>
      </c>
      <c r="CX16" s="227">
        <v>30</v>
      </c>
      <c r="CY16" s="203">
        <v>0</v>
      </c>
      <c r="CZ16" s="205">
        <v>0</v>
      </c>
      <c r="DA16" s="205">
        <v>0</v>
      </c>
      <c r="DB16" s="206">
        <v>0</v>
      </c>
      <c r="DC16" s="204">
        <v>0</v>
      </c>
      <c r="DD16" s="204">
        <v>3</v>
      </c>
      <c r="DE16" s="204">
        <v>16</v>
      </c>
      <c r="DF16" s="205">
        <v>11</v>
      </c>
      <c r="DG16" s="226">
        <v>30</v>
      </c>
      <c r="DH16" s="228">
        <v>30</v>
      </c>
      <c r="DI16" s="208">
        <v>0</v>
      </c>
      <c r="DJ16" s="205">
        <v>0</v>
      </c>
      <c r="DK16" s="205">
        <v>0</v>
      </c>
      <c r="DL16" s="206">
        <v>0</v>
      </c>
      <c r="DM16" s="204">
        <v>0</v>
      </c>
      <c r="DN16" s="204">
        <v>0</v>
      </c>
      <c r="DO16" s="204">
        <v>0</v>
      </c>
      <c r="DP16" s="205">
        <v>0</v>
      </c>
      <c r="DQ16" s="226">
        <v>0</v>
      </c>
      <c r="DR16" s="228">
        <v>0</v>
      </c>
      <c r="DS16" s="208">
        <v>0</v>
      </c>
      <c r="DT16" s="205">
        <v>0</v>
      </c>
      <c r="DU16" s="205">
        <v>0</v>
      </c>
      <c r="DV16" s="206">
        <v>34</v>
      </c>
      <c r="DW16" s="204">
        <v>103</v>
      </c>
      <c r="DX16" s="204">
        <v>355</v>
      </c>
      <c r="DY16" s="204">
        <v>536</v>
      </c>
      <c r="DZ16" s="205">
        <v>289</v>
      </c>
      <c r="EA16" s="226">
        <v>1317</v>
      </c>
      <c r="EB16" s="228">
        <v>1317</v>
      </c>
      <c r="EC16" s="225"/>
    </row>
    <row r="17" spans="2:133" ht="21" customHeight="1" x14ac:dyDescent="0.2">
      <c r="B17" s="92" t="s">
        <v>13</v>
      </c>
      <c r="C17" s="203">
        <v>0</v>
      </c>
      <c r="D17" s="205">
        <v>0</v>
      </c>
      <c r="E17" s="205">
        <v>0</v>
      </c>
      <c r="F17" s="206">
        <v>2</v>
      </c>
      <c r="G17" s="204">
        <v>1</v>
      </c>
      <c r="H17" s="204">
        <v>64</v>
      </c>
      <c r="I17" s="204">
        <v>135</v>
      </c>
      <c r="J17" s="205">
        <v>117</v>
      </c>
      <c r="K17" s="226">
        <v>319</v>
      </c>
      <c r="L17" s="227">
        <v>319</v>
      </c>
      <c r="M17" s="203">
        <v>0</v>
      </c>
      <c r="N17" s="205">
        <v>0</v>
      </c>
      <c r="O17" s="226">
        <v>0</v>
      </c>
      <c r="P17" s="206">
        <v>2</v>
      </c>
      <c r="Q17" s="204">
        <v>1</v>
      </c>
      <c r="R17" s="204">
        <v>64</v>
      </c>
      <c r="S17" s="204">
        <v>134</v>
      </c>
      <c r="T17" s="205">
        <v>116</v>
      </c>
      <c r="U17" s="226">
        <v>317</v>
      </c>
      <c r="V17" s="228">
        <v>317</v>
      </c>
      <c r="W17" s="208">
        <v>0</v>
      </c>
      <c r="X17" s="205">
        <v>0</v>
      </c>
      <c r="Y17" s="226">
        <v>0</v>
      </c>
      <c r="Z17" s="208">
        <v>0</v>
      </c>
      <c r="AA17" s="204">
        <v>0</v>
      </c>
      <c r="AB17" s="204">
        <v>0</v>
      </c>
      <c r="AC17" s="204">
        <v>1</v>
      </c>
      <c r="AD17" s="205">
        <v>1</v>
      </c>
      <c r="AE17" s="226">
        <v>2</v>
      </c>
      <c r="AF17" s="207">
        <v>2</v>
      </c>
      <c r="AG17" s="208">
        <v>0</v>
      </c>
      <c r="AH17" s="205">
        <v>0</v>
      </c>
      <c r="AI17" s="226">
        <v>0</v>
      </c>
      <c r="AJ17" s="208">
        <v>9</v>
      </c>
      <c r="AK17" s="204">
        <v>13</v>
      </c>
      <c r="AL17" s="204">
        <v>33</v>
      </c>
      <c r="AM17" s="204">
        <v>42</v>
      </c>
      <c r="AN17" s="205">
        <v>19</v>
      </c>
      <c r="AO17" s="226">
        <v>116</v>
      </c>
      <c r="AP17" s="207">
        <v>116</v>
      </c>
      <c r="AQ17" s="208">
        <v>0</v>
      </c>
      <c r="AR17" s="205">
        <v>0</v>
      </c>
      <c r="AS17" s="226">
        <v>0</v>
      </c>
      <c r="AT17" s="206">
        <v>8</v>
      </c>
      <c r="AU17" s="204">
        <v>12</v>
      </c>
      <c r="AV17" s="204">
        <v>33</v>
      </c>
      <c r="AW17" s="204">
        <v>41</v>
      </c>
      <c r="AX17" s="205">
        <v>18</v>
      </c>
      <c r="AY17" s="226">
        <v>112</v>
      </c>
      <c r="AZ17" s="227">
        <v>112</v>
      </c>
      <c r="BA17" s="203">
        <v>0</v>
      </c>
      <c r="BB17" s="205">
        <v>0</v>
      </c>
      <c r="BC17" s="205">
        <v>0</v>
      </c>
      <c r="BD17" s="206">
        <v>1</v>
      </c>
      <c r="BE17" s="204">
        <v>1</v>
      </c>
      <c r="BF17" s="204">
        <v>0</v>
      </c>
      <c r="BG17" s="204">
        <v>1</v>
      </c>
      <c r="BH17" s="205">
        <v>1</v>
      </c>
      <c r="BI17" s="226">
        <v>4</v>
      </c>
      <c r="BJ17" s="228">
        <v>4</v>
      </c>
      <c r="BK17" s="208">
        <v>0</v>
      </c>
      <c r="BL17" s="205">
        <v>0</v>
      </c>
      <c r="BM17" s="205">
        <v>0</v>
      </c>
      <c r="BN17" s="206">
        <v>0</v>
      </c>
      <c r="BO17" s="204">
        <v>0</v>
      </c>
      <c r="BP17" s="204">
        <v>0</v>
      </c>
      <c r="BQ17" s="204">
        <v>0</v>
      </c>
      <c r="BR17" s="205">
        <v>0</v>
      </c>
      <c r="BS17" s="226">
        <v>0</v>
      </c>
      <c r="BT17" s="227">
        <v>0</v>
      </c>
      <c r="BU17" s="203">
        <v>0</v>
      </c>
      <c r="BV17" s="205">
        <v>0</v>
      </c>
      <c r="BW17" s="205">
        <v>0</v>
      </c>
      <c r="BX17" s="206">
        <v>0</v>
      </c>
      <c r="BY17" s="204">
        <v>0</v>
      </c>
      <c r="BZ17" s="204">
        <v>0</v>
      </c>
      <c r="CA17" s="204">
        <v>0</v>
      </c>
      <c r="CB17" s="205">
        <v>0</v>
      </c>
      <c r="CC17" s="226">
        <v>0</v>
      </c>
      <c r="CD17" s="228">
        <v>0</v>
      </c>
      <c r="CE17" s="208">
        <v>0</v>
      </c>
      <c r="CF17" s="205">
        <v>0</v>
      </c>
      <c r="CG17" s="205">
        <v>0</v>
      </c>
      <c r="CH17" s="206">
        <v>0</v>
      </c>
      <c r="CI17" s="204">
        <v>0</v>
      </c>
      <c r="CJ17" s="204">
        <v>0</v>
      </c>
      <c r="CK17" s="204">
        <v>0</v>
      </c>
      <c r="CL17" s="205">
        <v>0</v>
      </c>
      <c r="CM17" s="226">
        <v>0</v>
      </c>
      <c r="CN17" s="228">
        <v>0</v>
      </c>
      <c r="CO17" s="208">
        <v>0</v>
      </c>
      <c r="CP17" s="205">
        <v>0</v>
      </c>
      <c r="CQ17" s="205">
        <v>0</v>
      </c>
      <c r="CR17" s="206">
        <v>0</v>
      </c>
      <c r="CS17" s="204">
        <v>0</v>
      </c>
      <c r="CT17" s="204">
        <v>0</v>
      </c>
      <c r="CU17" s="204">
        <v>0</v>
      </c>
      <c r="CV17" s="205">
        <v>1</v>
      </c>
      <c r="CW17" s="226">
        <v>1</v>
      </c>
      <c r="CX17" s="227">
        <v>1</v>
      </c>
      <c r="CY17" s="203">
        <v>0</v>
      </c>
      <c r="CZ17" s="205">
        <v>0</v>
      </c>
      <c r="DA17" s="205">
        <v>0</v>
      </c>
      <c r="DB17" s="206">
        <v>0</v>
      </c>
      <c r="DC17" s="204">
        <v>0</v>
      </c>
      <c r="DD17" s="204">
        <v>0</v>
      </c>
      <c r="DE17" s="204">
        <v>0</v>
      </c>
      <c r="DF17" s="205">
        <v>1</v>
      </c>
      <c r="DG17" s="226">
        <v>1</v>
      </c>
      <c r="DH17" s="228">
        <v>1</v>
      </c>
      <c r="DI17" s="208">
        <v>0</v>
      </c>
      <c r="DJ17" s="205">
        <v>0</v>
      </c>
      <c r="DK17" s="205">
        <v>0</v>
      </c>
      <c r="DL17" s="206">
        <v>0</v>
      </c>
      <c r="DM17" s="204">
        <v>0</v>
      </c>
      <c r="DN17" s="204">
        <v>0</v>
      </c>
      <c r="DO17" s="204">
        <v>0</v>
      </c>
      <c r="DP17" s="205">
        <v>0</v>
      </c>
      <c r="DQ17" s="226">
        <v>0</v>
      </c>
      <c r="DR17" s="228">
        <v>0</v>
      </c>
      <c r="DS17" s="208">
        <v>0</v>
      </c>
      <c r="DT17" s="205">
        <v>0</v>
      </c>
      <c r="DU17" s="205">
        <v>0</v>
      </c>
      <c r="DV17" s="206">
        <v>11</v>
      </c>
      <c r="DW17" s="204">
        <v>14</v>
      </c>
      <c r="DX17" s="204">
        <v>97</v>
      </c>
      <c r="DY17" s="204">
        <v>177</v>
      </c>
      <c r="DZ17" s="205">
        <v>137</v>
      </c>
      <c r="EA17" s="226">
        <v>436</v>
      </c>
      <c r="EB17" s="228">
        <v>436</v>
      </c>
      <c r="EC17" s="225"/>
    </row>
    <row r="18" spans="2:133" ht="21" customHeight="1" x14ac:dyDescent="0.2">
      <c r="B18" s="92" t="s">
        <v>15</v>
      </c>
      <c r="C18" s="203">
        <v>0</v>
      </c>
      <c r="D18" s="205">
        <v>0</v>
      </c>
      <c r="E18" s="205">
        <v>0</v>
      </c>
      <c r="F18" s="206">
        <v>1</v>
      </c>
      <c r="G18" s="204">
        <v>1</v>
      </c>
      <c r="H18" s="204">
        <v>81</v>
      </c>
      <c r="I18" s="204">
        <v>159</v>
      </c>
      <c r="J18" s="205">
        <v>68</v>
      </c>
      <c r="K18" s="226">
        <v>310</v>
      </c>
      <c r="L18" s="227">
        <v>310</v>
      </c>
      <c r="M18" s="203">
        <v>0</v>
      </c>
      <c r="N18" s="205">
        <v>0</v>
      </c>
      <c r="O18" s="226">
        <v>0</v>
      </c>
      <c r="P18" s="206">
        <v>1</v>
      </c>
      <c r="Q18" s="204">
        <v>1</v>
      </c>
      <c r="R18" s="204">
        <v>81</v>
      </c>
      <c r="S18" s="204">
        <v>158</v>
      </c>
      <c r="T18" s="205">
        <v>66</v>
      </c>
      <c r="U18" s="226">
        <v>307</v>
      </c>
      <c r="V18" s="228">
        <v>307</v>
      </c>
      <c r="W18" s="208">
        <v>0</v>
      </c>
      <c r="X18" s="205">
        <v>0</v>
      </c>
      <c r="Y18" s="226">
        <v>0</v>
      </c>
      <c r="Z18" s="208">
        <v>0</v>
      </c>
      <c r="AA18" s="204">
        <v>0</v>
      </c>
      <c r="AB18" s="204">
        <v>0</v>
      </c>
      <c r="AC18" s="204">
        <v>1</v>
      </c>
      <c r="AD18" s="205">
        <v>2</v>
      </c>
      <c r="AE18" s="226">
        <v>3</v>
      </c>
      <c r="AF18" s="207">
        <v>3</v>
      </c>
      <c r="AG18" s="208">
        <v>0</v>
      </c>
      <c r="AH18" s="205">
        <v>0</v>
      </c>
      <c r="AI18" s="226">
        <v>0</v>
      </c>
      <c r="AJ18" s="208">
        <v>22</v>
      </c>
      <c r="AK18" s="204">
        <v>31</v>
      </c>
      <c r="AL18" s="204">
        <v>41</v>
      </c>
      <c r="AM18" s="204">
        <v>63</v>
      </c>
      <c r="AN18" s="205">
        <v>24</v>
      </c>
      <c r="AO18" s="226">
        <v>181</v>
      </c>
      <c r="AP18" s="207">
        <v>181</v>
      </c>
      <c r="AQ18" s="208">
        <v>0</v>
      </c>
      <c r="AR18" s="205">
        <v>0</v>
      </c>
      <c r="AS18" s="226">
        <v>0</v>
      </c>
      <c r="AT18" s="206">
        <v>21</v>
      </c>
      <c r="AU18" s="204">
        <v>31</v>
      </c>
      <c r="AV18" s="204">
        <v>41</v>
      </c>
      <c r="AW18" s="204">
        <v>61</v>
      </c>
      <c r="AX18" s="205">
        <v>23</v>
      </c>
      <c r="AY18" s="226">
        <v>177</v>
      </c>
      <c r="AZ18" s="227">
        <v>177</v>
      </c>
      <c r="BA18" s="203">
        <v>0</v>
      </c>
      <c r="BB18" s="205">
        <v>0</v>
      </c>
      <c r="BC18" s="205">
        <v>0</v>
      </c>
      <c r="BD18" s="206">
        <v>1</v>
      </c>
      <c r="BE18" s="204">
        <v>0</v>
      </c>
      <c r="BF18" s="204">
        <v>0</v>
      </c>
      <c r="BG18" s="204">
        <v>2</v>
      </c>
      <c r="BH18" s="205">
        <v>1</v>
      </c>
      <c r="BI18" s="226">
        <v>4</v>
      </c>
      <c r="BJ18" s="228">
        <v>4</v>
      </c>
      <c r="BK18" s="208">
        <v>0</v>
      </c>
      <c r="BL18" s="205">
        <v>0</v>
      </c>
      <c r="BM18" s="205">
        <v>0</v>
      </c>
      <c r="BN18" s="206">
        <v>0</v>
      </c>
      <c r="BO18" s="204">
        <v>0</v>
      </c>
      <c r="BP18" s="204">
        <v>0</v>
      </c>
      <c r="BQ18" s="204">
        <v>0</v>
      </c>
      <c r="BR18" s="205">
        <v>0</v>
      </c>
      <c r="BS18" s="226">
        <v>0</v>
      </c>
      <c r="BT18" s="227">
        <v>0</v>
      </c>
      <c r="BU18" s="203">
        <v>0</v>
      </c>
      <c r="BV18" s="205">
        <v>0</v>
      </c>
      <c r="BW18" s="205">
        <v>0</v>
      </c>
      <c r="BX18" s="206">
        <v>0</v>
      </c>
      <c r="BY18" s="204">
        <v>0</v>
      </c>
      <c r="BZ18" s="204">
        <v>0</v>
      </c>
      <c r="CA18" s="204">
        <v>0</v>
      </c>
      <c r="CB18" s="205">
        <v>0</v>
      </c>
      <c r="CC18" s="226">
        <v>0</v>
      </c>
      <c r="CD18" s="228">
        <v>0</v>
      </c>
      <c r="CE18" s="208">
        <v>0</v>
      </c>
      <c r="CF18" s="205">
        <v>0</v>
      </c>
      <c r="CG18" s="205">
        <v>0</v>
      </c>
      <c r="CH18" s="206">
        <v>0</v>
      </c>
      <c r="CI18" s="204">
        <v>0</v>
      </c>
      <c r="CJ18" s="204">
        <v>0</v>
      </c>
      <c r="CK18" s="204">
        <v>0</v>
      </c>
      <c r="CL18" s="205">
        <v>0</v>
      </c>
      <c r="CM18" s="226">
        <v>0</v>
      </c>
      <c r="CN18" s="228">
        <v>0</v>
      </c>
      <c r="CO18" s="208">
        <v>0</v>
      </c>
      <c r="CP18" s="205">
        <v>0</v>
      </c>
      <c r="CQ18" s="205">
        <v>0</v>
      </c>
      <c r="CR18" s="206">
        <v>0</v>
      </c>
      <c r="CS18" s="204">
        <v>0</v>
      </c>
      <c r="CT18" s="204">
        <v>0</v>
      </c>
      <c r="CU18" s="204">
        <v>0</v>
      </c>
      <c r="CV18" s="205">
        <v>0</v>
      </c>
      <c r="CW18" s="226">
        <v>0</v>
      </c>
      <c r="CX18" s="227">
        <v>0</v>
      </c>
      <c r="CY18" s="203">
        <v>0</v>
      </c>
      <c r="CZ18" s="205">
        <v>0</v>
      </c>
      <c r="DA18" s="205">
        <v>0</v>
      </c>
      <c r="DB18" s="206">
        <v>0</v>
      </c>
      <c r="DC18" s="204">
        <v>0</v>
      </c>
      <c r="DD18" s="204">
        <v>0</v>
      </c>
      <c r="DE18" s="204">
        <v>0</v>
      </c>
      <c r="DF18" s="205">
        <v>0</v>
      </c>
      <c r="DG18" s="226">
        <v>0</v>
      </c>
      <c r="DH18" s="228">
        <v>0</v>
      </c>
      <c r="DI18" s="208">
        <v>0</v>
      </c>
      <c r="DJ18" s="205">
        <v>0</v>
      </c>
      <c r="DK18" s="205">
        <v>0</v>
      </c>
      <c r="DL18" s="206">
        <v>0</v>
      </c>
      <c r="DM18" s="204">
        <v>0</v>
      </c>
      <c r="DN18" s="204">
        <v>0</v>
      </c>
      <c r="DO18" s="204">
        <v>0</v>
      </c>
      <c r="DP18" s="205">
        <v>0</v>
      </c>
      <c r="DQ18" s="226">
        <v>0</v>
      </c>
      <c r="DR18" s="228">
        <v>0</v>
      </c>
      <c r="DS18" s="208">
        <v>0</v>
      </c>
      <c r="DT18" s="205">
        <v>0</v>
      </c>
      <c r="DU18" s="205">
        <v>0</v>
      </c>
      <c r="DV18" s="206">
        <v>23</v>
      </c>
      <c r="DW18" s="204">
        <v>32</v>
      </c>
      <c r="DX18" s="204">
        <v>122</v>
      </c>
      <c r="DY18" s="204">
        <v>221</v>
      </c>
      <c r="DZ18" s="205">
        <v>92</v>
      </c>
      <c r="EA18" s="226">
        <v>490</v>
      </c>
      <c r="EB18" s="228">
        <v>490</v>
      </c>
      <c r="EC18" s="225"/>
    </row>
    <row r="19" spans="2:133" ht="21" customHeight="1" x14ac:dyDescent="0.2">
      <c r="B19" s="92" t="s">
        <v>16</v>
      </c>
      <c r="C19" s="203">
        <v>0</v>
      </c>
      <c r="D19" s="205">
        <v>0</v>
      </c>
      <c r="E19" s="205">
        <v>0</v>
      </c>
      <c r="F19" s="206">
        <v>6</v>
      </c>
      <c r="G19" s="204">
        <v>13</v>
      </c>
      <c r="H19" s="204">
        <v>226</v>
      </c>
      <c r="I19" s="204">
        <v>304</v>
      </c>
      <c r="J19" s="205">
        <v>176</v>
      </c>
      <c r="K19" s="226">
        <v>725</v>
      </c>
      <c r="L19" s="227">
        <v>725</v>
      </c>
      <c r="M19" s="203">
        <v>0</v>
      </c>
      <c r="N19" s="205">
        <v>0</v>
      </c>
      <c r="O19" s="226">
        <v>0</v>
      </c>
      <c r="P19" s="206">
        <v>6</v>
      </c>
      <c r="Q19" s="204">
        <v>12</v>
      </c>
      <c r="R19" s="204">
        <v>225</v>
      </c>
      <c r="S19" s="204">
        <v>303</v>
      </c>
      <c r="T19" s="205">
        <v>174</v>
      </c>
      <c r="U19" s="226">
        <v>720</v>
      </c>
      <c r="V19" s="228">
        <v>720</v>
      </c>
      <c r="W19" s="208">
        <v>0</v>
      </c>
      <c r="X19" s="205">
        <v>0</v>
      </c>
      <c r="Y19" s="226">
        <v>0</v>
      </c>
      <c r="Z19" s="208">
        <v>0</v>
      </c>
      <c r="AA19" s="204">
        <v>1</v>
      </c>
      <c r="AB19" s="204">
        <v>1</v>
      </c>
      <c r="AC19" s="204">
        <v>1</v>
      </c>
      <c r="AD19" s="205">
        <v>2</v>
      </c>
      <c r="AE19" s="226">
        <v>5</v>
      </c>
      <c r="AF19" s="207">
        <v>5</v>
      </c>
      <c r="AG19" s="208">
        <v>0</v>
      </c>
      <c r="AH19" s="205">
        <v>0</v>
      </c>
      <c r="AI19" s="226">
        <v>0</v>
      </c>
      <c r="AJ19" s="208">
        <v>60</v>
      </c>
      <c r="AK19" s="204">
        <v>82</v>
      </c>
      <c r="AL19" s="204">
        <v>134</v>
      </c>
      <c r="AM19" s="204">
        <v>151</v>
      </c>
      <c r="AN19" s="205">
        <v>67</v>
      </c>
      <c r="AO19" s="226">
        <v>494</v>
      </c>
      <c r="AP19" s="207">
        <v>494</v>
      </c>
      <c r="AQ19" s="208">
        <v>0</v>
      </c>
      <c r="AR19" s="205">
        <v>0</v>
      </c>
      <c r="AS19" s="226">
        <v>0</v>
      </c>
      <c r="AT19" s="206">
        <v>60</v>
      </c>
      <c r="AU19" s="204">
        <v>82</v>
      </c>
      <c r="AV19" s="204">
        <v>132</v>
      </c>
      <c r="AW19" s="204">
        <v>149</v>
      </c>
      <c r="AX19" s="205">
        <v>66</v>
      </c>
      <c r="AY19" s="226">
        <v>489</v>
      </c>
      <c r="AZ19" s="227">
        <v>489</v>
      </c>
      <c r="BA19" s="203">
        <v>0</v>
      </c>
      <c r="BB19" s="205">
        <v>0</v>
      </c>
      <c r="BC19" s="205">
        <v>0</v>
      </c>
      <c r="BD19" s="206">
        <v>0</v>
      </c>
      <c r="BE19" s="204">
        <v>0</v>
      </c>
      <c r="BF19" s="204">
        <v>2</v>
      </c>
      <c r="BG19" s="204">
        <v>2</v>
      </c>
      <c r="BH19" s="205">
        <v>1</v>
      </c>
      <c r="BI19" s="226">
        <v>5</v>
      </c>
      <c r="BJ19" s="228">
        <v>5</v>
      </c>
      <c r="BK19" s="208">
        <v>0</v>
      </c>
      <c r="BL19" s="205">
        <v>0</v>
      </c>
      <c r="BM19" s="205">
        <v>0</v>
      </c>
      <c r="BN19" s="206">
        <v>0</v>
      </c>
      <c r="BO19" s="204">
        <v>0</v>
      </c>
      <c r="BP19" s="204">
        <v>0</v>
      </c>
      <c r="BQ19" s="204">
        <v>0</v>
      </c>
      <c r="BR19" s="205">
        <v>0</v>
      </c>
      <c r="BS19" s="226">
        <v>0</v>
      </c>
      <c r="BT19" s="227">
        <v>0</v>
      </c>
      <c r="BU19" s="203">
        <v>0</v>
      </c>
      <c r="BV19" s="205">
        <v>0</v>
      </c>
      <c r="BW19" s="205">
        <v>0</v>
      </c>
      <c r="BX19" s="206">
        <v>0</v>
      </c>
      <c r="BY19" s="204">
        <v>0</v>
      </c>
      <c r="BZ19" s="204">
        <v>0</v>
      </c>
      <c r="CA19" s="204">
        <v>0</v>
      </c>
      <c r="CB19" s="205">
        <v>0</v>
      </c>
      <c r="CC19" s="226">
        <v>0</v>
      </c>
      <c r="CD19" s="228">
        <v>0</v>
      </c>
      <c r="CE19" s="208">
        <v>0</v>
      </c>
      <c r="CF19" s="205">
        <v>0</v>
      </c>
      <c r="CG19" s="205">
        <v>0</v>
      </c>
      <c r="CH19" s="206">
        <v>0</v>
      </c>
      <c r="CI19" s="204">
        <v>0</v>
      </c>
      <c r="CJ19" s="204">
        <v>0</v>
      </c>
      <c r="CK19" s="204">
        <v>0</v>
      </c>
      <c r="CL19" s="205">
        <v>0</v>
      </c>
      <c r="CM19" s="226">
        <v>0</v>
      </c>
      <c r="CN19" s="228">
        <v>0</v>
      </c>
      <c r="CO19" s="208">
        <v>0</v>
      </c>
      <c r="CP19" s="205">
        <v>0</v>
      </c>
      <c r="CQ19" s="205">
        <v>0</v>
      </c>
      <c r="CR19" s="206">
        <v>0</v>
      </c>
      <c r="CS19" s="204">
        <v>0</v>
      </c>
      <c r="CT19" s="204">
        <v>3</v>
      </c>
      <c r="CU19" s="204">
        <v>15</v>
      </c>
      <c r="CV19" s="205">
        <v>8</v>
      </c>
      <c r="CW19" s="226">
        <v>26</v>
      </c>
      <c r="CX19" s="227">
        <v>26</v>
      </c>
      <c r="CY19" s="203">
        <v>0</v>
      </c>
      <c r="CZ19" s="205">
        <v>0</v>
      </c>
      <c r="DA19" s="205">
        <v>0</v>
      </c>
      <c r="DB19" s="206">
        <v>0</v>
      </c>
      <c r="DC19" s="204">
        <v>0</v>
      </c>
      <c r="DD19" s="204">
        <v>3</v>
      </c>
      <c r="DE19" s="204">
        <v>15</v>
      </c>
      <c r="DF19" s="205">
        <v>8</v>
      </c>
      <c r="DG19" s="226">
        <v>26</v>
      </c>
      <c r="DH19" s="228">
        <v>26</v>
      </c>
      <c r="DI19" s="208">
        <v>0</v>
      </c>
      <c r="DJ19" s="205">
        <v>0</v>
      </c>
      <c r="DK19" s="205">
        <v>0</v>
      </c>
      <c r="DL19" s="206">
        <v>0</v>
      </c>
      <c r="DM19" s="204">
        <v>0</v>
      </c>
      <c r="DN19" s="204">
        <v>0</v>
      </c>
      <c r="DO19" s="204">
        <v>0</v>
      </c>
      <c r="DP19" s="205">
        <v>0</v>
      </c>
      <c r="DQ19" s="226">
        <v>0</v>
      </c>
      <c r="DR19" s="228">
        <v>0</v>
      </c>
      <c r="DS19" s="208">
        <v>0</v>
      </c>
      <c r="DT19" s="205">
        <v>0</v>
      </c>
      <c r="DU19" s="205">
        <v>0</v>
      </c>
      <c r="DV19" s="206">
        <v>66</v>
      </c>
      <c r="DW19" s="204">
        <v>95</v>
      </c>
      <c r="DX19" s="204">
        <v>361</v>
      </c>
      <c r="DY19" s="204">
        <v>466</v>
      </c>
      <c r="DZ19" s="205">
        <v>250</v>
      </c>
      <c r="EA19" s="226">
        <v>1238</v>
      </c>
      <c r="EB19" s="228">
        <v>1238</v>
      </c>
      <c r="EC19" s="225"/>
    </row>
    <row r="20" spans="2:133" ht="21" customHeight="1" x14ac:dyDescent="0.2">
      <c r="B20" s="92" t="s">
        <v>17</v>
      </c>
      <c r="C20" s="203">
        <v>0</v>
      </c>
      <c r="D20" s="205">
        <v>0</v>
      </c>
      <c r="E20" s="205">
        <v>0</v>
      </c>
      <c r="F20" s="206">
        <v>5</v>
      </c>
      <c r="G20" s="204">
        <v>14</v>
      </c>
      <c r="H20" s="204">
        <v>212</v>
      </c>
      <c r="I20" s="204">
        <v>298</v>
      </c>
      <c r="J20" s="205">
        <v>212</v>
      </c>
      <c r="K20" s="226">
        <v>741</v>
      </c>
      <c r="L20" s="227">
        <v>741</v>
      </c>
      <c r="M20" s="203">
        <v>0</v>
      </c>
      <c r="N20" s="205">
        <v>0</v>
      </c>
      <c r="O20" s="226">
        <v>0</v>
      </c>
      <c r="P20" s="206">
        <v>5</v>
      </c>
      <c r="Q20" s="204">
        <v>14</v>
      </c>
      <c r="R20" s="204">
        <v>212</v>
      </c>
      <c r="S20" s="204">
        <v>295</v>
      </c>
      <c r="T20" s="205">
        <v>208</v>
      </c>
      <c r="U20" s="226">
        <v>734</v>
      </c>
      <c r="V20" s="228">
        <v>734</v>
      </c>
      <c r="W20" s="208">
        <v>0</v>
      </c>
      <c r="X20" s="205">
        <v>0</v>
      </c>
      <c r="Y20" s="226">
        <v>0</v>
      </c>
      <c r="Z20" s="208">
        <v>0</v>
      </c>
      <c r="AA20" s="204">
        <v>0</v>
      </c>
      <c r="AB20" s="204">
        <v>0</v>
      </c>
      <c r="AC20" s="204">
        <v>3</v>
      </c>
      <c r="AD20" s="205">
        <v>4</v>
      </c>
      <c r="AE20" s="226">
        <v>7</v>
      </c>
      <c r="AF20" s="207">
        <v>7</v>
      </c>
      <c r="AG20" s="208">
        <v>0</v>
      </c>
      <c r="AH20" s="205">
        <v>0</v>
      </c>
      <c r="AI20" s="226">
        <v>0</v>
      </c>
      <c r="AJ20" s="208">
        <v>37</v>
      </c>
      <c r="AK20" s="204">
        <v>121</v>
      </c>
      <c r="AL20" s="204">
        <v>161</v>
      </c>
      <c r="AM20" s="204">
        <v>146</v>
      </c>
      <c r="AN20" s="205">
        <v>79</v>
      </c>
      <c r="AO20" s="226">
        <v>544</v>
      </c>
      <c r="AP20" s="207">
        <v>544</v>
      </c>
      <c r="AQ20" s="208">
        <v>0</v>
      </c>
      <c r="AR20" s="205">
        <v>0</v>
      </c>
      <c r="AS20" s="226">
        <v>0</v>
      </c>
      <c r="AT20" s="206">
        <v>36</v>
      </c>
      <c r="AU20" s="204">
        <v>118</v>
      </c>
      <c r="AV20" s="204">
        <v>159</v>
      </c>
      <c r="AW20" s="204">
        <v>144</v>
      </c>
      <c r="AX20" s="205">
        <v>77</v>
      </c>
      <c r="AY20" s="226">
        <v>534</v>
      </c>
      <c r="AZ20" s="227">
        <v>534</v>
      </c>
      <c r="BA20" s="203">
        <v>0</v>
      </c>
      <c r="BB20" s="205">
        <v>0</v>
      </c>
      <c r="BC20" s="205">
        <v>0</v>
      </c>
      <c r="BD20" s="206">
        <v>1</v>
      </c>
      <c r="BE20" s="204">
        <v>3</v>
      </c>
      <c r="BF20" s="204">
        <v>2</v>
      </c>
      <c r="BG20" s="204">
        <v>2</v>
      </c>
      <c r="BH20" s="205">
        <v>2</v>
      </c>
      <c r="BI20" s="226">
        <v>10</v>
      </c>
      <c r="BJ20" s="228">
        <v>10</v>
      </c>
      <c r="BK20" s="208">
        <v>0</v>
      </c>
      <c r="BL20" s="205">
        <v>0</v>
      </c>
      <c r="BM20" s="205">
        <v>0</v>
      </c>
      <c r="BN20" s="206">
        <v>0</v>
      </c>
      <c r="BO20" s="204">
        <v>0</v>
      </c>
      <c r="BP20" s="204">
        <v>0</v>
      </c>
      <c r="BQ20" s="204">
        <v>0</v>
      </c>
      <c r="BR20" s="205">
        <v>0</v>
      </c>
      <c r="BS20" s="226">
        <v>0</v>
      </c>
      <c r="BT20" s="227">
        <v>0</v>
      </c>
      <c r="BU20" s="203">
        <v>0</v>
      </c>
      <c r="BV20" s="205">
        <v>0</v>
      </c>
      <c r="BW20" s="205">
        <v>0</v>
      </c>
      <c r="BX20" s="206">
        <v>0</v>
      </c>
      <c r="BY20" s="204">
        <v>0</v>
      </c>
      <c r="BZ20" s="204">
        <v>0</v>
      </c>
      <c r="CA20" s="204">
        <v>0</v>
      </c>
      <c r="CB20" s="205">
        <v>0</v>
      </c>
      <c r="CC20" s="226">
        <v>0</v>
      </c>
      <c r="CD20" s="228">
        <v>0</v>
      </c>
      <c r="CE20" s="208">
        <v>0</v>
      </c>
      <c r="CF20" s="205">
        <v>0</v>
      </c>
      <c r="CG20" s="205">
        <v>0</v>
      </c>
      <c r="CH20" s="206">
        <v>0</v>
      </c>
      <c r="CI20" s="204">
        <v>0</v>
      </c>
      <c r="CJ20" s="204">
        <v>0</v>
      </c>
      <c r="CK20" s="204">
        <v>0</v>
      </c>
      <c r="CL20" s="205">
        <v>0</v>
      </c>
      <c r="CM20" s="226">
        <v>0</v>
      </c>
      <c r="CN20" s="228">
        <v>0</v>
      </c>
      <c r="CO20" s="208">
        <v>0</v>
      </c>
      <c r="CP20" s="205">
        <v>0</v>
      </c>
      <c r="CQ20" s="205">
        <v>0</v>
      </c>
      <c r="CR20" s="206">
        <v>0</v>
      </c>
      <c r="CS20" s="204">
        <v>0</v>
      </c>
      <c r="CT20" s="204">
        <v>0</v>
      </c>
      <c r="CU20" s="204">
        <v>8</v>
      </c>
      <c r="CV20" s="205">
        <v>16</v>
      </c>
      <c r="CW20" s="226">
        <v>24</v>
      </c>
      <c r="CX20" s="227">
        <v>24</v>
      </c>
      <c r="CY20" s="203">
        <v>0</v>
      </c>
      <c r="CZ20" s="205">
        <v>0</v>
      </c>
      <c r="DA20" s="205">
        <v>0</v>
      </c>
      <c r="DB20" s="206">
        <v>0</v>
      </c>
      <c r="DC20" s="204">
        <v>0</v>
      </c>
      <c r="DD20" s="204">
        <v>0</v>
      </c>
      <c r="DE20" s="204">
        <v>8</v>
      </c>
      <c r="DF20" s="205">
        <v>14</v>
      </c>
      <c r="DG20" s="226">
        <v>22</v>
      </c>
      <c r="DH20" s="228">
        <v>22</v>
      </c>
      <c r="DI20" s="208">
        <v>0</v>
      </c>
      <c r="DJ20" s="205">
        <v>0</v>
      </c>
      <c r="DK20" s="205">
        <v>0</v>
      </c>
      <c r="DL20" s="206">
        <v>0</v>
      </c>
      <c r="DM20" s="204">
        <v>0</v>
      </c>
      <c r="DN20" s="204">
        <v>0</v>
      </c>
      <c r="DO20" s="204">
        <v>0</v>
      </c>
      <c r="DP20" s="205">
        <v>2</v>
      </c>
      <c r="DQ20" s="226">
        <v>2</v>
      </c>
      <c r="DR20" s="228">
        <v>2</v>
      </c>
      <c r="DS20" s="208">
        <v>0</v>
      </c>
      <c r="DT20" s="205">
        <v>0</v>
      </c>
      <c r="DU20" s="205">
        <v>0</v>
      </c>
      <c r="DV20" s="206">
        <v>42</v>
      </c>
      <c r="DW20" s="204">
        <v>135</v>
      </c>
      <c r="DX20" s="204">
        <v>373</v>
      </c>
      <c r="DY20" s="204">
        <v>452</v>
      </c>
      <c r="DZ20" s="205">
        <v>307</v>
      </c>
      <c r="EA20" s="226">
        <v>1309</v>
      </c>
      <c r="EB20" s="228">
        <v>1309</v>
      </c>
      <c r="EC20" s="225"/>
    </row>
    <row r="21" spans="2:133" ht="21" customHeight="1" x14ac:dyDescent="0.2">
      <c r="B21" s="92" t="s">
        <v>18</v>
      </c>
      <c r="C21" s="203">
        <v>0</v>
      </c>
      <c r="D21" s="205">
        <v>0</v>
      </c>
      <c r="E21" s="205">
        <v>0</v>
      </c>
      <c r="F21" s="206">
        <v>5</v>
      </c>
      <c r="G21" s="204">
        <v>12</v>
      </c>
      <c r="H21" s="204">
        <v>198</v>
      </c>
      <c r="I21" s="204">
        <v>402</v>
      </c>
      <c r="J21" s="205">
        <v>252</v>
      </c>
      <c r="K21" s="226">
        <v>869</v>
      </c>
      <c r="L21" s="227">
        <v>869</v>
      </c>
      <c r="M21" s="203">
        <v>0</v>
      </c>
      <c r="N21" s="205">
        <v>0</v>
      </c>
      <c r="O21" s="226">
        <v>0</v>
      </c>
      <c r="P21" s="206">
        <v>5</v>
      </c>
      <c r="Q21" s="204">
        <v>12</v>
      </c>
      <c r="R21" s="204">
        <v>196</v>
      </c>
      <c r="S21" s="204">
        <v>395</v>
      </c>
      <c r="T21" s="205">
        <v>248</v>
      </c>
      <c r="U21" s="226">
        <v>856</v>
      </c>
      <c r="V21" s="228">
        <v>856</v>
      </c>
      <c r="W21" s="208">
        <v>0</v>
      </c>
      <c r="X21" s="205">
        <v>0</v>
      </c>
      <c r="Y21" s="226">
        <v>0</v>
      </c>
      <c r="Z21" s="208">
        <v>0</v>
      </c>
      <c r="AA21" s="204">
        <v>0</v>
      </c>
      <c r="AB21" s="204">
        <v>2</v>
      </c>
      <c r="AC21" s="204">
        <v>7</v>
      </c>
      <c r="AD21" s="205">
        <v>4</v>
      </c>
      <c r="AE21" s="226">
        <v>13</v>
      </c>
      <c r="AF21" s="207">
        <v>13</v>
      </c>
      <c r="AG21" s="208">
        <v>0</v>
      </c>
      <c r="AH21" s="205">
        <v>0</v>
      </c>
      <c r="AI21" s="226">
        <v>0</v>
      </c>
      <c r="AJ21" s="208">
        <v>25</v>
      </c>
      <c r="AK21" s="204">
        <v>70</v>
      </c>
      <c r="AL21" s="204">
        <v>108</v>
      </c>
      <c r="AM21" s="204">
        <v>114</v>
      </c>
      <c r="AN21" s="205">
        <v>71</v>
      </c>
      <c r="AO21" s="226">
        <v>388</v>
      </c>
      <c r="AP21" s="207">
        <v>388</v>
      </c>
      <c r="AQ21" s="208">
        <v>0</v>
      </c>
      <c r="AR21" s="205">
        <v>0</v>
      </c>
      <c r="AS21" s="226">
        <v>0</v>
      </c>
      <c r="AT21" s="206">
        <v>25</v>
      </c>
      <c r="AU21" s="204">
        <v>67</v>
      </c>
      <c r="AV21" s="204">
        <v>106</v>
      </c>
      <c r="AW21" s="204">
        <v>113</v>
      </c>
      <c r="AX21" s="205">
        <v>67</v>
      </c>
      <c r="AY21" s="226">
        <v>378</v>
      </c>
      <c r="AZ21" s="227">
        <v>378</v>
      </c>
      <c r="BA21" s="203">
        <v>0</v>
      </c>
      <c r="BB21" s="205">
        <v>0</v>
      </c>
      <c r="BC21" s="205">
        <v>0</v>
      </c>
      <c r="BD21" s="206">
        <v>0</v>
      </c>
      <c r="BE21" s="204">
        <v>3</v>
      </c>
      <c r="BF21" s="204">
        <v>2</v>
      </c>
      <c r="BG21" s="204">
        <v>1</v>
      </c>
      <c r="BH21" s="205">
        <v>4</v>
      </c>
      <c r="BI21" s="226">
        <v>10</v>
      </c>
      <c r="BJ21" s="228">
        <v>10</v>
      </c>
      <c r="BK21" s="208">
        <v>0</v>
      </c>
      <c r="BL21" s="205">
        <v>0</v>
      </c>
      <c r="BM21" s="205">
        <v>0</v>
      </c>
      <c r="BN21" s="206">
        <v>0</v>
      </c>
      <c r="BO21" s="204">
        <v>0</v>
      </c>
      <c r="BP21" s="204">
        <v>0</v>
      </c>
      <c r="BQ21" s="204">
        <v>0</v>
      </c>
      <c r="BR21" s="205">
        <v>0</v>
      </c>
      <c r="BS21" s="226">
        <v>0</v>
      </c>
      <c r="BT21" s="227">
        <v>0</v>
      </c>
      <c r="BU21" s="203">
        <v>0</v>
      </c>
      <c r="BV21" s="205">
        <v>0</v>
      </c>
      <c r="BW21" s="205">
        <v>0</v>
      </c>
      <c r="BX21" s="206">
        <v>0</v>
      </c>
      <c r="BY21" s="204">
        <v>0</v>
      </c>
      <c r="BZ21" s="204">
        <v>0</v>
      </c>
      <c r="CA21" s="204">
        <v>0</v>
      </c>
      <c r="CB21" s="205">
        <v>0</v>
      </c>
      <c r="CC21" s="226">
        <v>0</v>
      </c>
      <c r="CD21" s="228">
        <v>0</v>
      </c>
      <c r="CE21" s="208">
        <v>0</v>
      </c>
      <c r="CF21" s="205">
        <v>0</v>
      </c>
      <c r="CG21" s="205">
        <v>0</v>
      </c>
      <c r="CH21" s="206">
        <v>0</v>
      </c>
      <c r="CI21" s="204">
        <v>0</v>
      </c>
      <c r="CJ21" s="204">
        <v>0</v>
      </c>
      <c r="CK21" s="204">
        <v>0</v>
      </c>
      <c r="CL21" s="205">
        <v>0</v>
      </c>
      <c r="CM21" s="226">
        <v>0</v>
      </c>
      <c r="CN21" s="228">
        <v>0</v>
      </c>
      <c r="CO21" s="208">
        <v>0</v>
      </c>
      <c r="CP21" s="205">
        <v>0</v>
      </c>
      <c r="CQ21" s="205">
        <v>0</v>
      </c>
      <c r="CR21" s="206">
        <v>0</v>
      </c>
      <c r="CS21" s="204">
        <v>1</v>
      </c>
      <c r="CT21" s="204">
        <v>1</v>
      </c>
      <c r="CU21" s="204">
        <v>12</v>
      </c>
      <c r="CV21" s="205">
        <v>19</v>
      </c>
      <c r="CW21" s="226">
        <v>33</v>
      </c>
      <c r="CX21" s="227">
        <v>33</v>
      </c>
      <c r="CY21" s="203">
        <v>0</v>
      </c>
      <c r="CZ21" s="205">
        <v>0</v>
      </c>
      <c r="DA21" s="205">
        <v>0</v>
      </c>
      <c r="DB21" s="206">
        <v>0</v>
      </c>
      <c r="DC21" s="204">
        <v>1</v>
      </c>
      <c r="DD21" s="204">
        <v>1</v>
      </c>
      <c r="DE21" s="204">
        <v>11</v>
      </c>
      <c r="DF21" s="205">
        <v>19</v>
      </c>
      <c r="DG21" s="226">
        <v>32</v>
      </c>
      <c r="DH21" s="228">
        <v>32</v>
      </c>
      <c r="DI21" s="208">
        <v>0</v>
      </c>
      <c r="DJ21" s="205">
        <v>0</v>
      </c>
      <c r="DK21" s="205">
        <v>0</v>
      </c>
      <c r="DL21" s="206">
        <v>0</v>
      </c>
      <c r="DM21" s="204">
        <v>0</v>
      </c>
      <c r="DN21" s="204">
        <v>0</v>
      </c>
      <c r="DO21" s="204">
        <v>1</v>
      </c>
      <c r="DP21" s="205">
        <v>0</v>
      </c>
      <c r="DQ21" s="226">
        <v>1</v>
      </c>
      <c r="DR21" s="228">
        <v>1</v>
      </c>
      <c r="DS21" s="208">
        <v>0</v>
      </c>
      <c r="DT21" s="205">
        <v>0</v>
      </c>
      <c r="DU21" s="205">
        <v>0</v>
      </c>
      <c r="DV21" s="206">
        <v>30</v>
      </c>
      <c r="DW21" s="204">
        <v>83</v>
      </c>
      <c r="DX21" s="204">
        <v>307</v>
      </c>
      <c r="DY21" s="204">
        <v>524</v>
      </c>
      <c r="DZ21" s="205">
        <v>341</v>
      </c>
      <c r="EA21" s="226">
        <v>1285</v>
      </c>
      <c r="EB21" s="228">
        <v>1285</v>
      </c>
      <c r="EC21" s="225"/>
    </row>
    <row r="22" spans="2:133" ht="21" customHeight="1" x14ac:dyDescent="0.2">
      <c r="B22" s="92" t="s">
        <v>19</v>
      </c>
      <c r="C22" s="203">
        <v>0</v>
      </c>
      <c r="D22" s="205">
        <v>0</v>
      </c>
      <c r="E22" s="205">
        <v>0</v>
      </c>
      <c r="F22" s="206">
        <v>0</v>
      </c>
      <c r="G22" s="204">
        <v>6</v>
      </c>
      <c r="H22" s="204">
        <v>135</v>
      </c>
      <c r="I22" s="204">
        <v>131</v>
      </c>
      <c r="J22" s="205">
        <v>123</v>
      </c>
      <c r="K22" s="226">
        <v>395</v>
      </c>
      <c r="L22" s="227">
        <v>395</v>
      </c>
      <c r="M22" s="203">
        <v>0</v>
      </c>
      <c r="N22" s="205">
        <v>0</v>
      </c>
      <c r="O22" s="226">
        <v>0</v>
      </c>
      <c r="P22" s="206">
        <v>0</v>
      </c>
      <c r="Q22" s="204">
        <v>6</v>
      </c>
      <c r="R22" s="204">
        <v>133</v>
      </c>
      <c r="S22" s="204">
        <v>130</v>
      </c>
      <c r="T22" s="205">
        <v>122</v>
      </c>
      <c r="U22" s="226">
        <v>391</v>
      </c>
      <c r="V22" s="228">
        <v>391</v>
      </c>
      <c r="W22" s="208">
        <v>0</v>
      </c>
      <c r="X22" s="205">
        <v>0</v>
      </c>
      <c r="Y22" s="226">
        <v>0</v>
      </c>
      <c r="Z22" s="208">
        <v>0</v>
      </c>
      <c r="AA22" s="204">
        <v>0</v>
      </c>
      <c r="AB22" s="204">
        <v>2</v>
      </c>
      <c r="AC22" s="204">
        <v>1</v>
      </c>
      <c r="AD22" s="205">
        <v>1</v>
      </c>
      <c r="AE22" s="226">
        <v>4</v>
      </c>
      <c r="AF22" s="207">
        <v>4</v>
      </c>
      <c r="AG22" s="208">
        <v>0</v>
      </c>
      <c r="AH22" s="205">
        <v>0</v>
      </c>
      <c r="AI22" s="226">
        <v>0</v>
      </c>
      <c r="AJ22" s="208">
        <v>27</v>
      </c>
      <c r="AK22" s="204">
        <v>52</v>
      </c>
      <c r="AL22" s="204">
        <v>83</v>
      </c>
      <c r="AM22" s="204">
        <v>56</v>
      </c>
      <c r="AN22" s="205">
        <v>26</v>
      </c>
      <c r="AO22" s="226">
        <v>244</v>
      </c>
      <c r="AP22" s="207">
        <v>244</v>
      </c>
      <c r="AQ22" s="208">
        <v>0</v>
      </c>
      <c r="AR22" s="205">
        <v>0</v>
      </c>
      <c r="AS22" s="226">
        <v>0</v>
      </c>
      <c r="AT22" s="206">
        <v>26</v>
      </c>
      <c r="AU22" s="204">
        <v>51</v>
      </c>
      <c r="AV22" s="204">
        <v>82</v>
      </c>
      <c r="AW22" s="204">
        <v>55</v>
      </c>
      <c r="AX22" s="205">
        <v>26</v>
      </c>
      <c r="AY22" s="226">
        <v>240</v>
      </c>
      <c r="AZ22" s="227">
        <v>240</v>
      </c>
      <c r="BA22" s="203">
        <v>0</v>
      </c>
      <c r="BB22" s="205">
        <v>0</v>
      </c>
      <c r="BC22" s="205">
        <v>0</v>
      </c>
      <c r="BD22" s="206">
        <v>1</v>
      </c>
      <c r="BE22" s="204">
        <v>1</v>
      </c>
      <c r="BF22" s="204">
        <v>1</v>
      </c>
      <c r="BG22" s="204">
        <v>1</v>
      </c>
      <c r="BH22" s="205">
        <v>0</v>
      </c>
      <c r="BI22" s="226">
        <v>4</v>
      </c>
      <c r="BJ22" s="228">
        <v>4</v>
      </c>
      <c r="BK22" s="208">
        <v>0</v>
      </c>
      <c r="BL22" s="205">
        <v>0</v>
      </c>
      <c r="BM22" s="205">
        <v>0</v>
      </c>
      <c r="BN22" s="206">
        <v>0</v>
      </c>
      <c r="BO22" s="204">
        <v>0</v>
      </c>
      <c r="BP22" s="204">
        <v>0</v>
      </c>
      <c r="BQ22" s="204">
        <v>0</v>
      </c>
      <c r="BR22" s="205">
        <v>0</v>
      </c>
      <c r="BS22" s="226">
        <v>0</v>
      </c>
      <c r="BT22" s="227">
        <v>0</v>
      </c>
      <c r="BU22" s="203">
        <v>0</v>
      </c>
      <c r="BV22" s="205">
        <v>0</v>
      </c>
      <c r="BW22" s="205">
        <v>0</v>
      </c>
      <c r="BX22" s="206">
        <v>0</v>
      </c>
      <c r="BY22" s="204">
        <v>0</v>
      </c>
      <c r="BZ22" s="204">
        <v>0</v>
      </c>
      <c r="CA22" s="204">
        <v>0</v>
      </c>
      <c r="CB22" s="205">
        <v>0</v>
      </c>
      <c r="CC22" s="226">
        <v>0</v>
      </c>
      <c r="CD22" s="228">
        <v>0</v>
      </c>
      <c r="CE22" s="208">
        <v>0</v>
      </c>
      <c r="CF22" s="205">
        <v>0</v>
      </c>
      <c r="CG22" s="205">
        <v>0</v>
      </c>
      <c r="CH22" s="206">
        <v>0</v>
      </c>
      <c r="CI22" s="204">
        <v>0</v>
      </c>
      <c r="CJ22" s="204">
        <v>0</v>
      </c>
      <c r="CK22" s="204">
        <v>0</v>
      </c>
      <c r="CL22" s="205">
        <v>0</v>
      </c>
      <c r="CM22" s="226">
        <v>0</v>
      </c>
      <c r="CN22" s="228">
        <v>0</v>
      </c>
      <c r="CO22" s="208">
        <v>0</v>
      </c>
      <c r="CP22" s="205">
        <v>0</v>
      </c>
      <c r="CQ22" s="205">
        <v>0</v>
      </c>
      <c r="CR22" s="206">
        <v>0</v>
      </c>
      <c r="CS22" s="204">
        <v>0</v>
      </c>
      <c r="CT22" s="204">
        <v>0</v>
      </c>
      <c r="CU22" s="204">
        <v>3</v>
      </c>
      <c r="CV22" s="205">
        <v>5</v>
      </c>
      <c r="CW22" s="226">
        <v>8</v>
      </c>
      <c r="CX22" s="227">
        <v>8</v>
      </c>
      <c r="CY22" s="203">
        <v>0</v>
      </c>
      <c r="CZ22" s="205">
        <v>0</v>
      </c>
      <c r="DA22" s="205">
        <v>0</v>
      </c>
      <c r="DB22" s="206">
        <v>0</v>
      </c>
      <c r="DC22" s="204">
        <v>0</v>
      </c>
      <c r="DD22" s="204">
        <v>0</v>
      </c>
      <c r="DE22" s="204">
        <v>3</v>
      </c>
      <c r="DF22" s="205">
        <v>5</v>
      </c>
      <c r="DG22" s="226">
        <v>8</v>
      </c>
      <c r="DH22" s="228">
        <v>8</v>
      </c>
      <c r="DI22" s="208">
        <v>0</v>
      </c>
      <c r="DJ22" s="205">
        <v>0</v>
      </c>
      <c r="DK22" s="205">
        <v>0</v>
      </c>
      <c r="DL22" s="206">
        <v>0</v>
      </c>
      <c r="DM22" s="204">
        <v>0</v>
      </c>
      <c r="DN22" s="204">
        <v>0</v>
      </c>
      <c r="DO22" s="204">
        <v>0</v>
      </c>
      <c r="DP22" s="205">
        <v>0</v>
      </c>
      <c r="DQ22" s="226">
        <v>0</v>
      </c>
      <c r="DR22" s="228">
        <v>0</v>
      </c>
      <c r="DS22" s="208">
        <v>0</v>
      </c>
      <c r="DT22" s="205">
        <v>0</v>
      </c>
      <c r="DU22" s="205">
        <v>0</v>
      </c>
      <c r="DV22" s="206">
        <v>27</v>
      </c>
      <c r="DW22" s="204">
        <v>58</v>
      </c>
      <c r="DX22" s="204">
        <v>216</v>
      </c>
      <c r="DY22" s="204">
        <v>189</v>
      </c>
      <c r="DZ22" s="205">
        <v>154</v>
      </c>
      <c r="EA22" s="226">
        <v>644</v>
      </c>
      <c r="EB22" s="228">
        <v>644</v>
      </c>
      <c r="EC22" s="225"/>
    </row>
    <row r="23" spans="2:133" ht="21" customHeight="1" x14ac:dyDescent="0.2">
      <c r="B23" s="92" t="s">
        <v>20</v>
      </c>
      <c r="C23" s="203">
        <v>0</v>
      </c>
      <c r="D23" s="205">
        <v>0</v>
      </c>
      <c r="E23" s="205">
        <v>0</v>
      </c>
      <c r="F23" s="206">
        <v>5</v>
      </c>
      <c r="G23" s="204">
        <v>23</v>
      </c>
      <c r="H23" s="204">
        <v>147</v>
      </c>
      <c r="I23" s="204">
        <v>226</v>
      </c>
      <c r="J23" s="205">
        <v>107</v>
      </c>
      <c r="K23" s="226">
        <v>508</v>
      </c>
      <c r="L23" s="227">
        <v>508</v>
      </c>
      <c r="M23" s="203">
        <v>0</v>
      </c>
      <c r="N23" s="205">
        <v>0</v>
      </c>
      <c r="O23" s="226">
        <v>0</v>
      </c>
      <c r="P23" s="206">
        <v>5</v>
      </c>
      <c r="Q23" s="204">
        <v>23</v>
      </c>
      <c r="R23" s="204">
        <v>147</v>
      </c>
      <c r="S23" s="204">
        <v>224</v>
      </c>
      <c r="T23" s="205">
        <v>105</v>
      </c>
      <c r="U23" s="226">
        <v>504</v>
      </c>
      <c r="V23" s="228">
        <v>504</v>
      </c>
      <c r="W23" s="208">
        <v>0</v>
      </c>
      <c r="X23" s="205">
        <v>0</v>
      </c>
      <c r="Y23" s="226">
        <v>0</v>
      </c>
      <c r="Z23" s="208">
        <v>0</v>
      </c>
      <c r="AA23" s="204">
        <v>0</v>
      </c>
      <c r="AB23" s="204">
        <v>0</v>
      </c>
      <c r="AC23" s="204">
        <v>2</v>
      </c>
      <c r="AD23" s="205">
        <v>2</v>
      </c>
      <c r="AE23" s="226">
        <v>4</v>
      </c>
      <c r="AF23" s="207">
        <v>4</v>
      </c>
      <c r="AG23" s="208">
        <v>0</v>
      </c>
      <c r="AH23" s="205">
        <v>0</v>
      </c>
      <c r="AI23" s="226">
        <v>0</v>
      </c>
      <c r="AJ23" s="208">
        <v>12</v>
      </c>
      <c r="AK23" s="204">
        <v>32</v>
      </c>
      <c r="AL23" s="204">
        <v>35</v>
      </c>
      <c r="AM23" s="204">
        <v>54</v>
      </c>
      <c r="AN23" s="205">
        <v>24</v>
      </c>
      <c r="AO23" s="226">
        <v>157</v>
      </c>
      <c r="AP23" s="207">
        <v>157</v>
      </c>
      <c r="AQ23" s="208">
        <v>0</v>
      </c>
      <c r="AR23" s="205">
        <v>0</v>
      </c>
      <c r="AS23" s="226">
        <v>0</v>
      </c>
      <c r="AT23" s="206">
        <v>11</v>
      </c>
      <c r="AU23" s="204">
        <v>32</v>
      </c>
      <c r="AV23" s="204">
        <v>35</v>
      </c>
      <c r="AW23" s="204">
        <v>54</v>
      </c>
      <c r="AX23" s="205">
        <v>24</v>
      </c>
      <c r="AY23" s="226">
        <v>156</v>
      </c>
      <c r="AZ23" s="227">
        <v>156</v>
      </c>
      <c r="BA23" s="203">
        <v>0</v>
      </c>
      <c r="BB23" s="205">
        <v>0</v>
      </c>
      <c r="BC23" s="205">
        <v>0</v>
      </c>
      <c r="BD23" s="206">
        <v>1</v>
      </c>
      <c r="BE23" s="204">
        <v>0</v>
      </c>
      <c r="BF23" s="204">
        <v>0</v>
      </c>
      <c r="BG23" s="204">
        <v>0</v>
      </c>
      <c r="BH23" s="205">
        <v>0</v>
      </c>
      <c r="BI23" s="226">
        <v>1</v>
      </c>
      <c r="BJ23" s="228">
        <v>1</v>
      </c>
      <c r="BK23" s="208">
        <v>0</v>
      </c>
      <c r="BL23" s="205">
        <v>0</v>
      </c>
      <c r="BM23" s="205">
        <v>0</v>
      </c>
      <c r="BN23" s="206">
        <v>0</v>
      </c>
      <c r="BO23" s="204">
        <v>0</v>
      </c>
      <c r="BP23" s="204">
        <v>0</v>
      </c>
      <c r="BQ23" s="204">
        <v>0</v>
      </c>
      <c r="BR23" s="205">
        <v>0</v>
      </c>
      <c r="BS23" s="226">
        <v>0</v>
      </c>
      <c r="BT23" s="227">
        <v>0</v>
      </c>
      <c r="BU23" s="203">
        <v>0</v>
      </c>
      <c r="BV23" s="205">
        <v>0</v>
      </c>
      <c r="BW23" s="205">
        <v>0</v>
      </c>
      <c r="BX23" s="206">
        <v>0</v>
      </c>
      <c r="BY23" s="204">
        <v>0</v>
      </c>
      <c r="BZ23" s="204">
        <v>0</v>
      </c>
      <c r="CA23" s="204">
        <v>0</v>
      </c>
      <c r="CB23" s="205">
        <v>0</v>
      </c>
      <c r="CC23" s="226">
        <v>0</v>
      </c>
      <c r="CD23" s="228">
        <v>0</v>
      </c>
      <c r="CE23" s="208">
        <v>0</v>
      </c>
      <c r="CF23" s="205">
        <v>0</v>
      </c>
      <c r="CG23" s="205">
        <v>0</v>
      </c>
      <c r="CH23" s="206">
        <v>0</v>
      </c>
      <c r="CI23" s="204">
        <v>0</v>
      </c>
      <c r="CJ23" s="204">
        <v>0</v>
      </c>
      <c r="CK23" s="204">
        <v>0</v>
      </c>
      <c r="CL23" s="205">
        <v>0</v>
      </c>
      <c r="CM23" s="226">
        <v>0</v>
      </c>
      <c r="CN23" s="228">
        <v>0</v>
      </c>
      <c r="CO23" s="208">
        <v>0</v>
      </c>
      <c r="CP23" s="205">
        <v>0</v>
      </c>
      <c r="CQ23" s="205">
        <v>0</v>
      </c>
      <c r="CR23" s="206">
        <v>0</v>
      </c>
      <c r="CS23" s="204">
        <v>0</v>
      </c>
      <c r="CT23" s="204">
        <v>0</v>
      </c>
      <c r="CU23" s="204">
        <v>2</v>
      </c>
      <c r="CV23" s="205">
        <v>5</v>
      </c>
      <c r="CW23" s="226">
        <v>7</v>
      </c>
      <c r="CX23" s="227">
        <v>7</v>
      </c>
      <c r="CY23" s="203">
        <v>0</v>
      </c>
      <c r="CZ23" s="205">
        <v>0</v>
      </c>
      <c r="DA23" s="205">
        <v>0</v>
      </c>
      <c r="DB23" s="206">
        <v>0</v>
      </c>
      <c r="DC23" s="204">
        <v>0</v>
      </c>
      <c r="DD23" s="204">
        <v>0</v>
      </c>
      <c r="DE23" s="204">
        <v>2</v>
      </c>
      <c r="DF23" s="205">
        <v>5</v>
      </c>
      <c r="DG23" s="226">
        <v>7</v>
      </c>
      <c r="DH23" s="228">
        <v>7</v>
      </c>
      <c r="DI23" s="208">
        <v>0</v>
      </c>
      <c r="DJ23" s="205">
        <v>0</v>
      </c>
      <c r="DK23" s="205">
        <v>0</v>
      </c>
      <c r="DL23" s="206">
        <v>0</v>
      </c>
      <c r="DM23" s="204">
        <v>0</v>
      </c>
      <c r="DN23" s="204">
        <v>0</v>
      </c>
      <c r="DO23" s="204">
        <v>0</v>
      </c>
      <c r="DP23" s="205">
        <v>0</v>
      </c>
      <c r="DQ23" s="226">
        <v>0</v>
      </c>
      <c r="DR23" s="228">
        <v>0</v>
      </c>
      <c r="DS23" s="208">
        <v>0</v>
      </c>
      <c r="DT23" s="205">
        <v>0</v>
      </c>
      <c r="DU23" s="205">
        <v>0</v>
      </c>
      <c r="DV23" s="206">
        <v>17</v>
      </c>
      <c r="DW23" s="204">
        <v>55</v>
      </c>
      <c r="DX23" s="204">
        <v>182</v>
      </c>
      <c r="DY23" s="204">
        <v>282</v>
      </c>
      <c r="DZ23" s="205">
        <v>136</v>
      </c>
      <c r="EA23" s="226">
        <v>672</v>
      </c>
      <c r="EB23" s="228">
        <v>672</v>
      </c>
      <c r="EC23" s="225"/>
    </row>
    <row r="24" spans="2:133" ht="21" customHeight="1" x14ac:dyDescent="0.2">
      <c r="B24" s="92" t="s">
        <v>21</v>
      </c>
      <c r="C24" s="203">
        <v>0</v>
      </c>
      <c r="D24" s="205">
        <v>0</v>
      </c>
      <c r="E24" s="205">
        <v>0</v>
      </c>
      <c r="F24" s="206">
        <v>4</v>
      </c>
      <c r="G24" s="204">
        <v>13</v>
      </c>
      <c r="H24" s="204">
        <v>178</v>
      </c>
      <c r="I24" s="204">
        <v>209</v>
      </c>
      <c r="J24" s="205">
        <v>135</v>
      </c>
      <c r="K24" s="226">
        <v>539</v>
      </c>
      <c r="L24" s="227">
        <v>539</v>
      </c>
      <c r="M24" s="203">
        <v>0</v>
      </c>
      <c r="N24" s="205">
        <v>0</v>
      </c>
      <c r="O24" s="226">
        <v>0</v>
      </c>
      <c r="P24" s="206">
        <v>3</v>
      </c>
      <c r="Q24" s="204">
        <v>13</v>
      </c>
      <c r="R24" s="204">
        <v>178</v>
      </c>
      <c r="S24" s="204">
        <v>208</v>
      </c>
      <c r="T24" s="205">
        <v>134</v>
      </c>
      <c r="U24" s="226">
        <v>536</v>
      </c>
      <c r="V24" s="228">
        <v>536</v>
      </c>
      <c r="W24" s="208">
        <v>0</v>
      </c>
      <c r="X24" s="205">
        <v>0</v>
      </c>
      <c r="Y24" s="226">
        <v>0</v>
      </c>
      <c r="Z24" s="208">
        <v>1</v>
      </c>
      <c r="AA24" s="204">
        <v>0</v>
      </c>
      <c r="AB24" s="204">
        <v>0</v>
      </c>
      <c r="AC24" s="204">
        <v>1</v>
      </c>
      <c r="AD24" s="205">
        <v>1</v>
      </c>
      <c r="AE24" s="226">
        <v>3</v>
      </c>
      <c r="AF24" s="207">
        <v>3</v>
      </c>
      <c r="AG24" s="208">
        <v>0</v>
      </c>
      <c r="AH24" s="205">
        <v>0</v>
      </c>
      <c r="AI24" s="226">
        <v>0</v>
      </c>
      <c r="AJ24" s="208">
        <v>23</v>
      </c>
      <c r="AK24" s="204">
        <v>32</v>
      </c>
      <c r="AL24" s="204">
        <v>50</v>
      </c>
      <c r="AM24" s="204">
        <v>53</v>
      </c>
      <c r="AN24" s="205">
        <v>36</v>
      </c>
      <c r="AO24" s="226">
        <v>194</v>
      </c>
      <c r="AP24" s="207">
        <v>194</v>
      </c>
      <c r="AQ24" s="208">
        <v>0</v>
      </c>
      <c r="AR24" s="205">
        <v>0</v>
      </c>
      <c r="AS24" s="226">
        <v>0</v>
      </c>
      <c r="AT24" s="206">
        <v>23</v>
      </c>
      <c r="AU24" s="204">
        <v>32</v>
      </c>
      <c r="AV24" s="204">
        <v>49</v>
      </c>
      <c r="AW24" s="204">
        <v>50</v>
      </c>
      <c r="AX24" s="205">
        <v>30</v>
      </c>
      <c r="AY24" s="226">
        <v>184</v>
      </c>
      <c r="AZ24" s="227">
        <v>184</v>
      </c>
      <c r="BA24" s="203">
        <v>0</v>
      </c>
      <c r="BB24" s="205">
        <v>0</v>
      </c>
      <c r="BC24" s="205">
        <v>0</v>
      </c>
      <c r="BD24" s="206">
        <v>0</v>
      </c>
      <c r="BE24" s="204">
        <v>0</v>
      </c>
      <c r="BF24" s="204">
        <v>1</v>
      </c>
      <c r="BG24" s="204">
        <v>3</v>
      </c>
      <c r="BH24" s="205">
        <v>6</v>
      </c>
      <c r="BI24" s="226">
        <v>10</v>
      </c>
      <c r="BJ24" s="228">
        <v>10</v>
      </c>
      <c r="BK24" s="208">
        <v>0</v>
      </c>
      <c r="BL24" s="205">
        <v>0</v>
      </c>
      <c r="BM24" s="205">
        <v>0</v>
      </c>
      <c r="BN24" s="206">
        <v>0</v>
      </c>
      <c r="BO24" s="204">
        <v>0</v>
      </c>
      <c r="BP24" s="204">
        <v>0</v>
      </c>
      <c r="BQ24" s="204">
        <v>0</v>
      </c>
      <c r="BR24" s="205">
        <v>0</v>
      </c>
      <c r="BS24" s="226">
        <v>0</v>
      </c>
      <c r="BT24" s="227">
        <v>0</v>
      </c>
      <c r="BU24" s="203">
        <v>0</v>
      </c>
      <c r="BV24" s="205">
        <v>0</v>
      </c>
      <c r="BW24" s="205">
        <v>0</v>
      </c>
      <c r="BX24" s="206">
        <v>0</v>
      </c>
      <c r="BY24" s="204">
        <v>0</v>
      </c>
      <c r="BZ24" s="204">
        <v>0</v>
      </c>
      <c r="CA24" s="204">
        <v>0</v>
      </c>
      <c r="CB24" s="205">
        <v>0</v>
      </c>
      <c r="CC24" s="226">
        <v>0</v>
      </c>
      <c r="CD24" s="228">
        <v>0</v>
      </c>
      <c r="CE24" s="208">
        <v>0</v>
      </c>
      <c r="CF24" s="205">
        <v>0</v>
      </c>
      <c r="CG24" s="205">
        <v>0</v>
      </c>
      <c r="CH24" s="206">
        <v>0</v>
      </c>
      <c r="CI24" s="204">
        <v>0</v>
      </c>
      <c r="CJ24" s="204">
        <v>0</v>
      </c>
      <c r="CK24" s="204">
        <v>0</v>
      </c>
      <c r="CL24" s="205">
        <v>0</v>
      </c>
      <c r="CM24" s="226">
        <v>0</v>
      </c>
      <c r="CN24" s="228">
        <v>0</v>
      </c>
      <c r="CO24" s="208">
        <v>0</v>
      </c>
      <c r="CP24" s="205">
        <v>0</v>
      </c>
      <c r="CQ24" s="205">
        <v>0</v>
      </c>
      <c r="CR24" s="206">
        <v>0</v>
      </c>
      <c r="CS24" s="204">
        <v>0</v>
      </c>
      <c r="CT24" s="204">
        <v>1</v>
      </c>
      <c r="CU24" s="204">
        <v>14</v>
      </c>
      <c r="CV24" s="205">
        <v>16</v>
      </c>
      <c r="CW24" s="226">
        <v>31</v>
      </c>
      <c r="CX24" s="227">
        <v>31</v>
      </c>
      <c r="CY24" s="203">
        <v>0</v>
      </c>
      <c r="CZ24" s="205">
        <v>0</v>
      </c>
      <c r="DA24" s="205">
        <v>0</v>
      </c>
      <c r="DB24" s="206">
        <v>0</v>
      </c>
      <c r="DC24" s="204">
        <v>0</v>
      </c>
      <c r="DD24" s="204">
        <v>1</v>
      </c>
      <c r="DE24" s="204">
        <v>14</v>
      </c>
      <c r="DF24" s="205">
        <v>16</v>
      </c>
      <c r="DG24" s="226">
        <v>31</v>
      </c>
      <c r="DH24" s="228">
        <v>31</v>
      </c>
      <c r="DI24" s="208">
        <v>0</v>
      </c>
      <c r="DJ24" s="205">
        <v>0</v>
      </c>
      <c r="DK24" s="205">
        <v>0</v>
      </c>
      <c r="DL24" s="206">
        <v>0</v>
      </c>
      <c r="DM24" s="204">
        <v>0</v>
      </c>
      <c r="DN24" s="204">
        <v>0</v>
      </c>
      <c r="DO24" s="204">
        <v>0</v>
      </c>
      <c r="DP24" s="205">
        <v>0</v>
      </c>
      <c r="DQ24" s="226">
        <v>0</v>
      </c>
      <c r="DR24" s="228">
        <v>0</v>
      </c>
      <c r="DS24" s="208">
        <v>0</v>
      </c>
      <c r="DT24" s="205">
        <v>0</v>
      </c>
      <c r="DU24" s="205">
        <v>0</v>
      </c>
      <c r="DV24" s="206">
        <v>27</v>
      </c>
      <c r="DW24" s="204">
        <v>45</v>
      </c>
      <c r="DX24" s="204">
        <v>229</v>
      </c>
      <c r="DY24" s="204">
        <v>276</v>
      </c>
      <c r="DZ24" s="205">
        <v>187</v>
      </c>
      <c r="EA24" s="226">
        <v>764</v>
      </c>
      <c r="EB24" s="228">
        <v>764</v>
      </c>
      <c r="EC24" s="225"/>
    </row>
    <row r="25" spans="2:133" ht="21" customHeight="1" x14ac:dyDescent="0.2">
      <c r="B25" s="92" t="s">
        <v>22</v>
      </c>
      <c r="C25" s="203">
        <v>0</v>
      </c>
      <c r="D25" s="205">
        <v>0</v>
      </c>
      <c r="E25" s="205">
        <v>0</v>
      </c>
      <c r="F25" s="206">
        <v>2</v>
      </c>
      <c r="G25" s="204">
        <v>6</v>
      </c>
      <c r="H25" s="204">
        <v>42</v>
      </c>
      <c r="I25" s="204">
        <v>72</v>
      </c>
      <c r="J25" s="205">
        <v>33</v>
      </c>
      <c r="K25" s="226">
        <v>155</v>
      </c>
      <c r="L25" s="227">
        <v>155</v>
      </c>
      <c r="M25" s="203">
        <v>0</v>
      </c>
      <c r="N25" s="205">
        <v>0</v>
      </c>
      <c r="O25" s="226">
        <v>0</v>
      </c>
      <c r="P25" s="206">
        <v>2</v>
      </c>
      <c r="Q25" s="204">
        <v>6</v>
      </c>
      <c r="R25" s="204">
        <v>42</v>
      </c>
      <c r="S25" s="204">
        <v>72</v>
      </c>
      <c r="T25" s="205">
        <v>33</v>
      </c>
      <c r="U25" s="226">
        <v>155</v>
      </c>
      <c r="V25" s="228">
        <v>155</v>
      </c>
      <c r="W25" s="208">
        <v>0</v>
      </c>
      <c r="X25" s="205">
        <v>0</v>
      </c>
      <c r="Y25" s="226">
        <v>0</v>
      </c>
      <c r="Z25" s="208">
        <v>0</v>
      </c>
      <c r="AA25" s="204">
        <v>0</v>
      </c>
      <c r="AB25" s="204">
        <v>0</v>
      </c>
      <c r="AC25" s="204">
        <v>0</v>
      </c>
      <c r="AD25" s="205">
        <v>0</v>
      </c>
      <c r="AE25" s="226">
        <v>0</v>
      </c>
      <c r="AF25" s="207">
        <v>0</v>
      </c>
      <c r="AG25" s="208">
        <v>0</v>
      </c>
      <c r="AH25" s="205">
        <v>0</v>
      </c>
      <c r="AI25" s="226">
        <v>0</v>
      </c>
      <c r="AJ25" s="208">
        <v>10</v>
      </c>
      <c r="AK25" s="204">
        <v>19</v>
      </c>
      <c r="AL25" s="204">
        <v>26</v>
      </c>
      <c r="AM25" s="204">
        <v>47</v>
      </c>
      <c r="AN25" s="205">
        <v>18</v>
      </c>
      <c r="AO25" s="226">
        <v>120</v>
      </c>
      <c r="AP25" s="207">
        <v>120</v>
      </c>
      <c r="AQ25" s="208">
        <v>0</v>
      </c>
      <c r="AR25" s="205">
        <v>0</v>
      </c>
      <c r="AS25" s="226">
        <v>0</v>
      </c>
      <c r="AT25" s="206">
        <v>10</v>
      </c>
      <c r="AU25" s="204">
        <v>19</v>
      </c>
      <c r="AV25" s="204">
        <v>26</v>
      </c>
      <c r="AW25" s="204">
        <v>46</v>
      </c>
      <c r="AX25" s="205">
        <v>18</v>
      </c>
      <c r="AY25" s="226">
        <v>119</v>
      </c>
      <c r="AZ25" s="227">
        <v>119</v>
      </c>
      <c r="BA25" s="203">
        <v>0</v>
      </c>
      <c r="BB25" s="205">
        <v>0</v>
      </c>
      <c r="BC25" s="205">
        <v>0</v>
      </c>
      <c r="BD25" s="206">
        <v>0</v>
      </c>
      <c r="BE25" s="204">
        <v>0</v>
      </c>
      <c r="BF25" s="204">
        <v>0</v>
      </c>
      <c r="BG25" s="204">
        <v>1</v>
      </c>
      <c r="BH25" s="205">
        <v>0</v>
      </c>
      <c r="BI25" s="226">
        <v>1</v>
      </c>
      <c r="BJ25" s="228">
        <v>1</v>
      </c>
      <c r="BK25" s="208">
        <v>0</v>
      </c>
      <c r="BL25" s="205">
        <v>0</v>
      </c>
      <c r="BM25" s="205">
        <v>0</v>
      </c>
      <c r="BN25" s="206">
        <v>0</v>
      </c>
      <c r="BO25" s="204">
        <v>0</v>
      </c>
      <c r="BP25" s="204">
        <v>0</v>
      </c>
      <c r="BQ25" s="204">
        <v>0</v>
      </c>
      <c r="BR25" s="205">
        <v>0</v>
      </c>
      <c r="BS25" s="226">
        <v>0</v>
      </c>
      <c r="BT25" s="227">
        <v>0</v>
      </c>
      <c r="BU25" s="203">
        <v>0</v>
      </c>
      <c r="BV25" s="205">
        <v>0</v>
      </c>
      <c r="BW25" s="205">
        <v>0</v>
      </c>
      <c r="BX25" s="206">
        <v>0</v>
      </c>
      <c r="BY25" s="204">
        <v>0</v>
      </c>
      <c r="BZ25" s="204">
        <v>0</v>
      </c>
      <c r="CA25" s="204">
        <v>0</v>
      </c>
      <c r="CB25" s="205">
        <v>0</v>
      </c>
      <c r="CC25" s="226">
        <v>0</v>
      </c>
      <c r="CD25" s="228">
        <v>0</v>
      </c>
      <c r="CE25" s="208">
        <v>0</v>
      </c>
      <c r="CF25" s="205">
        <v>0</v>
      </c>
      <c r="CG25" s="205">
        <v>0</v>
      </c>
      <c r="CH25" s="206">
        <v>0</v>
      </c>
      <c r="CI25" s="204">
        <v>0</v>
      </c>
      <c r="CJ25" s="204">
        <v>0</v>
      </c>
      <c r="CK25" s="204">
        <v>0</v>
      </c>
      <c r="CL25" s="205">
        <v>0</v>
      </c>
      <c r="CM25" s="226">
        <v>0</v>
      </c>
      <c r="CN25" s="228">
        <v>0</v>
      </c>
      <c r="CO25" s="208">
        <v>0</v>
      </c>
      <c r="CP25" s="205">
        <v>0</v>
      </c>
      <c r="CQ25" s="205">
        <v>0</v>
      </c>
      <c r="CR25" s="206">
        <v>0</v>
      </c>
      <c r="CS25" s="204">
        <v>0</v>
      </c>
      <c r="CT25" s="204">
        <v>2</v>
      </c>
      <c r="CU25" s="204">
        <v>5</v>
      </c>
      <c r="CV25" s="205">
        <v>5</v>
      </c>
      <c r="CW25" s="226">
        <v>12</v>
      </c>
      <c r="CX25" s="227">
        <v>12</v>
      </c>
      <c r="CY25" s="203">
        <v>0</v>
      </c>
      <c r="CZ25" s="205">
        <v>0</v>
      </c>
      <c r="DA25" s="205">
        <v>0</v>
      </c>
      <c r="DB25" s="206">
        <v>0</v>
      </c>
      <c r="DC25" s="204">
        <v>0</v>
      </c>
      <c r="DD25" s="204">
        <v>2</v>
      </c>
      <c r="DE25" s="204">
        <v>5</v>
      </c>
      <c r="DF25" s="205">
        <v>3</v>
      </c>
      <c r="DG25" s="226">
        <v>10</v>
      </c>
      <c r="DH25" s="228">
        <v>10</v>
      </c>
      <c r="DI25" s="208">
        <v>0</v>
      </c>
      <c r="DJ25" s="205">
        <v>0</v>
      </c>
      <c r="DK25" s="205">
        <v>0</v>
      </c>
      <c r="DL25" s="206">
        <v>0</v>
      </c>
      <c r="DM25" s="204">
        <v>0</v>
      </c>
      <c r="DN25" s="204">
        <v>0</v>
      </c>
      <c r="DO25" s="204">
        <v>0</v>
      </c>
      <c r="DP25" s="205">
        <v>2</v>
      </c>
      <c r="DQ25" s="226">
        <v>2</v>
      </c>
      <c r="DR25" s="228">
        <v>2</v>
      </c>
      <c r="DS25" s="208">
        <v>0</v>
      </c>
      <c r="DT25" s="205">
        <v>0</v>
      </c>
      <c r="DU25" s="205">
        <v>0</v>
      </c>
      <c r="DV25" s="206">
        <v>12</v>
      </c>
      <c r="DW25" s="204">
        <v>25</v>
      </c>
      <c r="DX25" s="204">
        <v>70</v>
      </c>
      <c r="DY25" s="204">
        <v>124</v>
      </c>
      <c r="DZ25" s="205">
        <v>56</v>
      </c>
      <c r="EA25" s="226">
        <v>287</v>
      </c>
      <c r="EB25" s="228">
        <v>287</v>
      </c>
      <c r="EC25" s="225"/>
    </row>
    <row r="26" spans="2:133" ht="21" customHeight="1" x14ac:dyDescent="0.2">
      <c r="B26" s="92" t="s">
        <v>23</v>
      </c>
      <c r="C26" s="203">
        <v>0</v>
      </c>
      <c r="D26" s="205">
        <v>0</v>
      </c>
      <c r="E26" s="205">
        <v>0</v>
      </c>
      <c r="F26" s="206">
        <v>4</v>
      </c>
      <c r="G26" s="204">
        <v>12</v>
      </c>
      <c r="H26" s="204">
        <v>96</v>
      </c>
      <c r="I26" s="204">
        <v>158</v>
      </c>
      <c r="J26" s="205">
        <v>90</v>
      </c>
      <c r="K26" s="226">
        <v>360</v>
      </c>
      <c r="L26" s="227">
        <v>360</v>
      </c>
      <c r="M26" s="203">
        <v>0</v>
      </c>
      <c r="N26" s="205">
        <v>0</v>
      </c>
      <c r="O26" s="226">
        <v>0</v>
      </c>
      <c r="P26" s="206">
        <v>4</v>
      </c>
      <c r="Q26" s="204">
        <v>12</v>
      </c>
      <c r="R26" s="204">
        <v>96</v>
      </c>
      <c r="S26" s="204">
        <v>158</v>
      </c>
      <c r="T26" s="205">
        <v>88</v>
      </c>
      <c r="U26" s="226">
        <v>358</v>
      </c>
      <c r="V26" s="228">
        <v>358</v>
      </c>
      <c r="W26" s="208">
        <v>0</v>
      </c>
      <c r="X26" s="205">
        <v>0</v>
      </c>
      <c r="Y26" s="226">
        <v>0</v>
      </c>
      <c r="Z26" s="208">
        <v>0</v>
      </c>
      <c r="AA26" s="204">
        <v>0</v>
      </c>
      <c r="AB26" s="204">
        <v>0</v>
      </c>
      <c r="AC26" s="204">
        <v>0</v>
      </c>
      <c r="AD26" s="205">
        <v>2</v>
      </c>
      <c r="AE26" s="226">
        <v>2</v>
      </c>
      <c r="AF26" s="207">
        <v>2</v>
      </c>
      <c r="AG26" s="208">
        <v>0</v>
      </c>
      <c r="AH26" s="205">
        <v>0</v>
      </c>
      <c r="AI26" s="226">
        <v>0</v>
      </c>
      <c r="AJ26" s="208">
        <v>20</v>
      </c>
      <c r="AK26" s="204">
        <v>27</v>
      </c>
      <c r="AL26" s="204">
        <v>36</v>
      </c>
      <c r="AM26" s="204">
        <v>67</v>
      </c>
      <c r="AN26" s="205">
        <v>30</v>
      </c>
      <c r="AO26" s="226">
        <v>180</v>
      </c>
      <c r="AP26" s="207">
        <v>180</v>
      </c>
      <c r="AQ26" s="208">
        <v>0</v>
      </c>
      <c r="AR26" s="205">
        <v>0</v>
      </c>
      <c r="AS26" s="226">
        <v>0</v>
      </c>
      <c r="AT26" s="206">
        <v>19</v>
      </c>
      <c r="AU26" s="204">
        <v>27</v>
      </c>
      <c r="AV26" s="204">
        <v>36</v>
      </c>
      <c r="AW26" s="204">
        <v>66</v>
      </c>
      <c r="AX26" s="205">
        <v>29</v>
      </c>
      <c r="AY26" s="226">
        <v>177</v>
      </c>
      <c r="AZ26" s="227">
        <v>177</v>
      </c>
      <c r="BA26" s="203">
        <v>0</v>
      </c>
      <c r="BB26" s="205">
        <v>0</v>
      </c>
      <c r="BC26" s="205">
        <v>0</v>
      </c>
      <c r="BD26" s="206">
        <v>1</v>
      </c>
      <c r="BE26" s="204">
        <v>0</v>
      </c>
      <c r="BF26" s="204">
        <v>0</v>
      </c>
      <c r="BG26" s="204">
        <v>1</v>
      </c>
      <c r="BH26" s="205">
        <v>1</v>
      </c>
      <c r="BI26" s="226">
        <v>3</v>
      </c>
      <c r="BJ26" s="228">
        <v>3</v>
      </c>
      <c r="BK26" s="208">
        <v>0</v>
      </c>
      <c r="BL26" s="205">
        <v>0</v>
      </c>
      <c r="BM26" s="205">
        <v>0</v>
      </c>
      <c r="BN26" s="206">
        <v>0</v>
      </c>
      <c r="BO26" s="204">
        <v>0</v>
      </c>
      <c r="BP26" s="204">
        <v>0</v>
      </c>
      <c r="BQ26" s="204">
        <v>0</v>
      </c>
      <c r="BR26" s="205">
        <v>0</v>
      </c>
      <c r="BS26" s="226">
        <v>0</v>
      </c>
      <c r="BT26" s="227">
        <v>0</v>
      </c>
      <c r="BU26" s="203">
        <v>0</v>
      </c>
      <c r="BV26" s="205">
        <v>0</v>
      </c>
      <c r="BW26" s="205">
        <v>0</v>
      </c>
      <c r="BX26" s="206">
        <v>0</v>
      </c>
      <c r="BY26" s="204">
        <v>0</v>
      </c>
      <c r="BZ26" s="204">
        <v>0</v>
      </c>
      <c r="CA26" s="204">
        <v>0</v>
      </c>
      <c r="CB26" s="205">
        <v>0</v>
      </c>
      <c r="CC26" s="226">
        <v>0</v>
      </c>
      <c r="CD26" s="228">
        <v>0</v>
      </c>
      <c r="CE26" s="208">
        <v>0</v>
      </c>
      <c r="CF26" s="205">
        <v>0</v>
      </c>
      <c r="CG26" s="205">
        <v>0</v>
      </c>
      <c r="CH26" s="206">
        <v>0</v>
      </c>
      <c r="CI26" s="204">
        <v>0</v>
      </c>
      <c r="CJ26" s="204">
        <v>0</v>
      </c>
      <c r="CK26" s="204">
        <v>0</v>
      </c>
      <c r="CL26" s="205">
        <v>0</v>
      </c>
      <c r="CM26" s="226">
        <v>0</v>
      </c>
      <c r="CN26" s="228">
        <v>0</v>
      </c>
      <c r="CO26" s="208">
        <v>0</v>
      </c>
      <c r="CP26" s="205">
        <v>0</v>
      </c>
      <c r="CQ26" s="205">
        <v>0</v>
      </c>
      <c r="CR26" s="206">
        <v>0</v>
      </c>
      <c r="CS26" s="204">
        <v>0</v>
      </c>
      <c r="CT26" s="204">
        <v>0</v>
      </c>
      <c r="CU26" s="204">
        <v>4</v>
      </c>
      <c r="CV26" s="205">
        <v>8</v>
      </c>
      <c r="CW26" s="226">
        <v>12</v>
      </c>
      <c r="CX26" s="227">
        <v>12</v>
      </c>
      <c r="CY26" s="203">
        <v>0</v>
      </c>
      <c r="CZ26" s="205">
        <v>0</v>
      </c>
      <c r="DA26" s="205">
        <v>0</v>
      </c>
      <c r="DB26" s="206">
        <v>0</v>
      </c>
      <c r="DC26" s="204">
        <v>0</v>
      </c>
      <c r="DD26" s="204">
        <v>0</v>
      </c>
      <c r="DE26" s="204">
        <v>4</v>
      </c>
      <c r="DF26" s="205">
        <v>8</v>
      </c>
      <c r="DG26" s="226">
        <v>12</v>
      </c>
      <c r="DH26" s="228">
        <v>12</v>
      </c>
      <c r="DI26" s="208">
        <v>0</v>
      </c>
      <c r="DJ26" s="205">
        <v>0</v>
      </c>
      <c r="DK26" s="205">
        <v>0</v>
      </c>
      <c r="DL26" s="206">
        <v>0</v>
      </c>
      <c r="DM26" s="204">
        <v>0</v>
      </c>
      <c r="DN26" s="204">
        <v>0</v>
      </c>
      <c r="DO26" s="204">
        <v>0</v>
      </c>
      <c r="DP26" s="205">
        <v>0</v>
      </c>
      <c r="DQ26" s="226">
        <v>0</v>
      </c>
      <c r="DR26" s="228">
        <v>0</v>
      </c>
      <c r="DS26" s="208">
        <v>0</v>
      </c>
      <c r="DT26" s="205">
        <v>0</v>
      </c>
      <c r="DU26" s="205">
        <v>0</v>
      </c>
      <c r="DV26" s="206">
        <v>24</v>
      </c>
      <c r="DW26" s="204">
        <v>39</v>
      </c>
      <c r="DX26" s="204">
        <v>131</v>
      </c>
      <c r="DY26" s="204">
        <v>226</v>
      </c>
      <c r="DZ26" s="205">
        <v>128</v>
      </c>
      <c r="EA26" s="226">
        <v>548</v>
      </c>
      <c r="EB26" s="228">
        <v>548</v>
      </c>
      <c r="EC26" s="225"/>
    </row>
    <row r="27" spans="2:133" ht="21" customHeight="1" x14ac:dyDescent="0.2">
      <c r="B27" s="92" t="s">
        <v>24</v>
      </c>
      <c r="C27" s="203">
        <v>0</v>
      </c>
      <c r="D27" s="205">
        <v>0</v>
      </c>
      <c r="E27" s="205">
        <v>0</v>
      </c>
      <c r="F27" s="206">
        <v>1</v>
      </c>
      <c r="G27" s="204">
        <v>1</v>
      </c>
      <c r="H27" s="204">
        <v>29</v>
      </c>
      <c r="I27" s="204">
        <v>91</v>
      </c>
      <c r="J27" s="205">
        <v>56</v>
      </c>
      <c r="K27" s="226">
        <v>178</v>
      </c>
      <c r="L27" s="227">
        <v>178</v>
      </c>
      <c r="M27" s="203">
        <v>0</v>
      </c>
      <c r="N27" s="205">
        <v>0</v>
      </c>
      <c r="O27" s="226">
        <v>0</v>
      </c>
      <c r="P27" s="206">
        <v>1</v>
      </c>
      <c r="Q27" s="204">
        <v>1</v>
      </c>
      <c r="R27" s="204">
        <v>29</v>
      </c>
      <c r="S27" s="204">
        <v>91</v>
      </c>
      <c r="T27" s="205">
        <v>56</v>
      </c>
      <c r="U27" s="226">
        <v>178</v>
      </c>
      <c r="V27" s="228">
        <v>178</v>
      </c>
      <c r="W27" s="208">
        <v>0</v>
      </c>
      <c r="X27" s="205">
        <v>0</v>
      </c>
      <c r="Y27" s="226">
        <v>0</v>
      </c>
      <c r="Z27" s="208">
        <v>0</v>
      </c>
      <c r="AA27" s="204">
        <v>0</v>
      </c>
      <c r="AB27" s="204">
        <v>0</v>
      </c>
      <c r="AC27" s="204">
        <v>0</v>
      </c>
      <c r="AD27" s="205">
        <v>0</v>
      </c>
      <c r="AE27" s="226">
        <v>0</v>
      </c>
      <c r="AF27" s="207">
        <v>0</v>
      </c>
      <c r="AG27" s="208">
        <v>0</v>
      </c>
      <c r="AH27" s="205">
        <v>0</v>
      </c>
      <c r="AI27" s="226">
        <v>0</v>
      </c>
      <c r="AJ27" s="208">
        <v>9</v>
      </c>
      <c r="AK27" s="204">
        <v>14</v>
      </c>
      <c r="AL27" s="204">
        <v>22</v>
      </c>
      <c r="AM27" s="204">
        <v>34</v>
      </c>
      <c r="AN27" s="205">
        <v>10</v>
      </c>
      <c r="AO27" s="226">
        <v>89</v>
      </c>
      <c r="AP27" s="207">
        <v>89</v>
      </c>
      <c r="AQ27" s="208">
        <v>0</v>
      </c>
      <c r="AR27" s="205">
        <v>0</v>
      </c>
      <c r="AS27" s="226">
        <v>0</v>
      </c>
      <c r="AT27" s="206">
        <v>9</v>
      </c>
      <c r="AU27" s="204">
        <v>14</v>
      </c>
      <c r="AV27" s="204">
        <v>22</v>
      </c>
      <c r="AW27" s="204">
        <v>32</v>
      </c>
      <c r="AX27" s="205">
        <v>10</v>
      </c>
      <c r="AY27" s="226">
        <v>87</v>
      </c>
      <c r="AZ27" s="227">
        <v>87</v>
      </c>
      <c r="BA27" s="203">
        <v>0</v>
      </c>
      <c r="BB27" s="205">
        <v>0</v>
      </c>
      <c r="BC27" s="205">
        <v>0</v>
      </c>
      <c r="BD27" s="206">
        <v>0</v>
      </c>
      <c r="BE27" s="204">
        <v>0</v>
      </c>
      <c r="BF27" s="204">
        <v>0</v>
      </c>
      <c r="BG27" s="204">
        <v>2</v>
      </c>
      <c r="BH27" s="205">
        <v>0</v>
      </c>
      <c r="BI27" s="226">
        <v>2</v>
      </c>
      <c r="BJ27" s="228">
        <v>2</v>
      </c>
      <c r="BK27" s="208">
        <v>0</v>
      </c>
      <c r="BL27" s="205">
        <v>0</v>
      </c>
      <c r="BM27" s="205">
        <v>0</v>
      </c>
      <c r="BN27" s="206">
        <v>0</v>
      </c>
      <c r="BO27" s="204">
        <v>0</v>
      </c>
      <c r="BP27" s="204">
        <v>0</v>
      </c>
      <c r="BQ27" s="204">
        <v>0</v>
      </c>
      <c r="BR27" s="205">
        <v>0</v>
      </c>
      <c r="BS27" s="226">
        <v>0</v>
      </c>
      <c r="BT27" s="227">
        <v>0</v>
      </c>
      <c r="BU27" s="203">
        <v>0</v>
      </c>
      <c r="BV27" s="205">
        <v>0</v>
      </c>
      <c r="BW27" s="205">
        <v>0</v>
      </c>
      <c r="BX27" s="206">
        <v>0</v>
      </c>
      <c r="BY27" s="204">
        <v>0</v>
      </c>
      <c r="BZ27" s="204">
        <v>0</v>
      </c>
      <c r="CA27" s="204">
        <v>0</v>
      </c>
      <c r="CB27" s="205">
        <v>0</v>
      </c>
      <c r="CC27" s="226">
        <v>0</v>
      </c>
      <c r="CD27" s="228">
        <v>0</v>
      </c>
      <c r="CE27" s="208">
        <v>0</v>
      </c>
      <c r="CF27" s="205">
        <v>0</v>
      </c>
      <c r="CG27" s="205">
        <v>0</v>
      </c>
      <c r="CH27" s="206">
        <v>0</v>
      </c>
      <c r="CI27" s="204">
        <v>0</v>
      </c>
      <c r="CJ27" s="204">
        <v>0</v>
      </c>
      <c r="CK27" s="204">
        <v>0</v>
      </c>
      <c r="CL27" s="205">
        <v>0</v>
      </c>
      <c r="CM27" s="226">
        <v>0</v>
      </c>
      <c r="CN27" s="228">
        <v>0</v>
      </c>
      <c r="CO27" s="208">
        <v>0</v>
      </c>
      <c r="CP27" s="205">
        <v>0</v>
      </c>
      <c r="CQ27" s="205">
        <v>0</v>
      </c>
      <c r="CR27" s="206">
        <v>0</v>
      </c>
      <c r="CS27" s="204">
        <v>0</v>
      </c>
      <c r="CT27" s="204">
        <v>0</v>
      </c>
      <c r="CU27" s="204">
        <v>0</v>
      </c>
      <c r="CV27" s="205">
        <v>1</v>
      </c>
      <c r="CW27" s="226">
        <v>1</v>
      </c>
      <c r="CX27" s="227">
        <v>1</v>
      </c>
      <c r="CY27" s="203">
        <v>0</v>
      </c>
      <c r="CZ27" s="205">
        <v>0</v>
      </c>
      <c r="DA27" s="205">
        <v>0</v>
      </c>
      <c r="DB27" s="206">
        <v>0</v>
      </c>
      <c r="DC27" s="204">
        <v>0</v>
      </c>
      <c r="DD27" s="204">
        <v>0</v>
      </c>
      <c r="DE27" s="204">
        <v>0</v>
      </c>
      <c r="DF27" s="205">
        <v>1</v>
      </c>
      <c r="DG27" s="226">
        <v>1</v>
      </c>
      <c r="DH27" s="228">
        <v>1</v>
      </c>
      <c r="DI27" s="208">
        <v>0</v>
      </c>
      <c r="DJ27" s="205">
        <v>0</v>
      </c>
      <c r="DK27" s="205">
        <v>0</v>
      </c>
      <c r="DL27" s="206">
        <v>0</v>
      </c>
      <c r="DM27" s="204">
        <v>0</v>
      </c>
      <c r="DN27" s="204">
        <v>0</v>
      </c>
      <c r="DO27" s="204">
        <v>0</v>
      </c>
      <c r="DP27" s="205">
        <v>0</v>
      </c>
      <c r="DQ27" s="226">
        <v>0</v>
      </c>
      <c r="DR27" s="228">
        <v>0</v>
      </c>
      <c r="DS27" s="208">
        <v>0</v>
      </c>
      <c r="DT27" s="205">
        <v>0</v>
      </c>
      <c r="DU27" s="205">
        <v>0</v>
      </c>
      <c r="DV27" s="206">
        <v>10</v>
      </c>
      <c r="DW27" s="204">
        <v>15</v>
      </c>
      <c r="DX27" s="204">
        <v>51</v>
      </c>
      <c r="DY27" s="204">
        <v>125</v>
      </c>
      <c r="DZ27" s="205">
        <v>67</v>
      </c>
      <c r="EA27" s="226">
        <v>268</v>
      </c>
      <c r="EB27" s="228">
        <v>268</v>
      </c>
      <c r="EC27" s="225"/>
    </row>
    <row r="28" spans="2:133" ht="21" customHeight="1" x14ac:dyDescent="0.2">
      <c r="B28" s="92" t="s">
        <v>25</v>
      </c>
      <c r="C28" s="203">
        <v>0</v>
      </c>
      <c r="D28" s="205">
        <v>0</v>
      </c>
      <c r="E28" s="205">
        <v>0</v>
      </c>
      <c r="F28" s="206">
        <v>1</v>
      </c>
      <c r="G28" s="204">
        <v>6</v>
      </c>
      <c r="H28" s="204">
        <v>61</v>
      </c>
      <c r="I28" s="204">
        <v>75</v>
      </c>
      <c r="J28" s="205">
        <v>45</v>
      </c>
      <c r="K28" s="226">
        <v>188</v>
      </c>
      <c r="L28" s="227">
        <v>188</v>
      </c>
      <c r="M28" s="203">
        <v>0</v>
      </c>
      <c r="N28" s="205">
        <v>0</v>
      </c>
      <c r="O28" s="226">
        <v>0</v>
      </c>
      <c r="P28" s="206">
        <v>1</v>
      </c>
      <c r="Q28" s="204">
        <v>6</v>
      </c>
      <c r="R28" s="204">
        <v>61</v>
      </c>
      <c r="S28" s="204">
        <v>74</v>
      </c>
      <c r="T28" s="205">
        <v>41</v>
      </c>
      <c r="U28" s="226">
        <v>183</v>
      </c>
      <c r="V28" s="228">
        <v>183</v>
      </c>
      <c r="W28" s="208">
        <v>0</v>
      </c>
      <c r="X28" s="205">
        <v>0</v>
      </c>
      <c r="Y28" s="226">
        <v>0</v>
      </c>
      <c r="Z28" s="208">
        <v>0</v>
      </c>
      <c r="AA28" s="204">
        <v>0</v>
      </c>
      <c r="AB28" s="204">
        <v>0</v>
      </c>
      <c r="AC28" s="204">
        <v>1</v>
      </c>
      <c r="AD28" s="205">
        <v>4</v>
      </c>
      <c r="AE28" s="226">
        <v>5</v>
      </c>
      <c r="AF28" s="207">
        <v>5</v>
      </c>
      <c r="AG28" s="208">
        <v>0</v>
      </c>
      <c r="AH28" s="205">
        <v>0</v>
      </c>
      <c r="AI28" s="226">
        <v>0</v>
      </c>
      <c r="AJ28" s="208">
        <v>9</v>
      </c>
      <c r="AK28" s="204">
        <v>35</v>
      </c>
      <c r="AL28" s="204">
        <v>17</v>
      </c>
      <c r="AM28" s="204">
        <v>50</v>
      </c>
      <c r="AN28" s="205">
        <v>13</v>
      </c>
      <c r="AO28" s="226">
        <v>124</v>
      </c>
      <c r="AP28" s="207">
        <v>124</v>
      </c>
      <c r="AQ28" s="208">
        <v>0</v>
      </c>
      <c r="AR28" s="205">
        <v>0</v>
      </c>
      <c r="AS28" s="226">
        <v>0</v>
      </c>
      <c r="AT28" s="206">
        <v>8</v>
      </c>
      <c r="AU28" s="204">
        <v>35</v>
      </c>
      <c r="AV28" s="204">
        <v>17</v>
      </c>
      <c r="AW28" s="204">
        <v>50</v>
      </c>
      <c r="AX28" s="205">
        <v>13</v>
      </c>
      <c r="AY28" s="226">
        <v>123</v>
      </c>
      <c r="AZ28" s="227">
        <v>123</v>
      </c>
      <c r="BA28" s="203">
        <v>0</v>
      </c>
      <c r="BB28" s="205">
        <v>0</v>
      </c>
      <c r="BC28" s="205">
        <v>0</v>
      </c>
      <c r="BD28" s="206">
        <v>1</v>
      </c>
      <c r="BE28" s="204">
        <v>0</v>
      </c>
      <c r="BF28" s="204">
        <v>0</v>
      </c>
      <c r="BG28" s="204">
        <v>0</v>
      </c>
      <c r="BH28" s="205">
        <v>0</v>
      </c>
      <c r="BI28" s="226">
        <v>1</v>
      </c>
      <c r="BJ28" s="228">
        <v>1</v>
      </c>
      <c r="BK28" s="208">
        <v>0</v>
      </c>
      <c r="BL28" s="205">
        <v>0</v>
      </c>
      <c r="BM28" s="205">
        <v>0</v>
      </c>
      <c r="BN28" s="206">
        <v>0</v>
      </c>
      <c r="BO28" s="204">
        <v>0</v>
      </c>
      <c r="BP28" s="204">
        <v>0</v>
      </c>
      <c r="BQ28" s="204">
        <v>0</v>
      </c>
      <c r="BR28" s="205">
        <v>0</v>
      </c>
      <c r="BS28" s="226">
        <v>0</v>
      </c>
      <c r="BT28" s="227">
        <v>0</v>
      </c>
      <c r="BU28" s="203">
        <v>0</v>
      </c>
      <c r="BV28" s="205">
        <v>0</v>
      </c>
      <c r="BW28" s="205">
        <v>0</v>
      </c>
      <c r="BX28" s="206">
        <v>0</v>
      </c>
      <c r="BY28" s="204">
        <v>0</v>
      </c>
      <c r="BZ28" s="204">
        <v>0</v>
      </c>
      <c r="CA28" s="204">
        <v>0</v>
      </c>
      <c r="CB28" s="205">
        <v>0</v>
      </c>
      <c r="CC28" s="226">
        <v>0</v>
      </c>
      <c r="CD28" s="228">
        <v>0</v>
      </c>
      <c r="CE28" s="208">
        <v>0</v>
      </c>
      <c r="CF28" s="205">
        <v>0</v>
      </c>
      <c r="CG28" s="205">
        <v>0</v>
      </c>
      <c r="CH28" s="206">
        <v>0</v>
      </c>
      <c r="CI28" s="204">
        <v>0</v>
      </c>
      <c r="CJ28" s="204">
        <v>0</v>
      </c>
      <c r="CK28" s="204">
        <v>0</v>
      </c>
      <c r="CL28" s="205">
        <v>0</v>
      </c>
      <c r="CM28" s="226">
        <v>0</v>
      </c>
      <c r="CN28" s="228">
        <v>0</v>
      </c>
      <c r="CO28" s="208">
        <v>0</v>
      </c>
      <c r="CP28" s="205">
        <v>0</v>
      </c>
      <c r="CQ28" s="205">
        <v>0</v>
      </c>
      <c r="CR28" s="206">
        <v>0</v>
      </c>
      <c r="CS28" s="204">
        <v>0</v>
      </c>
      <c r="CT28" s="204">
        <v>0</v>
      </c>
      <c r="CU28" s="204">
        <v>0</v>
      </c>
      <c r="CV28" s="205">
        <v>2</v>
      </c>
      <c r="CW28" s="226">
        <v>2</v>
      </c>
      <c r="CX28" s="227">
        <v>2</v>
      </c>
      <c r="CY28" s="203">
        <v>0</v>
      </c>
      <c r="CZ28" s="205">
        <v>0</v>
      </c>
      <c r="DA28" s="205">
        <v>0</v>
      </c>
      <c r="DB28" s="206">
        <v>0</v>
      </c>
      <c r="DC28" s="204">
        <v>0</v>
      </c>
      <c r="DD28" s="204">
        <v>0</v>
      </c>
      <c r="DE28" s="204">
        <v>0</v>
      </c>
      <c r="DF28" s="205">
        <v>2</v>
      </c>
      <c r="DG28" s="226">
        <v>2</v>
      </c>
      <c r="DH28" s="228">
        <v>2</v>
      </c>
      <c r="DI28" s="208">
        <v>0</v>
      </c>
      <c r="DJ28" s="205">
        <v>0</v>
      </c>
      <c r="DK28" s="205">
        <v>0</v>
      </c>
      <c r="DL28" s="206">
        <v>0</v>
      </c>
      <c r="DM28" s="204">
        <v>0</v>
      </c>
      <c r="DN28" s="204">
        <v>0</v>
      </c>
      <c r="DO28" s="204">
        <v>0</v>
      </c>
      <c r="DP28" s="205">
        <v>0</v>
      </c>
      <c r="DQ28" s="226">
        <v>0</v>
      </c>
      <c r="DR28" s="228">
        <v>0</v>
      </c>
      <c r="DS28" s="208">
        <v>0</v>
      </c>
      <c r="DT28" s="205">
        <v>0</v>
      </c>
      <c r="DU28" s="205">
        <v>0</v>
      </c>
      <c r="DV28" s="206">
        <v>10</v>
      </c>
      <c r="DW28" s="204">
        <v>41</v>
      </c>
      <c r="DX28" s="204">
        <v>78</v>
      </c>
      <c r="DY28" s="204">
        <v>125</v>
      </c>
      <c r="DZ28" s="205">
        <v>60</v>
      </c>
      <c r="EA28" s="226">
        <v>314</v>
      </c>
      <c r="EB28" s="228">
        <v>314</v>
      </c>
      <c r="EC28" s="225"/>
    </row>
    <row r="29" spans="2:133" ht="21" customHeight="1" x14ac:dyDescent="0.2">
      <c r="B29" s="92" t="s">
        <v>26</v>
      </c>
      <c r="C29" s="203">
        <v>0</v>
      </c>
      <c r="D29" s="205">
        <v>0</v>
      </c>
      <c r="E29" s="205">
        <v>0</v>
      </c>
      <c r="F29" s="206">
        <v>1</v>
      </c>
      <c r="G29" s="204">
        <v>3</v>
      </c>
      <c r="H29" s="204">
        <v>33</v>
      </c>
      <c r="I29" s="204">
        <v>67</v>
      </c>
      <c r="J29" s="205">
        <v>51</v>
      </c>
      <c r="K29" s="226">
        <v>155</v>
      </c>
      <c r="L29" s="227">
        <v>155</v>
      </c>
      <c r="M29" s="203">
        <v>0</v>
      </c>
      <c r="N29" s="205">
        <v>0</v>
      </c>
      <c r="O29" s="226">
        <v>0</v>
      </c>
      <c r="P29" s="206">
        <v>1</v>
      </c>
      <c r="Q29" s="204">
        <v>3</v>
      </c>
      <c r="R29" s="204">
        <v>33</v>
      </c>
      <c r="S29" s="204">
        <v>65</v>
      </c>
      <c r="T29" s="205">
        <v>51</v>
      </c>
      <c r="U29" s="226">
        <v>153</v>
      </c>
      <c r="V29" s="228">
        <v>153</v>
      </c>
      <c r="W29" s="208">
        <v>0</v>
      </c>
      <c r="X29" s="205">
        <v>0</v>
      </c>
      <c r="Y29" s="226">
        <v>0</v>
      </c>
      <c r="Z29" s="208">
        <v>0</v>
      </c>
      <c r="AA29" s="204">
        <v>0</v>
      </c>
      <c r="AB29" s="204">
        <v>0</v>
      </c>
      <c r="AC29" s="204">
        <v>2</v>
      </c>
      <c r="AD29" s="205">
        <v>0</v>
      </c>
      <c r="AE29" s="226">
        <v>2</v>
      </c>
      <c r="AF29" s="207">
        <v>2</v>
      </c>
      <c r="AG29" s="208">
        <v>0</v>
      </c>
      <c r="AH29" s="205">
        <v>0</v>
      </c>
      <c r="AI29" s="226">
        <v>0</v>
      </c>
      <c r="AJ29" s="208">
        <v>4</v>
      </c>
      <c r="AK29" s="204">
        <v>14</v>
      </c>
      <c r="AL29" s="204">
        <v>28</v>
      </c>
      <c r="AM29" s="204">
        <v>20</v>
      </c>
      <c r="AN29" s="205">
        <v>13</v>
      </c>
      <c r="AO29" s="226">
        <v>79</v>
      </c>
      <c r="AP29" s="207">
        <v>79</v>
      </c>
      <c r="AQ29" s="208">
        <v>0</v>
      </c>
      <c r="AR29" s="205">
        <v>0</v>
      </c>
      <c r="AS29" s="226">
        <v>0</v>
      </c>
      <c r="AT29" s="206">
        <v>4</v>
      </c>
      <c r="AU29" s="204">
        <v>12</v>
      </c>
      <c r="AV29" s="204">
        <v>26</v>
      </c>
      <c r="AW29" s="204">
        <v>20</v>
      </c>
      <c r="AX29" s="205">
        <v>13</v>
      </c>
      <c r="AY29" s="226">
        <v>75</v>
      </c>
      <c r="AZ29" s="227">
        <v>75</v>
      </c>
      <c r="BA29" s="203">
        <v>0</v>
      </c>
      <c r="BB29" s="205">
        <v>0</v>
      </c>
      <c r="BC29" s="205">
        <v>0</v>
      </c>
      <c r="BD29" s="206">
        <v>0</v>
      </c>
      <c r="BE29" s="204">
        <v>2</v>
      </c>
      <c r="BF29" s="204">
        <v>2</v>
      </c>
      <c r="BG29" s="204">
        <v>0</v>
      </c>
      <c r="BH29" s="205">
        <v>0</v>
      </c>
      <c r="BI29" s="226">
        <v>4</v>
      </c>
      <c r="BJ29" s="228">
        <v>4</v>
      </c>
      <c r="BK29" s="208">
        <v>0</v>
      </c>
      <c r="BL29" s="205">
        <v>0</v>
      </c>
      <c r="BM29" s="205">
        <v>0</v>
      </c>
      <c r="BN29" s="206">
        <v>0</v>
      </c>
      <c r="BO29" s="204">
        <v>0</v>
      </c>
      <c r="BP29" s="204">
        <v>0</v>
      </c>
      <c r="BQ29" s="204">
        <v>0</v>
      </c>
      <c r="BR29" s="205">
        <v>0</v>
      </c>
      <c r="BS29" s="226">
        <v>0</v>
      </c>
      <c r="BT29" s="227">
        <v>0</v>
      </c>
      <c r="BU29" s="203">
        <v>0</v>
      </c>
      <c r="BV29" s="205">
        <v>0</v>
      </c>
      <c r="BW29" s="205">
        <v>0</v>
      </c>
      <c r="BX29" s="206">
        <v>0</v>
      </c>
      <c r="BY29" s="204">
        <v>0</v>
      </c>
      <c r="BZ29" s="204">
        <v>0</v>
      </c>
      <c r="CA29" s="204">
        <v>0</v>
      </c>
      <c r="CB29" s="205">
        <v>0</v>
      </c>
      <c r="CC29" s="226">
        <v>0</v>
      </c>
      <c r="CD29" s="228">
        <v>0</v>
      </c>
      <c r="CE29" s="208">
        <v>0</v>
      </c>
      <c r="CF29" s="205">
        <v>0</v>
      </c>
      <c r="CG29" s="205">
        <v>0</v>
      </c>
      <c r="CH29" s="206">
        <v>0</v>
      </c>
      <c r="CI29" s="204">
        <v>0</v>
      </c>
      <c r="CJ29" s="204">
        <v>0</v>
      </c>
      <c r="CK29" s="204">
        <v>0</v>
      </c>
      <c r="CL29" s="205">
        <v>0</v>
      </c>
      <c r="CM29" s="226">
        <v>0</v>
      </c>
      <c r="CN29" s="228">
        <v>0</v>
      </c>
      <c r="CO29" s="208">
        <v>0</v>
      </c>
      <c r="CP29" s="205">
        <v>0</v>
      </c>
      <c r="CQ29" s="205">
        <v>0</v>
      </c>
      <c r="CR29" s="206">
        <v>0</v>
      </c>
      <c r="CS29" s="204">
        <v>1</v>
      </c>
      <c r="CT29" s="204">
        <v>0</v>
      </c>
      <c r="CU29" s="204">
        <v>0</v>
      </c>
      <c r="CV29" s="205">
        <v>3</v>
      </c>
      <c r="CW29" s="226">
        <v>4</v>
      </c>
      <c r="CX29" s="227">
        <v>4</v>
      </c>
      <c r="CY29" s="203">
        <v>0</v>
      </c>
      <c r="CZ29" s="205">
        <v>0</v>
      </c>
      <c r="DA29" s="205">
        <v>0</v>
      </c>
      <c r="DB29" s="206">
        <v>0</v>
      </c>
      <c r="DC29" s="204">
        <v>1</v>
      </c>
      <c r="DD29" s="204">
        <v>0</v>
      </c>
      <c r="DE29" s="204">
        <v>0</v>
      </c>
      <c r="DF29" s="205">
        <v>3</v>
      </c>
      <c r="DG29" s="226">
        <v>4</v>
      </c>
      <c r="DH29" s="228">
        <v>4</v>
      </c>
      <c r="DI29" s="208">
        <v>0</v>
      </c>
      <c r="DJ29" s="205">
        <v>0</v>
      </c>
      <c r="DK29" s="205">
        <v>0</v>
      </c>
      <c r="DL29" s="206">
        <v>0</v>
      </c>
      <c r="DM29" s="204">
        <v>0</v>
      </c>
      <c r="DN29" s="204">
        <v>0</v>
      </c>
      <c r="DO29" s="204">
        <v>0</v>
      </c>
      <c r="DP29" s="205">
        <v>0</v>
      </c>
      <c r="DQ29" s="226">
        <v>0</v>
      </c>
      <c r="DR29" s="228">
        <v>0</v>
      </c>
      <c r="DS29" s="208">
        <v>0</v>
      </c>
      <c r="DT29" s="205">
        <v>0</v>
      </c>
      <c r="DU29" s="205">
        <v>0</v>
      </c>
      <c r="DV29" s="206">
        <v>5</v>
      </c>
      <c r="DW29" s="204">
        <v>18</v>
      </c>
      <c r="DX29" s="204">
        <v>61</v>
      </c>
      <c r="DY29" s="204">
        <v>87</v>
      </c>
      <c r="DZ29" s="205">
        <v>67</v>
      </c>
      <c r="EA29" s="226">
        <v>238</v>
      </c>
      <c r="EB29" s="228">
        <v>238</v>
      </c>
      <c r="EC29" s="225"/>
    </row>
    <row r="30" spans="2:133" ht="21" customHeight="1" x14ac:dyDescent="0.2">
      <c r="B30" s="92" t="s">
        <v>27</v>
      </c>
      <c r="C30" s="203">
        <v>0</v>
      </c>
      <c r="D30" s="205">
        <v>0</v>
      </c>
      <c r="E30" s="205">
        <v>0</v>
      </c>
      <c r="F30" s="206">
        <v>2</v>
      </c>
      <c r="G30" s="204">
        <v>2</v>
      </c>
      <c r="H30" s="204">
        <v>29</v>
      </c>
      <c r="I30" s="204">
        <v>57</v>
      </c>
      <c r="J30" s="205">
        <v>36</v>
      </c>
      <c r="K30" s="226">
        <v>126</v>
      </c>
      <c r="L30" s="227">
        <v>126</v>
      </c>
      <c r="M30" s="203">
        <v>0</v>
      </c>
      <c r="N30" s="205">
        <v>0</v>
      </c>
      <c r="O30" s="226">
        <v>0</v>
      </c>
      <c r="P30" s="206">
        <v>2</v>
      </c>
      <c r="Q30" s="204">
        <v>2</v>
      </c>
      <c r="R30" s="204">
        <v>28</v>
      </c>
      <c r="S30" s="204">
        <v>56</v>
      </c>
      <c r="T30" s="205">
        <v>36</v>
      </c>
      <c r="U30" s="226">
        <v>124</v>
      </c>
      <c r="V30" s="228">
        <v>124</v>
      </c>
      <c r="W30" s="208">
        <v>0</v>
      </c>
      <c r="X30" s="205">
        <v>0</v>
      </c>
      <c r="Y30" s="226">
        <v>0</v>
      </c>
      <c r="Z30" s="208">
        <v>0</v>
      </c>
      <c r="AA30" s="204">
        <v>0</v>
      </c>
      <c r="AB30" s="204">
        <v>1</v>
      </c>
      <c r="AC30" s="204">
        <v>1</v>
      </c>
      <c r="AD30" s="205">
        <v>0</v>
      </c>
      <c r="AE30" s="226">
        <v>2</v>
      </c>
      <c r="AF30" s="207">
        <v>2</v>
      </c>
      <c r="AG30" s="208">
        <v>0</v>
      </c>
      <c r="AH30" s="205">
        <v>0</v>
      </c>
      <c r="AI30" s="226">
        <v>0</v>
      </c>
      <c r="AJ30" s="208">
        <v>6</v>
      </c>
      <c r="AK30" s="204">
        <v>14</v>
      </c>
      <c r="AL30" s="204">
        <v>18</v>
      </c>
      <c r="AM30" s="204">
        <v>26</v>
      </c>
      <c r="AN30" s="205">
        <v>12</v>
      </c>
      <c r="AO30" s="226">
        <v>76</v>
      </c>
      <c r="AP30" s="207">
        <v>76</v>
      </c>
      <c r="AQ30" s="208">
        <v>0</v>
      </c>
      <c r="AR30" s="205">
        <v>0</v>
      </c>
      <c r="AS30" s="226">
        <v>0</v>
      </c>
      <c r="AT30" s="206">
        <v>5</v>
      </c>
      <c r="AU30" s="204">
        <v>13</v>
      </c>
      <c r="AV30" s="204">
        <v>18</v>
      </c>
      <c r="AW30" s="204">
        <v>26</v>
      </c>
      <c r="AX30" s="205">
        <v>11</v>
      </c>
      <c r="AY30" s="226">
        <v>73</v>
      </c>
      <c r="AZ30" s="227">
        <v>73</v>
      </c>
      <c r="BA30" s="203">
        <v>0</v>
      </c>
      <c r="BB30" s="205">
        <v>0</v>
      </c>
      <c r="BC30" s="205">
        <v>0</v>
      </c>
      <c r="BD30" s="206">
        <v>1</v>
      </c>
      <c r="BE30" s="204">
        <v>1</v>
      </c>
      <c r="BF30" s="204">
        <v>0</v>
      </c>
      <c r="BG30" s="204">
        <v>0</v>
      </c>
      <c r="BH30" s="205">
        <v>1</v>
      </c>
      <c r="BI30" s="226">
        <v>3</v>
      </c>
      <c r="BJ30" s="228">
        <v>3</v>
      </c>
      <c r="BK30" s="208">
        <v>0</v>
      </c>
      <c r="BL30" s="205">
        <v>0</v>
      </c>
      <c r="BM30" s="205">
        <v>0</v>
      </c>
      <c r="BN30" s="206">
        <v>0</v>
      </c>
      <c r="BO30" s="204">
        <v>0</v>
      </c>
      <c r="BP30" s="204">
        <v>0</v>
      </c>
      <c r="BQ30" s="204">
        <v>0</v>
      </c>
      <c r="BR30" s="205">
        <v>0</v>
      </c>
      <c r="BS30" s="226">
        <v>0</v>
      </c>
      <c r="BT30" s="227">
        <v>0</v>
      </c>
      <c r="BU30" s="203">
        <v>0</v>
      </c>
      <c r="BV30" s="205">
        <v>0</v>
      </c>
      <c r="BW30" s="205">
        <v>0</v>
      </c>
      <c r="BX30" s="206">
        <v>0</v>
      </c>
      <c r="BY30" s="204">
        <v>0</v>
      </c>
      <c r="BZ30" s="204">
        <v>0</v>
      </c>
      <c r="CA30" s="204">
        <v>0</v>
      </c>
      <c r="CB30" s="205">
        <v>0</v>
      </c>
      <c r="CC30" s="226">
        <v>0</v>
      </c>
      <c r="CD30" s="228">
        <v>0</v>
      </c>
      <c r="CE30" s="208">
        <v>0</v>
      </c>
      <c r="CF30" s="205">
        <v>0</v>
      </c>
      <c r="CG30" s="205">
        <v>0</v>
      </c>
      <c r="CH30" s="206">
        <v>0</v>
      </c>
      <c r="CI30" s="204">
        <v>0</v>
      </c>
      <c r="CJ30" s="204">
        <v>0</v>
      </c>
      <c r="CK30" s="204">
        <v>0</v>
      </c>
      <c r="CL30" s="205">
        <v>0</v>
      </c>
      <c r="CM30" s="226">
        <v>0</v>
      </c>
      <c r="CN30" s="228">
        <v>0</v>
      </c>
      <c r="CO30" s="208">
        <v>0</v>
      </c>
      <c r="CP30" s="205">
        <v>0</v>
      </c>
      <c r="CQ30" s="205">
        <v>0</v>
      </c>
      <c r="CR30" s="206">
        <v>0</v>
      </c>
      <c r="CS30" s="204">
        <v>1</v>
      </c>
      <c r="CT30" s="204">
        <v>0</v>
      </c>
      <c r="CU30" s="204">
        <v>1</v>
      </c>
      <c r="CV30" s="205">
        <v>3</v>
      </c>
      <c r="CW30" s="226">
        <v>5</v>
      </c>
      <c r="CX30" s="227">
        <v>5</v>
      </c>
      <c r="CY30" s="203">
        <v>0</v>
      </c>
      <c r="CZ30" s="205">
        <v>0</v>
      </c>
      <c r="DA30" s="205">
        <v>0</v>
      </c>
      <c r="DB30" s="206">
        <v>0</v>
      </c>
      <c r="DC30" s="204">
        <v>1</v>
      </c>
      <c r="DD30" s="204">
        <v>0</v>
      </c>
      <c r="DE30" s="204">
        <v>0</v>
      </c>
      <c r="DF30" s="205">
        <v>3</v>
      </c>
      <c r="DG30" s="226">
        <v>4</v>
      </c>
      <c r="DH30" s="228">
        <v>4</v>
      </c>
      <c r="DI30" s="208">
        <v>0</v>
      </c>
      <c r="DJ30" s="205">
        <v>0</v>
      </c>
      <c r="DK30" s="205">
        <v>0</v>
      </c>
      <c r="DL30" s="206">
        <v>0</v>
      </c>
      <c r="DM30" s="204">
        <v>0</v>
      </c>
      <c r="DN30" s="204">
        <v>0</v>
      </c>
      <c r="DO30" s="204">
        <v>1</v>
      </c>
      <c r="DP30" s="205">
        <v>0</v>
      </c>
      <c r="DQ30" s="226">
        <v>1</v>
      </c>
      <c r="DR30" s="228">
        <v>1</v>
      </c>
      <c r="DS30" s="208">
        <v>0</v>
      </c>
      <c r="DT30" s="205">
        <v>0</v>
      </c>
      <c r="DU30" s="205">
        <v>0</v>
      </c>
      <c r="DV30" s="206">
        <v>8</v>
      </c>
      <c r="DW30" s="204">
        <v>17</v>
      </c>
      <c r="DX30" s="204">
        <v>47</v>
      </c>
      <c r="DY30" s="204">
        <v>84</v>
      </c>
      <c r="DZ30" s="205">
        <v>50</v>
      </c>
      <c r="EA30" s="226">
        <v>206</v>
      </c>
      <c r="EB30" s="228">
        <v>206</v>
      </c>
      <c r="EC30" s="225"/>
    </row>
    <row r="31" spans="2:133" ht="21" customHeight="1" x14ac:dyDescent="0.2">
      <c r="B31" s="92" t="s">
        <v>28</v>
      </c>
      <c r="C31" s="203">
        <v>0</v>
      </c>
      <c r="D31" s="205">
        <v>0</v>
      </c>
      <c r="E31" s="205">
        <v>0</v>
      </c>
      <c r="F31" s="206">
        <v>0</v>
      </c>
      <c r="G31" s="204">
        <v>0</v>
      </c>
      <c r="H31" s="204">
        <v>12</v>
      </c>
      <c r="I31" s="204">
        <v>22</v>
      </c>
      <c r="J31" s="205">
        <v>18</v>
      </c>
      <c r="K31" s="226">
        <v>52</v>
      </c>
      <c r="L31" s="227">
        <v>52</v>
      </c>
      <c r="M31" s="203">
        <v>0</v>
      </c>
      <c r="N31" s="205">
        <v>0</v>
      </c>
      <c r="O31" s="226">
        <v>0</v>
      </c>
      <c r="P31" s="206">
        <v>0</v>
      </c>
      <c r="Q31" s="204">
        <v>0</v>
      </c>
      <c r="R31" s="204">
        <v>12</v>
      </c>
      <c r="S31" s="204">
        <v>22</v>
      </c>
      <c r="T31" s="205">
        <v>17</v>
      </c>
      <c r="U31" s="226">
        <v>51</v>
      </c>
      <c r="V31" s="228">
        <v>51</v>
      </c>
      <c r="W31" s="208">
        <v>0</v>
      </c>
      <c r="X31" s="205">
        <v>0</v>
      </c>
      <c r="Y31" s="226">
        <v>0</v>
      </c>
      <c r="Z31" s="208">
        <v>0</v>
      </c>
      <c r="AA31" s="204">
        <v>0</v>
      </c>
      <c r="AB31" s="204">
        <v>0</v>
      </c>
      <c r="AC31" s="204">
        <v>0</v>
      </c>
      <c r="AD31" s="205">
        <v>1</v>
      </c>
      <c r="AE31" s="226">
        <v>1</v>
      </c>
      <c r="AF31" s="207">
        <v>1</v>
      </c>
      <c r="AG31" s="208">
        <v>0</v>
      </c>
      <c r="AH31" s="205">
        <v>0</v>
      </c>
      <c r="AI31" s="226">
        <v>0</v>
      </c>
      <c r="AJ31" s="208">
        <v>3</v>
      </c>
      <c r="AK31" s="204">
        <v>7</v>
      </c>
      <c r="AL31" s="204">
        <v>9</v>
      </c>
      <c r="AM31" s="204">
        <v>9</v>
      </c>
      <c r="AN31" s="205">
        <v>3</v>
      </c>
      <c r="AO31" s="226">
        <v>31</v>
      </c>
      <c r="AP31" s="207">
        <v>31</v>
      </c>
      <c r="AQ31" s="208">
        <v>0</v>
      </c>
      <c r="AR31" s="205">
        <v>0</v>
      </c>
      <c r="AS31" s="226">
        <v>0</v>
      </c>
      <c r="AT31" s="206">
        <v>3</v>
      </c>
      <c r="AU31" s="204">
        <v>7</v>
      </c>
      <c r="AV31" s="204">
        <v>9</v>
      </c>
      <c r="AW31" s="204">
        <v>9</v>
      </c>
      <c r="AX31" s="205">
        <v>3</v>
      </c>
      <c r="AY31" s="226">
        <v>31</v>
      </c>
      <c r="AZ31" s="227">
        <v>31</v>
      </c>
      <c r="BA31" s="203">
        <v>0</v>
      </c>
      <c r="BB31" s="205">
        <v>0</v>
      </c>
      <c r="BC31" s="205">
        <v>0</v>
      </c>
      <c r="BD31" s="206">
        <v>0</v>
      </c>
      <c r="BE31" s="204">
        <v>0</v>
      </c>
      <c r="BF31" s="204">
        <v>0</v>
      </c>
      <c r="BG31" s="204">
        <v>0</v>
      </c>
      <c r="BH31" s="205">
        <v>0</v>
      </c>
      <c r="BI31" s="226">
        <v>0</v>
      </c>
      <c r="BJ31" s="228">
        <v>0</v>
      </c>
      <c r="BK31" s="208">
        <v>0</v>
      </c>
      <c r="BL31" s="205">
        <v>0</v>
      </c>
      <c r="BM31" s="205">
        <v>0</v>
      </c>
      <c r="BN31" s="206">
        <v>0</v>
      </c>
      <c r="BO31" s="204">
        <v>0</v>
      </c>
      <c r="BP31" s="204">
        <v>0</v>
      </c>
      <c r="BQ31" s="204">
        <v>0</v>
      </c>
      <c r="BR31" s="205">
        <v>0</v>
      </c>
      <c r="BS31" s="226">
        <v>0</v>
      </c>
      <c r="BT31" s="227">
        <v>0</v>
      </c>
      <c r="BU31" s="203">
        <v>0</v>
      </c>
      <c r="BV31" s="205">
        <v>0</v>
      </c>
      <c r="BW31" s="205">
        <v>0</v>
      </c>
      <c r="BX31" s="206">
        <v>0</v>
      </c>
      <c r="BY31" s="204">
        <v>0</v>
      </c>
      <c r="BZ31" s="204">
        <v>0</v>
      </c>
      <c r="CA31" s="204">
        <v>0</v>
      </c>
      <c r="CB31" s="205">
        <v>0</v>
      </c>
      <c r="CC31" s="226">
        <v>0</v>
      </c>
      <c r="CD31" s="228">
        <v>0</v>
      </c>
      <c r="CE31" s="208">
        <v>0</v>
      </c>
      <c r="CF31" s="205">
        <v>0</v>
      </c>
      <c r="CG31" s="205">
        <v>0</v>
      </c>
      <c r="CH31" s="206">
        <v>0</v>
      </c>
      <c r="CI31" s="204">
        <v>0</v>
      </c>
      <c r="CJ31" s="204">
        <v>0</v>
      </c>
      <c r="CK31" s="204">
        <v>0</v>
      </c>
      <c r="CL31" s="205">
        <v>0</v>
      </c>
      <c r="CM31" s="226">
        <v>0</v>
      </c>
      <c r="CN31" s="228">
        <v>0</v>
      </c>
      <c r="CO31" s="208">
        <v>0</v>
      </c>
      <c r="CP31" s="205">
        <v>0</v>
      </c>
      <c r="CQ31" s="205">
        <v>0</v>
      </c>
      <c r="CR31" s="206">
        <v>0</v>
      </c>
      <c r="CS31" s="204">
        <v>0</v>
      </c>
      <c r="CT31" s="204">
        <v>0</v>
      </c>
      <c r="CU31" s="204">
        <v>1</v>
      </c>
      <c r="CV31" s="205">
        <v>0</v>
      </c>
      <c r="CW31" s="226">
        <v>1</v>
      </c>
      <c r="CX31" s="227">
        <v>1</v>
      </c>
      <c r="CY31" s="203">
        <v>0</v>
      </c>
      <c r="CZ31" s="205">
        <v>0</v>
      </c>
      <c r="DA31" s="205">
        <v>0</v>
      </c>
      <c r="DB31" s="206">
        <v>0</v>
      </c>
      <c r="DC31" s="204">
        <v>0</v>
      </c>
      <c r="DD31" s="204">
        <v>0</v>
      </c>
      <c r="DE31" s="204">
        <v>1</v>
      </c>
      <c r="DF31" s="205">
        <v>0</v>
      </c>
      <c r="DG31" s="226">
        <v>1</v>
      </c>
      <c r="DH31" s="228">
        <v>1</v>
      </c>
      <c r="DI31" s="208">
        <v>0</v>
      </c>
      <c r="DJ31" s="205">
        <v>0</v>
      </c>
      <c r="DK31" s="205">
        <v>0</v>
      </c>
      <c r="DL31" s="206">
        <v>0</v>
      </c>
      <c r="DM31" s="204">
        <v>0</v>
      </c>
      <c r="DN31" s="204">
        <v>0</v>
      </c>
      <c r="DO31" s="204">
        <v>0</v>
      </c>
      <c r="DP31" s="205">
        <v>0</v>
      </c>
      <c r="DQ31" s="226">
        <v>0</v>
      </c>
      <c r="DR31" s="228">
        <v>0</v>
      </c>
      <c r="DS31" s="208">
        <v>0</v>
      </c>
      <c r="DT31" s="205">
        <v>0</v>
      </c>
      <c r="DU31" s="205">
        <v>0</v>
      </c>
      <c r="DV31" s="206">
        <v>3</v>
      </c>
      <c r="DW31" s="204">
        <v>7</v>
      </c>
      <c r="DX31" s="204">
        <v>21</v>
      </c>
      <c r="DY31" s="204">
        <v>32</v>
      </c>
      <c r="DZ31" s="205">
        <v>21</v>
      </c>
      <c r="EA31" s="226">
        <v>84</v>
      </c>
      <c r="EB31" s="228">
        <v>84</v>
      </c>
      <c r="EC31" s="225"/>
    </row>
    <row r="32" spans="2:133" ht="21" customHeight="1" x14ac:dyDescent="0.2">
      <c r="B32" s="92" t="s">
        <v>29</v>
      </c>
      <c r="C32" s="203">
        <v>0</v>
      </c>
      <c r="D32" s="205">
        <v>0</v>
      </c>
      <c r="E32" s="205">
        <v>0</v>
      </c>
      <c r="F32" s="206">
        <v>0</v>
      </c>
      <c r="G32" s="204">
        <v>2</v>
      </c>
      <c r="H32" s="204">
        <v>6</v>
      </c>
      <c r="I32" s="204">
        <v>24</v>
      </c>
      <c r="J32" s="205">
        <v>18</v>
      </c>
      <c r="K32" s="226">
        <v>50</v>
      </c>
      <c r="L32" s="227">
        <v>50</v>
      </c>
      <c r="M32" s="203">
        <v>0</v>
      </c>
      <c r="N32" s="205">
        <v>0</v>
      </c>
      <c r="O32" s="226">
        <v>0</v>
      </c>
      <c r="P32" s="206">
        <v>0</v>
      </c>
      <c r="Q32" s="204">
        <v>2</v>
      </c>
      <c r="R32" s="204">
        <v>6</v>
      </c>
      <c r="S32" s="204">
        <v>24</v>
      </c>
      <c r="T32" s="205">
        <v>18</v>
      </c>
      <c r="U32" s="226">
        <v>50</v>
      </c>
      <c r="V32" s="228">
        <v>50</v>
      </c>
      <c r="W32" s="208">
        <v>0</v>
      </c>
      <c r="X32" s="205">
        <v>0</v>
      </c>
      <c r="Y32" s="226">
        <v>0</v>
      </c>
      <c r="Z32" s="208">
        <v>0</v>
      </c>
      <c r="AA32" s="204">
        <v>0</v>
      </c>
      <c r="AB32" s="204">
        <v>0</v>
      </c>
      <c r="AC32" s="204">
        <v>0</v>
      </c>
      <c r="AD32" s="205">
        <v>0</v>
      </c>
      <c r="AE32" s="226">
        <v>0</v>
      </c>
      <c r="AF32" s="207">
        <v>0</v>
      </c>
      <c r="AG32" s="208">
        <v>0</v>
      </c>
      <c r="AH32" s="205">
        <v>0</v>
      </c>
      <c r="AI32" s="226">
        <v>0</v>
      </c>
      <c r="AJ32" s="208">
        <v>4</v>
      </c>
      <c r="AK32" s="204">
        <v>6</v>
      </c>
      <c r="AL32" s="204">
        <v>14</v>
      </c>
      <c r="AM32" s="204">
        <v>12</v>
      </c>
      <c r="AN32" s="205">
        <v>9</v>
      </c>
      <c r="AO32" s="226">
        <v>45</v>
      </c>
      <c r="AP32" s="207">
        <v>45</v>
      </c>
      <c r="AQ32" s="208">
        <v>0</v>
      </c>
      <c r="AR32" s="205">
        <v>0</v>
      </c>
      <c r="AS32" s="226">
        <v>0</v>
      </c>
      <c r="AT32" s="206">
        <v>4</v>
      </c>
      <c r="AU32" s="204">
        <v>6</v>
      </c>
      <c r="AV32" s="204">
        <v>14</v>
      </c>
      <c r="AW32" s="204">
        <v>12</v>
      </c>
      <c r="AX32" s="205">
        <v>8</v>
      </c>
      <c r="AY32" s="226">
        <v>44</v>
      </c>
      <c r="AZ32" s="227">
        <v>44</v>
      </c>
      <c r="BA32" s="203">
        <v>0</v>
      </c>
      <c r="BB32" s="205">
        <v>0</v>
      </c>
      <c r="BC32" s="205">
        <v>0</v>
      </c>
      <c r="BD32" s="206">
        <v>0</v>
      </c>
      <c r="BE32" s="204">
        <v>0</v>
      </c>
      <c r="BF32" s="204">
        <v>0</v>
      </c>
      <c r="BG32" s="204">
        <v>0</v>
      </c>
      <c r="BH32" s="205">
        <v>1</v>
      </c>
      <c r="BI32" s="226">
        <v>1</v>
      </c>
      <c r="BJ32" s="228">
        <v>1</v>
      </c>
      <c r="BK32" s="208">
        <v>0</v>
      </c>
      <c r="BL32" s="205">
        <v>0</v>
      </c>
      <c r="BM32" s="205">
        <v>0</v>
      </c>
      <c r="BN32" s="206">
        <v>0</v>
      </c>
      <c r="BO32" s="204">
        <v>0</v>
      </c>
      <c r="BP32" s="204">
        <v>0</v>
      </c>
      <c r="BQ32" s="204">
        <v>0</v>
      </c>
      <c r="BR32" s="205">
        <v>0</v>
      </c>
      <c r="BS32" s="226">
        <v>0</v>
      </c>
      <c r="BT32" s="227">
        <v>0</v>
      </c>
      <c r="BU32" s="203">
        <v>0</v>
      </c>
      <c r="BV32" s="205">
        <v>0</v>
      </c>
      <c r="BW32" s="205">
        <v>0</v>
      </c>
      <c r="BX32" s="206">
        <v>0</v>
      </c>
      <c r="BY32" s="204">
        <v>0</v>
      </c>
      <c r="BZ32" s="204">
        <v>0</v>
      </c>
      <c r="CA32" s="204">
        <v>0</v>
      </c>
      <c r="CB32" s="205">
        <v>0</v>
      </c>
      <c r="CC32" s="226">
        <v>0</v>
      </c>
      <c r="CD32" s="228">
        <v>0</v>
      </c>
      <c r="CE32" s="208">
        <v>0</v>
      </c>
      <c r="CF32" s="205">
        <v>0</v>
      </c>
      <c r="CG32" s="205">
        <v>0</v>
      </c>
      <c r="CH32" s="206">
        <v>0</v>
      </c>
      <c r="CI32" s="204">
        <v>0</v>
      </c>
      <c r="CJ32" s="204">
        <v>0</v>
      </c>
      <c r="CK32" s="204">
        <v>0</v>
      </c>
      <c r="CL32" s="205">
        <v>0</v>
      </c>
      <c r="CM32" s="226">
        <v>0</v>
      </c>
      <c r="CN32" s="228">
        <v>0</v>
      </c>
      <c r="CO32" s="208">
        <v>0</v>
      </c>
      <c r="CP32" s="205">
        <v>0</v>
      </c>
      <c r="CQ32" s="205">
        <v>0</v>
      </c>
      <c r="CR32" s="206">
        <v>0</v>
      </c>
      <c r="CS32" s="204">
        <v>0</v>
      </c>
      <c r="CT32" s="204">
        <v>0</v>
      </c>
      <c r="CU32" s="204">
        <v>0</v>
      </c>
      <c r="CV32" s="205">
        <v>0</v>
      </c>
      <c r="CW32" s="226">
        <v>0</v>
      </c>
      <c r="CX32" s="227">
        <v>0</v>
      </c>
      <c r="CY32" s="203">
        <v>0</v>
      </c>
      <c r="CZ32" s="205">
        <v>0</v>
      </c>
      <c r="DA32" s="205">
        <v>0</v>
      </c>
      <c r="DB32" s="206">
        <v>0</v>
      </c>
      <c r="DC32" s="204">
        <v>0</v>
      </c>
      <c r="DD32" s="204">
        <v>0</v>
      </c>
      <c r="DE32" s="204">
        <v>0</v>
      </c>
      <c r="DF32" s="205">
        <v>0</v>
      </c>
      <c r="DG32" s="226">
        <v>0</v>
      </c>
      <c r="DH32" s="228">
        <v>0</v>
      </c>
      <c r="DI32" s="208">
        <v>0</v>
      </c>
      <c r="DJ32" s="205">
        <v>0</v>
      </c>
      <c r="DK32" s="205">
        <v>0</v>
      </c>
      <c r="DL32" s="206">
        <v>0</v>
      </c>
      <c r="DM32" s="204">
        <v>0</v>
      </c>
      <c r="DN32" s="204">
        <v>0</v>
      </c>
      <c r="DO32" s="204">
        <v>0</v>
      </c>
      <c r="DP32" s="205">
        <v>0</v>
      </c>
      <c r="DQ32" s="226">
        <v>0</v>
      </c>
      <c r="DR32" s="228">
        <v>0</v>
      </c>
      <c r="DS32" s="208">
        <v>0</v>
      </c>
      <c r="DT32" s="205">
        <v>0</v>
      </c>
      <c r="DU32" s="205">
        <v>0</v>
      </c>
      <c r="DV32" s="206">
        <v>4</v>
      </c>
      <c r="DW32" s="204">
        <v>8</v>
      </c>
      <c r="DX32" s="204">
        <v>20</v>
      </c>
      <c r="DY32" s="204">
        <v>36</v>
      </c>
      <c r="DZ32" s="205">
        <v>27</v>
      </c>
      <c r="EA32" s="226">
        <v>95</v>
      </c>
      <c r="EB32" s="228">
        <v>95</v>
      </c>
      <c r="EC32" s="225"/>
    </row>
    <row r="33" spans="2:133" ht="21" customHeight="1" x14ac:dyDescent="0.2">
      <c r="B33" s="92" t="s">
        <v>30</v>
      </c>
      <c r="C33" s="203">
        <v>0</v>
      </c>
      <c r="D33" s="205">
        <v>0</v>
      </c>
      <c r="E33" s="205">
        <v>0</v>
      </c>
      <c r="F33" s="206">
        <v>0</v>
      </c>
      <c r="G33" s="204">
        <v>4</v>
      </c>
      <c r="H33" s="204">
        <v>20</v>
      </c>
      <c r="I33" s="204">
        <v>33</v>
      </c>
      <c r="J33" s="205">
        <v>20</v>
      </c>
      <c r="K33" s="226">
        <v>77</v>
      </c>
      <c r="L33" s="227">
        <v>77</v>
      </c>
      <c r="M33" s="203">
        <v>0</v>
      </c>
      <c r="N33" s="205">
        <v>0</v>
      </c>
      <c r="O33" s="226">
        <v>0</v>
      </c>
      <c r="P33" s="206">
        <v>0</v>
      </c>
      <c r="Q33" s="204">
        <v>4</v>
      </c>
      <c r="R33" s="204">
        <v>20</v>
      </c>
      <c r="S33" s="204">
        <v>33</v>
      </c>
      <c r="T33" s="205">
        <v>20</v>
      </c>
      <c r="U33" s="226">
        <v>77</v>
      </c>
      <c r="V33" s="228">
        <v>77</v>
      </c>
      <c r="W33" s="208">
        <v>0</v>
      </c>
      <c r="X33" s="205">
        <v>0</v>
      </c>
      <c r="Y33" s="226">
        <v>0</v>
      </c>
      <c r="Z33" s="208">
        <v>0</v>
      </c>
      <c r="AA33" s="204">
        <v>0</v>
      </c>
      <c r="AB33" s="204">
        <v>0</v>
      </c>
      <c r="AC33" s="204">
        <v>0</v>
      </c>
      <c r="AD33" s="205">
        <v>0</v>
      </c>
      <c r="AE33" s="226">
        <v>0</v>
      </c>
      <c r="AF33" s="207">
        <v>0</v>
      </c>
      <c r="AG33" s="208">
        <v>0</v>
      </c>
      <c r="AH33" s="205">
        <v>0</v>
      </c>
      <c r="AI33" s="226">
        <v>0</v>
      </c>
      <c r="AJ33" s="208">
        <v>11</v>
      </c>
      <c r="AK33" s="204">
        <v>7</v>
      </c>
      <c r="AL33" s="204">
        <v>11</v>
      </c>
      <c r="AM33" s="204">
        <v>19</v>
      </c>
      <c r="AN33" s="205">
        <v>4</v>
      </c>
      <c r="AO33" s="226">
        <v>52</v>
      </c>
      <c r="AP33" s="207">
        <v>52</v>
      </c>
      <c r="AQ33" s="208">
        <v>0</v>
      </c>
      <c r="AR33" s="205">
        <v>0</v>
      </c>
      <c r="AS33" s="226">
        <v>0</v>
      </c>
      <c r="AT33" s="206">
        <v>11</v>
      </c>
      <c r="AU33" s="204">
        <v>7</v>
      </c>
      <c r="AV33" s="204">
        <v>11</v>
      </c>
      <c r="AW33" s="204">
        <v>19</v>
      </c>
      <c r="AX33" s="205">
        <v>4</v>
      </c>
      <c r="AY33" s="226">
        <v>52</v>
      </c>
      <c r="AZ33" s="227">
        <v>52</v>
      </c>
      <c r="BA33" s="203">
        <v>0</v>
      </c>
      <c r="BB33" s="205">
        <v>0</v>
      </c>
      <c r="BC33" s="205">
        <v>0</v>
      </c>
      <c r="BD33" s="206">
        <v>0</v>
      </c>
      <c r="BE33" s="204">
        <v>0</v>
      </c>
      <c r="BF33" s="204">
        <v>0</v>
      </c>
      <c r="BG33" s="204">
        <v>0</v>
      </c>
      <c r="BH33" s="205">
        <v>0</v>
      </c>
      <c r="BI33" s="226">
        <v>0</v>
      </c>
      <c r="BJ33" s="228">
        <v>0</v>
      </c>
      <c r="BK33" s="208">
        <v>0</v>
      </c>
      <c r="BL33" s="205">
        <v>0</v>
      </c>
      <c r="BM33" s="205">
        <v>0</v>
      </c>
      <c r="BN33" s="206">
        <v>0</v>
      </c>
      <c r="BO33" s="204">
        <v>0</v>
      </c>
      <c r="BP33" s="204">
        <v>0</v>
      </c>
      <c r="BQ33" s="204">
        <v>0</v>
      </c>
      <c r="BR33" s="205">
        <v>0</v>
      </c>
      <c r="BS33" s="226">
        <v>0</v>
      </c>
      <c r="BT33" s="227">
        <v>0</v>
      </c>
      <c r="BU33" s="203">
        <v>0</v>
      </c>
      <c r="BV33" s="205">
        <v>0</v>
      </c>
      <c r="BW33" s="205">
        <v>0</v>
      </c>
      <c r="BX33" s="206">
        <v>0</v>
      </c>
      <c r="BY33" s="204">
        <v>0</v>
      </c>
      <c r="BZ33" s="204">
        <v>0</v>
      </c>
      <c r="CA33" s="204">
        <v>0</v>
      </c>
      <c r="CB33" s="205">
        <v>0</v>
      </c>
      <c r="CC33" s="226">
        <v>0</v>
      </c>
      <c r="CD33" s="228">
        <v>0</v>
      </c>
      <c r="CE33" s="208">
        <v>0</v>
      </c>
      <c r="CF33" s="205">
        <v>0</v>
      </c>
      <c r="CG33" s="205">
        <v>0</v>
      </c>
      <c r="CH33" s="206">
        <v>0</v>
      </c>
      <c r="CI33" s="204">
        <v>0</v>
      </c>
      <c r="CJ33" s="204">
        <v>0</v>
      </c>
      <c r="CK33" s="204">
        <v>0</v>
      </c>
      <c r="CL33" s="205">
        <v>0</v>
      </c>
      <c r="CM33" s="226">
        <v>0</v>
      </c>
      <c r="CN33" s="228">
        <v>0</v>
      </c>
      <c r="CO33" s="208">
        <v>0</v>
      </c>
      <c r="CP33" s="205">
        <v>0</v>
      </c>
      <c r="CQ33" s="205">
        <v>0</v>
      </c>
      <c r="CR33" s="206">
        <v>0</v>
      </c>
      <c r="CS33" s="204">
        <v>0</v>
      </c>
      <c r="CT33" s="204">
        <v>0</v>
      </c>
      <c r="CU33" s="204">
        <v>0</v>
      </c>
      <c r="CV33" s="205">
        <v>2</v>
      </c>
      <c r="CW33" s="226">
        <v>2</v>
      </c>
      <c r="CX33" s="227">
        <v>2</v>
      </c>
      <c r="CY33" s="203">
        <v>0</v>
      </c>
      <c r="CZ33" s="205">
        <v>0</v>
      </c>
      <c r="DA33" s="205">
        <v>0</v>
      </c>
      <c r="DB33" s="206">
        <v>0</v>
      </c>
      <c r="DC33" s="204">
        <v>0</v>
      </c>
      <c r="DD33" s="204">
        <v>0</v>
      </c>
      <c r="DE33" s="204">
        <v>0</v>
      </c>
      <c r="DF33" s="205">
        <v>2</v>
      </c>
      <c r="DG33" s="226">
        <v>2</v>
      </c>
      <c r="DH33" s="228">
        <v>2</v>
      </c>
      <c r="DI33" s="208">
        <v>0</v>
      </c>
      <c r="DJ33" s="205">
        <v>0</v>
      </c>
      <c r="DK33" s="205">
        <v>0</v>
      </c>
      <c r="DL33" s="206">
        <v>0</v>
      </c>
      <c r="DM33" s="204">
        <v>0</v>
      </c>
      <c r="DN33" s="204">
        <v>0</v>
      </c>
      <c r="DO33" s="204">
        <v>0</v>
      </c>
      <c r="DP33" s="205">
        <v>0</v>
      </c>
      <c r="DQ33" s="226">
        <v>0</v>
      </c>
      <c r="DR33" s="228">
        <v>0</v>
      </c>
      <c r="DS33" s="208">
        <v>0</v>
      </c>
      <c r="DT33" s="205">
        <v>0</v>
      </c>
      <c r="DU33" s="205">
        <v>0</v>
      </c>
      <c r="DV33" s="206">
        <v>11</v>
      </c>
      <c r="DW33" s="204">
        <v>11</v>
      </c>
      <c r="DX33" s="204">
        <v>31</v>
      </c>
      <c r="DY33" s="204">
        <v>52</v>
      </c>
      <c r="DZ33" s="205">
        <v>26</v>
      </c>
      <c r="EA33" s="226">
        <v>131</v>
      </c>
      <c r="EB33" s="228">
        <v>131</v>
      </c>
      <c r="EC33" s="225"/>
    </row>
    <row r="34" spans="2:133" ht="21" customHeight="1" x14ac:dyDescent="0.2">
      <c r="B34" s="92" t="s">
        <v>31</v>
      </c>
      <c r="C34" s="203">
        <v>0</v>
      </c>
      <c r="D34" s="205">
        <v>0</v>
      </c>
      <c r="E34" s="205">
        <v>0</v>
      </c>
      <c r="F34" s="206">
        <v>1</v>
      </c>
      <c r="G34" s="204">
        <v>2</v>
      </c>
      <c r="H34" s="204">
        <v>31</v>
      </c>
      <c r="I34" s="204">
        <v>25</v>
      </c>
      <c r="J34" s="205">
        <v>25</v>
      </c>
      <c r="K34" s="226">
        <v>84</v>
      </c>
      <c r="L34" s="227">
        <v>84</v>
      </c>
      <c r="M34" s="203">
        <v>0</v>
      </c>
      <c r="N34" s="205">
        <v>0</v>
      </c>
      <c r="O34" s="226">
        <v>0</v>
      </c>
      <c r="P34" s="206">
        <v>1</v>
      </c>
      <c r="Q34" s="204">
        <v>2</v>
      </c>
      <c r="R34" s="204">
        <v>31</v>
      </c>
      <c r="S34" s="204">
        <v>25</v>
      </c>
      <c r="T34" s="205">
        <v>25</v>
      </c>
      <c r="U34" s="226">
        <v>84</v>
      </c>
      <c r="V34" s="228">
        <v>84</v>
      </c>
      <c r="W34" s="208">
        <v>0</v>
      </c>
      <c r="X34" s="205">
        <v>0</v>
      </c>
      <c r="Y34" s="226">
        <v>0</v>
      </c>
      <c r="Z34" s="208">
        <v>0</v>
      </c>
      <c r="AA34" s="204">
        <v>0</v>
      </c>
      <c r="AB34" s="204">
        <v>0</v>
      </c>
      <c r="AC34" s="204">
        <v>0</v>
      </c>
      <c r="AD34" s="205">
        <v>0</v>
      </c>
      <c r="AE34" s="226">
        <v>0</v>
      </c>
      <c r="AF34" s="207">
        <v>0</v>
      </c>
      <c r="AG34" s="208">
        <v>0</v>
      </c>
      <c r="AH34" s="205">
        <v>0</v>
      </c>
      <c r="AI34" s="226">
        <v>0</v>
      </c>
      <c r="AJ34" s="208">
        <v>2</v>
      </c>
      <c r="AK34" s="204">
        <v>9</v>
      </c>
      <c r="AL34" s="204">
        <v>9</v>
      </c>
      <c r="AM34" s="204">
        <v>6</v>
      </c>
      <c r="AN34" s="205">
        <v>6</v>
      </c>
      <c r="AO34" s="226">
        <v>32</v>
      </c>
      <c r="AP34" s="207">
        <v>32</v>
      </c>
      <c r="AQ34" s="208">
        <v>0</v>
      </c>
      <c r="AR34" s="205">
        <v>0</v>
      </c>
      <c r="AS34" s="226">
        <v>0</v>
      </c>
      <c r="AT34" s="206">
        <v>2</v>
      </c>
      <c r="AU34" s="204">
        <v>9</v>
      </c>
      <c r="AV34" s="204">
        <v>9</v>
      </c>
      <c r="AW34" s="204">
        <v>6</v>
      </c>
      <c r="AX34" s="205">
        <v>5</v>
      </c>
      <c r="AY34" s="226">
        <v>31</v>
      </c>
      <c r="AZ34" s="227">
        <v>31</v>
      </c>
      <c r="BA34" s="203">
        <v>0</v>
      </c>
      <c r="BB34" s="205">
        <v>0</v>
      </c>
      <c r="BC34" s="205">
        <v>0</v>
      </c>
      <c r="BD34" s="206">
        <v>0</v>
      </c>
      <c r="BE34" s="204">
        <v>0</v>
      </c>
      <c r="BF34" s="204">
        <v>0</v>
      </c>
      <c r="BG34" s="204">
        <v>0</v>
      </c>
      <c r="BH34" s="205">
        <v>1</v>
      </c>
      <c r="BI34" s="226">
        <v>1</v>
      </c>
      <c r="BJ34" s="228">
        <v>1</v>
      </c>
      <c r="BK34" s="208">
        <v>0</v>
      </c>
      <c r="BL34" s="205">
        <v>0</v>
      </c>
      <c r="BM34" s="205">
        <v>0</v>
      </c>
      <c r="BN34" s="206">
        <v>0</v>
      </c>
      <c r="BO34" s="204">
        <v>0</v>
      </c>
      <c r="BP34" s="204">
        <v>0</v>
      </c>
      <c r="BQ34" s="204">
        <v>0</v>
      </c>
      <c r="BR34" s="205">
        <v>0</v>
      </c>
      <c r="BS34" s="226">
        <v>0</v>
      </c>
      <c r="BT34" s="227">
        <v>0</v>
      </c>
      <c r="BU34" s="203">
        <v>0</v>
      </c>
      <c r="BV34" s="205">
        <v>0</v>
      </c>
      <c r="BW34" s="205">
        <v>0</v>
      </c>
      <c r="BX34" s="206">
        <v>0</v>
      </c>
      <c r="BY34" s="204">
        <v>0</v>
      </c>
      <c r="BZ34" s="204">
        <v>0</v>
      </c>
      <c r="CA34" s="204">
        <v>0</v>
      </c>
      <c r="CB34" s="205">
        <v>0</v>
      </c>
      <c r="CC34" s="226">
        <v>0</v>
      </c>
      <c r="CD34" s="228">
        <v>0</v>
      </c>
      <c r="CE34" s="208">
        <v>0</v>
      </c>
      <c r="CF34" s="205">
        <v>0</v>
      </c>
      <c r="CG34" s="205">
        <v>0</v>
      </c>
      <c r="CH34" s="206">
        <v>0</v>
      </c>
      <c r="CI34" s="204">
        <v>0</v>
      </c>
      <c r="CJ34" s="204">
        <v>0</v>
      </c>
      <c r="CK34" s="204">
        <v>0</v>
      </c>
      <c r="CL34" s="205">
        <v>0</v>
      </c>
      <c r="CM34" s="226">
        <v>0</v>
      </c>
      <c r="CN34" s="228">
        <v>0</v>
      </c>
      <c r="CO34" s="208">
        <v>0</v>
      </c>
      <c r="CP34" s="205">
        <v>0</v>
      </c>
      <c r="CQ34" s="205">
        <v>0</v>
      </c>
      <c r="CR34" s="206">
        <v>1</v>
      </c>
      <c r="CS34" s="204">
        <v>0</v>
      </c>
      <c r="CT34" s="204">
        <v>0</v>
      </c>
      <c r="CU34" s="204">
        <v>2</v>
      </c>
      <c r="CV34" s="205">
        <v>2</v>
      </c>
      <c r="CW34" s="226">
        <v>5</v>
      </c>
      <c r="CX34" s="227">
        <v>5</v>
      </c>
      <c r="CY34" s="203">
        <v>0</v>
      </c>
      <c r="CZ34" s="205">
        <v>0</v>
      </c>
      <c r="DA34" s="205">
        <v>0</v>
      </c>
      <c r="DB34" s="206">
        <v>1</v>
      </c>
      <c r="DC34" s="204">
        <v>0</v>
      </c>
      <c r="DD34" s="204">
        <v>0</v>
      </c>
      <c r="DE34" s="204">
        <v>2</v>
      </c>
      <c r="DF34" s="205">
        <v>2</v>
      </c>
      <c r="DG34" s="226">
        <v>5</v>
      </c>
      <c r="DH34" s="228">
        <v>5</v>
      </c>
      <c r="DI34" s="208">
        <v>0</v>
      </c>
      <c r="DJ34" s="205">
        <v>0</v>
      </c>
      <c r="DK34" s="205">
        <v>0</v>
      </c>
      <c r="DL34" s="206">
        <v>0</v>
      </c>
      <c r="DM34" s="204">
        <v>0</v>
      </c>
      <c r="DN34" s="204">
        <v>0</v>
      </c>
      <c r="DO34" s="204">
        <v>0</v>
      </c>
      <c r="DP34" s="205">
        <v>0</v>
      </c>
      <c r="DQ34" s="226">
        <v>0</v>
      </c>
      <c r="DR34" s="228">
        <v>0</v>
      </c>
      <c r="DS34" s="208">
        <v>0</v>
      </c>
      <c r="DT34" s="205">
        <v>0</v>
      </c>
      <c r="DU34" s="205">
        <v>0</v>
      </c>
      <c r="DV34" s="206">
        <v>4</v>
      </c>
      <c r="DW34" s="204">
        <v>11</v>
      </c>
      <c r="DX34" s="204">
        <v>40</v>
      </c>
      <c r="DY34" s="204">
        <v>33</v>
      </c>
      <c r="DZ34" s="205">
        <v>33</v>
      </c>
      <c r="EA34" s="226">
        <v>121</v>
      </c>
      <c r="EB34" s="228">
        <v>121</v>
      </c>
      <c r="EC34" s="225"/>
    </row>
    <row r="35" spans="2:133" ht="21" customHeight="1" x14ac:dyDescent="0.2">
      <c r="B35" s="92" t="s">
        <v>32</v>
      </c>
      <c r="C35" s="203">
        <v>0</v>
      </c>
      <c r="D35" s="205">
        <v>0</v>
      </c>
      <c r="E35" s="205">
        <v>0</v>
      </c>
      <c r="F35" s="206">
        <v>2</v>
      </c>
      <c r="G35" s="204">
        <v>0</v>
      </c>
      <c r="H35" s="204">
        <v>12</v>
      </c>
      <c r="I35" s="204">
        <v>28</v>
      </c>
      <c r="J35" s="205">
        <v>19</v>
      </c>
      <c r="K35" s="226">
        <v>61</v>
      </c>
      <c r="L35" s="227">
        <v>61</v>
      </c>
      <c r="M35" s="203">
        <v>0</v>
      </c>
      <c r="N35" s="205">
        <v>0</v>
      </c>
      <c r="O35" s="226">
        <v>0</v>
      </c>
      <c r="P35" s="206">
        <v>2</v>
      </c>
      <c r="Q35" s="204">
        <v>0</v>
      </c>
      <c r="R35" s="204">
        <v>12</v>
      </c>
      <c r="S35" s="204">
        <v>28</v>
      </c>
      <c r="T35" s="205">
        <v>19</v>
      </c>
      <c r="U35" s="226">
        <v>61</v>
      </c>
      <c r="V35" s="228">
        <v>61</v>
      </c>
      <c r="W35" s="208">
        <v>0</v>
      </c>
      <c r="X35" s="205">
        <v>0</v>
      </c>
      <c r="Y35" s="226">
        <v>0</v>
      </c>
      <c r="Z35" s="208">
        <v>0</v>
      </c>
      <c r="AA35" s="204">
        <v>0</v>
      </c>
      <c r="AB35" s="204">
        <v>0</v>
      </c>
      <c r="AC35" s="204">
        <v>0</v>
      </c>
      <c r="AD35" s="205">
        <v>0</v>
      </c>
      <c r="AE35" s="226">
        <v>0</v>
      </c>
      <c r="AF35" s="207">
        <v>0</v>
      </c>
      <c r="AG35" s="208">
        <v>0</v>
      </c>
      <c r="AH35" s="205">
        <v>0</v>
      </c>
      <c r="AI35" s="226">
        <v>0</v>
      </c>
      <c r="AJ35" s="208">
        <v>6</v>
      </c>
      <c r="AK35" s="204">
        <v>5</v>
      </c>
      <c r="AL35" s="204">
        <v>7</v>
      </c>
      <c r="AM35" s="204">
        <v>16</v>
      </c>
      <c r="AN35" s="205">
        <v>4</v>
      </c>
      <c r="AO35" s="226">
        <v>38</v>
      </c>
      <c r="AP35" s="207">
        <v>38</v>
      </c>
      <c r="AQ35" s="208">
        <v>0</v>
      </c>
      <c r="AR35" s="205">
        <v>0</v>
      </c>
      <c r="AS35" s="226">
        <v>0</v>
      </c>
      <c r="AT35" s="206">
        <v>6</v>
      </c>
      <c r="AU35" s="204">
        <v>5</v>
      </c>
      <c r="AV35" s="204">
        <v>7</v>
      </c>
      <c r="AW35" s="204">
        <v>16</v>
      </c>
      <c r="AX35" s="205">
        <v>4</v>
      </c>
      <c r="AY35" s="226">
        <v>38</v>
      </c>
      <c r="AZ35" s="227">
        <v>38</v>
      </c>
      <c r="BA35" s="203">
        <v>0</v>
      </c>
      <c r="BB35" s="205">
        <v>0</v>
      </c>
      <c r="BC35" s="205">
        <v>0</v>
      </c>
      <c r="BD35" s="206">
        <v>0</v>
      </c>
      <c r="BE35" s="204">
        <v>0</v>
      </c>
      <c r="BF35" s="204">
        <v>0</v>
      </c>
      <c r="BG35" s="204">
        <v>0</v>
      </c>
      <c r="BH35" s="205">
        <v>0</v>
      </c>
      <c r="BI35" s="226">
        <v>0</v>
      </c>
      <c r="BJ35" s="228">
        <v>0</v>
      </c>
      <c r="BK35" s="208">
        <v>0</v>
      </c>
      <c r="BL35" s="205">
        <v>0</v>
      </c>
      <c r="BM35" s="205">
        <v>0</v>
      </c>
      <c r="BN35" s="206">
        <v>0</v>
      </c>
      <c r="BO35" s="204">
        <v>0</v>
      </c>
      <c r="BP35" s="204">
        <v>0</v>
      </c>
      <c r="BQ35" s="204">
        <v>0</v>
      </c>
      <c r="BR35" s="205">
        <v>0</v>
      </c>
      <c r="BS35" s="226">
        <v>0</v>
      </c>
      <c r="BT35" s="227">
        <v>0</v>
      </c>
      <c r="BU35" s="203">
        <v>0</v>
      </c>
      <c r="BV35" s="205">
        <v>0</v>
      </c>
      <c r="BW35" s="205">
        <v>0</v>
      </c>
      <c r="BX35" s="206">
        <v>0</v>
      </c>
      <c r="BY35" s="204">
        <v>0</v>
      </c>
      <c r="BZ35" s="204">
        <v>0</v>
      </c>
      <c r="CA35" s="204">
        <v>0</v>
      </c>
      <c r="CB35" s="205">
        <v>0</v>
      </c>
      <c r="CC35" s="226">
        <v>0</v>
      </c>
      <c r="CD35" s="228">
        <v>0</v>
      </c>
      <c r="CE35" s="208">
        <v>0</v>
      </c>
      <c r="CF35" s="205">
        <v>0</v>
      </c>
      <c r="CG35" s="205">
        <v>0</v>
      </c>
      <c r="CH35" s="206">
        <v>0</v>
      </c>
      <c r="CI35" s="204">
        <v>0</v>
      </c>
      <c r="CJ35" s="204">
        <v>0</v>
      </c>
      <c r="CK35" s="204">
        <v>0</v>
      </c>
      <c r="CL35" s="205">
        <v>0</v>
      </c>
      <c r="CM35" s="226">
        <v>0</v>
      </c>
      <c r="CN35" s="228">
        <v>0</v>
      </c>
      <c r="CO35" s="208">
        <v>0</v>
      </c>
      <c r="CP35" s="205">
        <v>0</v>
      </c>
      <c r="CQ35" s="205">
        <v>0</v>
      </c>
      <c r="CR35" s="206">
        <v>2</v>
      </c>
      <c r="CS35" s="204">
        <v>0</v>
      </c>
      <c r="CT35" s="204">
        <v>0</v>
      </c>
      <c r="CU35" s="204">
        <v>0</v>
      </c>
      <c r="CV35" s="205">
        <v>4</v>
      </c>
      <c r="CW35" s="226">
        <v>6</v>
      </c>
      <c r="CX35" s="227">
        <v>6</v>
      </c>
      <c r="CY35" s="203">
        <v>0</v>
      </c>
      <c r="CZ35" s="205">
        <v>0</v>
      </c>
      <c r="DA35" s="205">
        <v>0</v>
      </c>
      <c r="DB35" s="206">
        <v>2</v>
      </c>
      <c r="DC35" s="204">
        <v>0</v>
      </c>
      <c r="DD35" s="204">
        <v>0</v>
      </c>
      <c r="DE35" s="204">
        <v>0</v>
      </c>
      <c r="DF35" s="205">
        <v>4</v>
      </c>
      <c r="DG35" s="226">
        <v>6</v>
      </c>
      <c r="DH35" s="228">
        <v>6</v>
      </c>
      <c r="DI35" s="208">
        <v>0</v>
      </c>
      <c r="DJ35" s="205">
        <v>0</v>
      </c>
      <c r="DK35" s="205">
        <v>0</v>
      </c>
      <c r="DL35" s="206">
        <v>0</v>
      </c>
      <c r="DM35" s="204">
        <v>0</v>
      </c>
      <c r="DN35" s="204">
        <v>0</v>
      </c>
      <c r="DO35" s="204">
        <v>0</v>
      </c>
      <c r="DP35" s="205">
        <v>0</v>
      </c>
      <c r="DQ35" s="226">
        <v>0</v>
      </c>
      <c r="DR35" s="228">
        <v>0</v>
      </c>
      <c r="DS35" s="208">
        <v>0</v>
      </c>
      <c r="DT35" s="205">
        <v>0</v>
      </c>
      <c r="DU35" s="205">
        <v>0</v>
      </c>
      <c r="DV35" s="206">
        <v>10</v>
      </c>
      <c r="DW35" s="204">
        <v>5</v>
      </c>
      <c r="DX35" s="204">
        <v>19</v>
      </c>
      <c r="DY35" s="204">
        <v>44</v>
      </c>
      <c r="DZ35" s="205">
        <v>27</v>
      </c>
      <c r="EA35" s="226">
        <v>105</v>
      </c>
      <c r="EB35" s="228">
        <v>105</v>
      </c>
      <c r="EC35" s="225"/>
    </row>
    <row r="36" spans="2:133" ht="21" customHeight="1" x14ac:dyDescent="0.2">
      <c r="B36" s="92" t="s">
        <v>33</v>
      </c>
      <c r="C36" s="203">
        <v>0</v>
      </c>
      <c r="D36" s="205">
        <v>0</v>
      </c>
      <c r="E36" s="205">
        <v>0</v>
      </c>
      <c r="F36" s="206">
        <v>1</v>
      </c>
      <c r="G36" s="204">
        <v>5</v>
      </c>
      <c r="H36" s="204">
        <v>31</v>
      </c>
      <c r="I36" s="204">
        <v>33</v>
      </c>
      <c r="J36" s="205">
        <v>18</v>
      </c>
      <c r="K36" s="226">
        <v>88</v>
      </c>
      <c r="L36" s="227">
        <v>88</v>
      </c>
      <c r="M36" s="203">
        <v>0</v>
      </c>
      <c r="N36" s="205">
        <v>0</v>
      </c>
      <c r="O36" s="226">
        <v>0</v>
      </c>
      <c r="P36" s="206">
        <v>1</v>
      </c>
      <c r="Q36" s="204">
        <v>5</v>
      </c>
      <c r="R36" s="204">
        <v>31</v>
      </c>
      <c r="S36" s="204">
        <v>33</v>
      </c>
      <c r="T36" s="205">
        <v>18</v>
      </c>
      <c r="U36" s="226">
        <v>88</v>
      </c>
      <c r="V36" s="228">
        <v>88</v>
      </c>
      <c r="W36" s="208">
        <v>0</v>
      </c>
      <c r="X36" s="205">
        <v>0</v>
      </c>
      <c r="Y36" s="226">
        <v>0</v>
      </c>
      <c r="Z36" s="208">
        <v>0</v>
      </c>
      <c r="AA36" s="204">
        <v>0</v>
      </c>
      <c r="AB36" s="204">
        <v>0</v>
      </c>
      <c r="AC36" s="204">
        <v>0</v>
      </c>
      <c r="AD36" s="205">
        <v>0</v>
      </c>
      <c r="AE36" s="226">
        <v>0</v>
      </c>
      <c r="AF36" s="207">
        <v>0</v>
      </c>
      <c r="AG36" s="208">
        <v>0</v>
      </c>
      <c r="AH36" s="205">
        <v>0</v>
      </c>
      <c r="AI36" s="226">
        <v>0</v>
      </c>
      <c r="AJ36" s="208">
        <v>8</v>
      </c>
      <c r="AK36" s="204">
        <v>13</v>
      </c>
      <c r="AL36" s="204">
        <v>15</v>
      </c>
      <c r="AM36" s="204">
        <v>11</v>
      </c>
      <c r="AN36" s="205">
        <v>8</v>
      </c>
      <c r="AO36" s="226">
        <v>55</v>
      </c>
      <c r="AP36" s="207">
        <v>55</v>
      </c>
      <c r="AQ36" s="208">
        <v>0</v>
      </c>
      <c r="AR36" s="205">
        <v>0</v>
      </c>
      <c r="AS36" s="226">
        <v>0</v>
      </c>
      <c r="AT36" s="206">
        <v>8</v>
      </c>
      <c r="AU36" s="204">
        <v>13</v>
      </c>
      <c r="AV36" s="204">
        <v>15</v>
      </c>
      <c r="AW36" s="204">
        <v>11</v>
      </c>
      <c r="AX36" s="205">
        <v>8</v>
      </c>
      <c r="AY36" s="226">
        <v>55</v>
      </c>
      <c r="AZ36" s="227">
        <v>55</v>
      </c>
      <c r="BA36" s="203">
        <v>0</v>
      </c>
      <c r="BB36" s="205">
        <v>0</v>
      </c>
      <c r="BC36" s="205">
        <v>0</v>
      </c>
      <c r="BD36" s="206">
        <v>0</v>
      </c>
      <c r="BE36" s="204">
        <v>0</v>
      </c>
      <c r="BF36" s="204">
        <v>0</v>
      </c>
      <c r="BG36" s="204">
        <v>0</v>
      </c>
      <c r="BH36" s="205">
        <v>0</v>
      </c>
      <c r="BI36" s="226">
        <v>0</v>
      </c>
      <c r="BJ36" s="228">
        <v>0</v>
      </c>
      <c r="BK36" s="208">
        <v>0</v>
      </c>
      <c r="BL36" s="205">
        <v>0</v>
      </c>
      <c r="BM36" s="205">
        <v>0</v>
      </c>
      <c r="BN36" s="206">
        <v>0</v>
      </c>
      <c r="BO36" s="204">
        <v>0</v>
      </c>
      <c r="BP36" s="204">
        <v>0</v>
      </c>
      <c r="BQ36" s="204">
        <v>0</v>
      </c>
      <c r="BR36" s="205">
        <v>0</v>
      </c>
      <c r="BS36" s="226">
        <v>0</v>
      </c>
      <c r="BT36" s="227">
        <v>0</v>
      </c>
      <c r="BU36" s="203">
        <v>0</v>
      </c>
      <c r="BV36" s="205">
        <v>0</v>
      </c>
      <c r="BW36" s="205">
        <v>0</v>
      </c>
      <c r="BX36" s="206">
        <v>0</v>
      </c>
      <c r="BY36" s="204">
        <v>0</v>
      </c>
      <c r="BZ36" s="204">
        <v>0</v>
      </c>
      <c r="CA36" s="204">
        <v>0</v>
      </c>
      <c r="CB36" s="205">
        <v>0</v>
      </c>
      <c r="CC36" s="226">
        <v>0</v>
      </c>
      <c r="CD36" s="228">
        <v>0</v>
      </c>
      <c r="CE36" s="208">
        <v>0</v>
      </c>
      <c r="CF36" s="205">
        <v>0</v>
      </c>
      <c r="CG36" s="205">
        <v>0</v>
      </c>
      <c r="CH36" s="206">
        <v>0</v>
      </c>
      <c r="CI36" s="204">
        <v>0</v>
      </c>
      <c r="CJ36" s="204">
        <v>0</v>
      </c>
      <c r="CK36" s="204">
        <v>0</v>
      </c>
      <c r="CL36" s="205">
        <v>0</v>
      </c>
      <c r="CM36" s="226">
        <v>0</v>
      </c>
      <c r="CN36" s="228">
        <v>0</v>
      </c>
      <c r="CO36" s="208">
        <v>0</v>
      </c>
      <c r="CP36" s="205">
        <v>0</v>
      </c>
      <c r="CQ36" s="205">
        <v>0</v>
      </c>
      <c r="CR36" s="206">
        <v>1</v>
      </c>
      <c r="CS36" s="204">
        <v>6</v>
      </c>
      <c r="CT36" s="204">
        <v>9</v>
      </c>
      <c r="CU36" s="204">
        <v>8</v>
      </c>
      <c r="CV36" s="205">
        <v>12</v>
      </c>
      <c r="CW36" s="226">
        <v>36</v>
      </c>
      <c r="CX36" s="227">
        <v>36</v>
      </c>
      <c r="CY36" s="203">
        <v>0</v>
      </c>
      <c r="CZ36" s="205">
        <v>0</v>
      </c>
      <c r="DA36" s="205">
        <v>0</v>
      </c>
      <c r="DB36" s="206">
        <v>1</v>
      </c>
      <c r="DC36" s="204">
        <v>6</v>
      </c>
      <c r="DD36" s="204">
        <v>9</v>
      </c>
      <c r="DE36" s="204">
        <v>8</v>
      </c>
      <c r="DF36" s="205">
        <v>12</v>
      </c>
      <c r="DG36" s="226">
        <v>36</v>
      </c>
      <c r="DH36" s="228">
        <v>36</v>
      </c>
      <c r="DI36" s="208">
        <v>0</v>
      </c>
      <c r="DJ36" s="205">
        <v>0</v>
      </c>
      <c r="DK36" s="205">
        <v>0</v>
      </c>
      <c r="DL36" s="206">
        <v>0</v>
      </c>
      <c r="DM36" s="204">
        <v>0</v>
      </c>
      <c r="DN36" s="204">
        <v>0</v>
      </c>
      <c r="DO36" s="204">
        <v>0</v>
      </c>
      <c r="DP36" s="205">
        <v>0</v>
      </c>
      <c r="DQ36" s="226">
        <v>0</v>
      </c>
      <c r="DR36" s="228">
        <v>0</v>
      </c>
      <c r="DS36" s="208">
        <v>0</v>
      </c>
      <c r="DT36" s="205">
        <v>0</v>
      </c>
      <c r="DU36" s="205">
        <v>0</v>
      </c>
      <c r="DV36" s="206">
        <v>10</v>
      </c>
      <c r="DW36" s="204">
        <v>24</v>
      </c>
      <c r="DX36" s="204">
        <v>55</v>
      </c>
      <c r="DY36" s="204">
        <v>52</v>
      </c>
      <c r="DZ36" s="205">
        <v>38</v>
      </c>
      <c r="EA36" s="226">
        <v>179</v>
      </c>
      <c r="EB36" s="228">
        <v>179</v>
      </c>
      <c r="EC36" s="225"/>
    </row>
    <row r="37" spans="2:133" ht="21" customHeight="1" x14ac:dyDescent="0.2">
      <c r="B37" s="92" t="s">
        <v>34</v>
      </c>
      <c r="C37" s="203">
        <v>0</v>
      </c>
      <c r="D37" s="205">
        <v>0</v>
      </c>
      <c r="E37" s="205">
        <v>0</v>
      </c>
      <c r="F37" s="206">
        <v>0</v>
      </c>
      <c r="G37" s="204">
        <v>0</v>
      </c>
      <c r="H37" s="204">
        <v>9</v>
      </c>
      <c r="I37" s="204">
        <v>29</v>
      </c>
      <c r="J37" s="205">
        <v>11</v>
      </c>
      <c r="K37" s="226">
        <v>49</v>
      </c>
      <c r="L37" s="227">
        <v>49</v>
      </c>
      <c r="M37" s="203">
        <v>0</v>
      </c>
      <c r="N37" s="205">
        <v>0</v>
      </c>
      <c r="O37" s="226">
        <v>0</v>
      </c>
      <c r="P37" s="206">
        <v>0</v>
      </c>
      <c r="Q37" s="204">
        <v>0</v>
      </c>
      <c r="R37" s="204">
        <v>9</v>
      </c>
      <c r="S37" s="204">
        <v>29</v>
      </c>
      <c r="T37" s="205">
        <v>11</v>
      </c>
      <c r="U37" s="226">
        <v>49</v>
      </c>
      <c r="V37" s="228">
        <v>49</v>
      </c>
      <c r="W37" s="208">
        <v>0</v>
      </c>
      <c r="X37" s="205">
        <v>0</v>
      </c>
      <c r="Y37" s="226">
        <v>0</v>
      </c>
      <c r="Z37" s="208">
        <v>0</v>
      </c>
      <c r="AA37" s="204">
        <v>0</v>
      </c>
      <c r="AB37" s="204">
        <v>0</v>
      </c>
      <c r="AC37" s="204">
        <v>0</v>
      </c>
      <c r="AD37" s="205">
        <v>0</v>
      </c>
      <c r="AE37" s="226">
        <v>0</v>
      </c>
      <c r="AF37" s="207">
        <v>0</v>
      </c>
      <c r="AG37" s="208">
        <v>0</v>
      </c>
      <c r="AH37" s="205">
        <v>0</v>
      </c>
      <c r="AI37" s="226">
        <v>0</v>
      </c>
      <c r="AJ37" s="208">
        <v>6</v>
      </c>
      <c r="AK37" s="204">
        <v>13</v>
      </c>
      <c r="AL37" s="204">
        <v>8</v>
      </c>
      <c r="AM37" s="204">
        <v>8</v>
      </c>
      <c r="AN37" s="205">
        <v>5</v>
      </c>
      <c r="AO37" s="226">
        <v>40</v>
      </c>
      <c r="AP37" s="207">
        <v>40</v>
      </c>
      <c r="AQ37" s="208">
        <v>0</v>
      </c>
      <c r="AR37" s="205">
        <v>0</v>
      </c>
      <c r="AS37" s="226">
        <v>0</v>
      </c>
      <c r="AT37" s="206">
        <v>6</v>
      </c>
      <c r="AU37" s="204">
        <v>13</v>
      </c>
      <c r="AV37" s="204">
        <v>8</v>
      </c>
      <c r="AW37" s="204">
        <v>8</v>
      </c>
      <c r="AX37" s="205">
        <v>5</v>
      </c>
      <c r="AY37" s="226">
        <v>40</v>
      </c>
      <c r="AZ37" s="227">
        <v>40</v>
      </c>
      <c r="BA37" s="203">
        <v>0</v>
      </c>
      <c r="BB37" s="205">
        <v>0</v>
      </c>
      <c r="BC37" s="205">
        <v>0</v>
      </c>
      <c r="BD37" s="206">
        <v>0</v>
      </c>
      <c r="BE37" s="204">
        <v>0</v>
      </c>
      <c r="BF37" s="204">
        <v>0</v>
      </c>
      <c r="BG37" s="204">
        <v>0</v>
      </c>
      <c r="BH37" s="205">
        <v>0</v>
      </c>
      <c r="BI37" s="226">
        <v>0</v>
      </c>
      <c r="BJ37" s="228">
        <v>0</v>
      </c>
      <c r="BK37" s="208">
        <v>0</v>
      </c>
      <c r="BL37" s="205">
        <v>0</v>
      </c>
      <c r="BM37" s="205">
        <v>0</v>
      </c>
      <c r="BN37" s="206">
        <v>0</v>
      </c>
      <c r="BO37" s="204">
        <v>0</v>
      </c>
      <c r="BP37" s="204">
        <v>0</v>
      </c>
      <c r="BQ37" s="204">
        <v>0</v>
      </c>
      <c r="BR37" s="205">
        <v>0</v>
      </c>
      <c r="BS37" s="226">
        <v>0</v>
      </c>
      <c r="BT37" s="227">
        <v>0</v>
      </c>
      <c r="BU37" s="203">
        <v>0</v>
      </c>
      <c r="BV37" s="205">
        <v>0</v>
      </c>
      <c r="BW37" s="205">
        <v>0</v>
      </c>
      <c r="BX37" s="206">
        <v>0</v>
      </c>
      <c r="BY37" s="204">
        <v>0</v>
      </c>
      <c r="BZ37" s="204">
        <v>0</v>
      </c>
      <c r="CA37" s="204">
        <v>0</v>
      </c>
      <c r="CB37" s="205">
        <v>0</v>
      </c>
      <c r="CC37" s="226">
        <v>0</v>
      </c>
      <c r="CD37" s="228">
        <v>0</v>
      </c>
      <c r="CE37" s="208">
        <v>0</v>
      </c>
      <c r="CF37" s="205">
        <v>0</v>
      </c>
      <c r="CG37" s="205">
        <v>0</v>
      </c>
      <c r="CH37" s="206">
        <v>0</v>
      </c>
      <c r="CI37" s="204">
        <v>0</v>
      </c>
      <c r="CJ37" s="204">
        <v>0</v>
      </c>
      <c r="CK37" s="204">
        <v>0</v>
      </c>
      <c r="CL37" s="205">
        <v>0</v>
      </c>
      <c r="CM37" s="226">
        <v>0</v>
      </c>
      <c r="CN37" s="228">
        <v>0</v>
      </c>
      <c r="CO37" s="208">
        <v>0</v>
      </c>
      <c r="CP37" s="205">
        <v>0</v>
      </c>
      <c r="CQ37" s="205">
        <v>0</v>
      </c>
      <c r="CR37" s="206">
        <v>1</v>
      </c>
      <c r="CS37" s="204">
        <v>0</v>
      </c>
      <c r="CT37" s="204">
        <v>0</v>
      </c>
      <c r="CU37" s="204">
        <v>1</v>
      </c>
      <c r="CV37" s="205">
        <v>2</v>
      </c>
      <c r="CW37" s="226">
        <v>4</v>
      </c>
      <c r="CX37" s="227">
        <v>4</v>
      </c>
      <c r="CY37" s="203">
        <v>0</v>
      </c>
      <c r="CZ37" s="205">
        <v>0</v>
      </c>
      <c r="DA37" s="205">
        <v>0</v>
      </c>
      <c r="DB37" s="206">
        <v>1</v>
      </c>
      <c r="DC37" s="204">
        <v>0</v>
      </c>
      <c r="DD37" s="204">
        <v>0</v>
      </c>
      <c r="DE37" s="204">
        <v>1</v>
      </c>
      <c r="DF37" s="205">
        <v>1</v>
      </c>
      <c r="DG37" s="226">
        <v>3</v>
      </c>
      <c r="DH37" s="228">
        <v>3</v>
      </c>
      <c r="DI37" s="208">
        <v>0</v>
      </c>
      <c r="DJ37" s="205">
        <v>0</v>
      </c>
      <c r="DK37" s="205">
        <v>0</v>
      </c>
      <c r="DL37" s="206">
        <v>0</v>
      </c>
      <c r="DM37" s="204">
        <v>0</v>
      </c>
      <c r="DN37" s="204">
        <v>0</v>
      </c>
      <c r="DO37" s="204">
        <v>0</v>
      </c>
      <c r="DP37" s="205">
        <v>1</v>
      </c>
      <c r="DQ37" s="226">
        <v>1</v>
      </c>
      <c r="DR37" s="228">
        <v>1</v>
      </c>
      <c r="DS37" s="208">
        <v>0</v>
      </c>
      <c r="DT37" s="205">
        <v>0</v>
      </c>
      <c r="DU37" s="205">
        <v>0</v>
      </c>
      <c r="DV37" s="206">
        <v>7</v>
      </c>
      <c r="DW37" s="204">
        <v>13</v>
      </c>
      <c r="DX37" s="204">
        <v>16</v>
      </c>
      <c r="DY37" s="204">
        <v>38</v>
      </c>
      <c r="DZ37" s="205">
        <v>18</v>
      </c>
      <c r="EA37" s="226">
        <v>92</v>
      </c>
      <c r="EB37" s="228">
        <v>92</v>
      </c>
      <c r="EC37" s="225"/>
    </row>
    <row r="38" spans="2:133" ht="21" customHeight="1" x14ac:dyDescent="0.2">
      <c r="B38" s="92" t="s">
        <v>35</v>
      </c>
      <c r="C38" s="203">
        <v>0</v>
      </c>
      <c r="D38" s="205">
        <v>0</v>
      </c>
      <c r="E38" s="205">
        <v>0</v>
      </c>
      <c r="F38" s="206">
        <v>1</v>
      </c>
      <c r="G38" s="204">
        <v>1</v>
      </c>
      <c r="H38" s="204">
        <v>25</v>
      </c>
      <c r="I38" s="204">
        <v>53</v>
      </c>
      <c r="J38" s="205">
        <v>27</v>
      </c>
      <c r="K38" s="226">
        <v>107</v>
      </c>
      <c r="L38" s="227">
        <v>107</v>
      </c>
      <c r="M38" s="203">
        <v>0</v>
      </c>
      <c r="N38" s="205">
        <v>0</v>
      </c>
      <c r="O38" s="226">
        <v>0</v>
      </c>
      <c r="P38" s="206">
        <v>1</v>
      </c>
      <c r="Q38" s="204">
        <v>1</v>
      </c>
      <c r="R38" s="204">
        <v>25</v>
      </c>
      <c r="S38" s="204">
        <v>53</v>
      </c>
      <c r="T38" s="205">
        <v>27</v>
      </c>
      <c r="U38" s="226">
        <v>107</v>
      </c>
      <c r="V38" s="228">
        <v>107</v>
      </c>
      <c r="W38" s="208">
        <v>0</v>
      </c>
      <c r="X38" s="205">
        <v>0</v>
      </c>
      <c r="Y38" s="226">
        <v>0</v>
      </c>
      <c r="Z38" s="208">
        <v>0</v>
      </c>
      <c r="AA38" s="204">
        <v>0</v>
      </c>
      <c r="AB38" s="204">
        <v>0</v>
      </c>
      <c r="AC38" s="204">
        <v>0</v>
      </c>
      <c r="AD38" s="205">
        <v>0</v>
      </c>
      <c r="AE38" s="226">
        <v>0</v>
      </c>
      <c r="AF38" s="207">
        <v>0</v>
      </c>
      <c r="AG38" s="208">
        <v>0</v>
      </c>
      <c r="AH38" s="205">
        <v>0</v>
      </c>
      <c r="AI38" s="226">
        <v>0</v>
      </c>
      <c r="AJ38" s="208">
        <v>14</v>
      </c>
      <c r="AK38" s="204">
        <v>35</v>
      </c>
      <c r="AL38" s="204">
        <v>25</v>
      </c>
      <c r="AM38" s="204">
        <v>13</v>
      </c>
      <c r="AN38" s="205">
        <v>9</v>
      </c>
      <c r="AO38" s="226">
        <v>96</v>
      </c>
      <c r="AP38" s="207">
        <v>96</v>
      </c>
      <c r="AQ38" s="208">
        <v>0</v>
      </c>
      <c r="AR38" s="205">
        <v>0</v>
      </c>
      <c r="AS38" s="226">
        <v>0</v>
      </c>
      <c r="AT38" s="206">
        <v>14</v>
      </c>
      <c r="AU38" s="204">
        <v>35</v>
      </c>
      <c r="AV38" s="204">
        <v>25</v>
      </c>
      <c r="AW38" s="204">
        <v>13</v>
      </c>
      <c r="AX38" s="205">
        <v>9</v>
      </c>
      <c r="AY38" s="226">
        <v>96</v>
      </c>
      <c r="AZ38" s="227">
        <v>96</v>
      </c>
      <c r="BA38" s="203">
        <v>0</v>
      </c>
      <c r="BB38" s="205">
        <v>0</v>
      </c>
      <c r="BC38" s="205">
        <v>0</v>
      </c>
      <c r="BD38" s="206">
        <v>0</v>
      </c>
      <c r="BE38" s="204">
        <v>0</v>
      </c>
      <c r="BF38" s="204">
        <v>0</v>
      </c>
      <c r="BG38" s="204">
        <v>0</v>
      </c>
      <c r="BH38" s="205">
        <v>0</v>
      </c>
      <c r="BI38" s="226">
        <v>0</v>
      </c>
      <c r="BJ38" s="228">
        <v>0</v>
      </c>
      <c r="BK38" s="208">
        <v>0</v>
      </c>
      <c r="BL38" s="205">
        <v>0</v>
      </c>
      <c r="BM38" s="205">
        <v>0</v>
      </c>
      <c r="BN38" s="206">
        <v>0</v>
      </c>
      <c r="BO38" s="204">
        <v>0</v>
      </c>
      <c r="BP38" s="204">
        <v>0</v>
      </c>
      <c r="BQ38" s="204">
        <v>0</v>
      </c>
      <c r="BR38" s="205">
        <v>0</v>
      </c>
      <c r="BS38" s="226">
        <v>0</v>
      </c>
      <c r="BT38" s="227">
        <v>0</v>
      </c>
      <c r="BU38" s="203">
        <v>0</v>
      </c>
      <c r="BV38" s="205">
        <v>0</v>
      </c>
      <c r="BW38" s="205">
        <v>0</v>
      </c>
      <c r="BX38" s="206">
        <v>0</v>
      </c>
      <c r="BY38" s="204">
        <v>0</v>
      </c>
      <c r="BZ38" s="204">
        <v>0</v>
      </c>
      <c r="CA38" s="204">
        <v>0</v>
      </c>
      <c r="CB38" s="205">
        <v>0</v>
      </c>
      <c r="CC38" s="226">
        <v>0</v>
      </c>
      <c r="CD38" s="228">
        <v>0</v>
      </c>
      <c r="CE38" s="208">
        <v>0</v>
      </c>
      <c r="CF38" s="205">
        <v>0</v>
      </c>
      <c r="CG38" s="205">
        <v>0</v>
      </c>
      <c r="CH38" s="206">
        <v>0</v>
      </c>
      <c r="CI38" s="204">
        <v>0</v>
      </c>
      <c r="CJ38" s="204">
        <v>0</v>
      </c>
      <c r="CK38" s="204">
        <v>0</v>
      </c>
      <c r="CL38" s="205">
        <v>0</v>
      </c>
      <c r="CM38" s="226">
        <v>0</v>
      </c>
      <c r="CN38" s="228">
        <v>0</v>
      </c>
      <c r="CO38" s="208">
        <v>0</v>
      </c>
      <c r="CP38" s="205">
        <v>0</v>
      </c>
      <c r="CQ38" s="205">
        <v>0</v>
      </c>
      <c r="CR38" s="206">
        <v>2</v>
      </c>
      <c r="CS38" s="204">
        <v>4</v>
      </c>
      <c r="CT38" s="204">
        <v>3</v>
      </c>
      <c r="CU38" s="204">
        <v>4</v>
      </c>
      <c r="CV38" s="205">
        <v>6</v>
      </c>
      <c r="CW38" s="226">
        <v>19</v>
      </c>
      <c r="CX38" s="227">
        <v>19</v>
      </c>
      <c r="CY38" s="203">
        <v>0</v>
      </c>
      <c r="CZ38" s="205">
        <v>0</v>
      </c>
      <c r="DA38" s="205">
        <v>0</v>
      </c>
      <c r="DB38" s="206">
        <v>1</v>
      </c>
      <c r="DC38" s="204">
        <v>4</v>
      </c>
      <c r="DD38" s="204">
        <v>3</v>
      </c>
      <c r="DE38" s="204">
        <v>4</v>
      </c>
      <c r="DF38" s="205">
        <v>6</v>
      </c>
      <c r="DG38" s="226">
        <v>18</v>
      </c>
      <c r="DH38" s="228">
        <v>18</v>
      </c>
      <c r="DI38" s="208">
        <v>0</v>
      </c>
      <c r="DJ38" s="205">
        <v>0</v>
      </c>
      <c r="DK38" s="205">
        <v>0</v>
      </c>
      <c r="DL38" s="206">
        <v>1</v>
      </c>
      <c r="DM38" s="204">
        <v>0</v>
      </c>
      <c r="DN38" s="204">
        <v>0</v>
      </c>
      <c r="DO38" s="204">
        <v>0</v>
      </c>
      <c r="DP38" s="205">
        <v>0</v>
      </c>
      <c r="DQ38" s="226">
        <v>1</v>
      </c>
      <c r="DR38" s="228">
        <v>1</v>
      </c>
      <c r="DS38" s="208">
        <v>0</v>
      </c>
      <c r="DT38" s="205">
        <v>0</v>
      </c>
      <c r="DU38" s="205">
        <v>0</v>
      </c>
      <c r="DV38" s="206">
        <v>17</v>
      </c>
      <c r="DW38" s="204">
        <v>40</v>
      </c>
      <c r="DX38" s="204">
        <v>53</v>
      </c>
      <c r="DY38" s="204">
        <v>70</v>
      </c>
      <c r="DZ38" s="205">
        <v>42</v>
      </c>
      <c r="EA38" s="226">
        <v>222</v>
      </c>
      <c r="EB38" s="228">
        <v>222</v>
      </c>
      <c r="EC38" s="225"/>
    </row>
    <row r="39" spans="2:133" ht="21" customHeight="1" x14ac:dyDescent="0.2">
      <c r="B39" s="92" t="s">
        <v>36</v>
      </c>
      <c r="C39" s="203">
        <v>0</v>
      </c>
      <c r="D39" s="205">
        <v>0</v>
      </c>
      <c r="E39" s="205">
        <v>0</v>
      </c>
      <c r="F39" s="206">
        <v>0</v>
      </c>
      <c r="G39" s="204">
        <v>5</v>
      </c>
      <c r="H39" s="204">
        <v>72</v>
      </c>
      <c r="I39" s="204">
        <v>78</v>
      </c>
      <c r="J39" s="205">
        <v>59</v>
      </c>
      <c r="K39" s="226">
        <v>214</v>
      </c>
      <c r="L39" s="227">
        <v>214</v>
      </c>
      <c r="M39" s="203">
        <v>0</v>
      </c>
      <c r="N39" s="205">
        <v>0</v>
      </c>
      <c r="O39" s="226">
        <v>0</v>
      </c>
      <c r="P39" s="206">
        <v>0</v>
      </c>
      <c r="Q39" s="204">
        <v>5</v>
      </c>
      <c r="R39" s="204">
        <v>71</v>
      </c>
      <c r="S39" s="204">
        <v>74</v>
      </c>
      <c r="T39" s="205">
        <v>57</v>
      </c>
      <c r="U39" s="226">
        <v>207</v>
      </c>
      <c r="V39" s="228">
        <v>207</v>
      </c>
      <c r="W39" s="208">
        <v>0</v>
      </c>
      <c r="X39" s="205">
        <v>0</v>
      </c>
      <c r="Y39" s="226">
        <v>0</v>
      </c>
      <c r="Z39" s="208">
        <v>0</v>
      </c>
      <c r="AA39" s="204">
        <v>0</v>
      </c>
      <c r="AB39" s="204">
        <v>1</v>
      </c>
      <c r="AC39" s="204">
        <v>4</v>
      </c>
      <c r="AD39" s="205">
        <v>2</v>
      </c>
      <c r="AE39" s="226">
        <v>7</v>
      </c>
      <c r="AF39" s="207">
        <v>7</v>
      </c>
      <c r="AG39" s="208">
        <v>0</v>
      </c>
      <c r="AH39" s="205">
        <v>0</v>
      </c>
      <c r="AI39" s="226">
        <v>0</v>
      </c>
      <c r="AJ39" s="208">
        <v>10</v>
      </c>
      <c r="AK39" s="204">
        <v>22</v>
      </c>
      <c r="AL39" s="204">
        <v>36</v>
      </c>
      <c r="AM39" s="204">
        <v>47</v>
      </c>
      <c r="AN39" s="205">
        <v>16</v>
      </c>
      <c r="AO39" s="226">
        <v>131</v>
      </c>
      <c r="AP39" s="207">
        <v>131</v>
      </c>
      <c r="AQ39" s="208">
        <v>0</v>
      </c>
      <c r="AR39" s="205">
        <v>0</v>
      </c>
      <c r="AS39" s="226">
        <v>0</v>
      </c>
      <c r="AT39" s="206">
        <v>10</v>
      </c>
      <c r="AU39" s="204">
        <v>22</v>
      </c>
      <c r="AV39" s="204">
        <v>36</v>
      </c>
      <c r="AW39" s="204">
        <v>44</v>
      </c>
      <c r="AX39" s="205">
        <v>16</v>
      </c>
      <c r="AY39" s="226">
        <v>128</v>
      </c>
      <c r="AZ39" s="227">
        <v>128</v>
      </c>
      <c r="BA39" s="203">
        <v>0</v>
      </c>
      <c r="BB39" s="205">
        <v>0</v>
      </c>
      <c r="BC39" s="205">
        <v>0</v>
      </c>
      <c r="BD39" s="206">
        <v>0</v>
      </c>
      <c r="BE39" s="204">
        <v>0</v>
      </c>
      <c r="BF39" s="204">
        <v>0</v>
      </c>
      <c r="BG39" s="204">
        <v>3</v>
      </c>
      <c r="BH39" s="205">
        <v>0</v>
      </c>
      <c r="BI39" s="226">
        <v>3</v>
      </c>
      <c r="BJ39" s="228">
        <v>3</v>
      </c>
      <c r="BK39" s="208">
        <v>0</v>
      </c>
      <c r="BL39" s="205">
        <v>0</v>
      </c>
      <c r="BM39" s="205">
        <v>0</v>
      </c>
      <c r="BN39" s="206">
        <v>0</v>
      </c>
      <c r="BO39" s="204">
        <v>0</v>
      </c>
      <c r="BP39" s="204">
        <v>0</v>
      </c>
      <c r="BQ39" s="204">
        <v>0</v>
      </c>
      <c r="BR39" s="205">
        <v>0</v>
      </c>
      <c r="BS39" s="226">
        <v>0</v>
      </c>
      <c r="BT39" s="227">
        <v>0</v>
      </c>
      <c r="BU39" s="203">
        <v>0</v>
      </c>
      <c r="BV39" s="205">
        <v>0</v>
      </c>
      <c r="BW39" s="205">
        <v>0</v>
      </c>
      <c r="BX39" s="206">
        <v>0</v>
      </c>
      <c r="BY39" s="204">
        <v>0</v>
      </c>
      <c r="BZ39" s="204">
        <v>0</v>
      </c>
      <c r="CA39" s="204">
        <v>0</v>
      </c>
      <c r="CB39" s="205">
        <v>0</v>
      </c>
      <c r="CC39" s="226">
        <v>0</v>
      </c>
      <c r="CD39" s="228">
        <v>0</v>
      </c>
      <c r="CE39" s="208">
        <v>0</v>
      </c>
      <c r="CF39" s="205">
        <v>0</v>
      </c>
      <c r="CG39" s="205">
        <v>0</v>
      </c>
      <c r="CH39" s="206">
        <v>0</v>
      </c>
      <c r="CI39" s="204">
        <v>0</v>
      </c>
      <c r="CJ39" s="204">
        <v>0</v>
      </c>
      <c r="CK39" s="204">
        <v>0</v>
      </c>
      <c r="CL39" s="205">
        <v>0</v>
      </c>
      <c r="CM39" s="226">
        <v>0</v>
      </c>
      <c r="CN39" s="228">
        <v>0</v>
      </c>
      <c r="CO39" s="208">
        <v>0</v>
      </c>
      <c r="CP39" s="205">
        <v>0</v>
      </c>
      <c r="CQ39" s="205">
        <v>0</v>
      </c>
      <c r="CR39" s="206">
        <v>0</v>
      </c>
      <c r="CS39" s="204">
        <v>0</v>
      </c>
      <c r="CT39" s="204">
        <v>0</v>
      </c>
      <c r="CU39" s="204">
        <v>5</v>
      </c>
      <c r="CV39" s="205">
        <v>7</v>
      </c>
      <c r="CW39" s="226">
        <v>12</v>
      </c>
      <c r="CX39" s="227">
        <v>12</v>
      </c>
      <c r="CY39" s="203">
        <v>0</v>
      </c>
      <c r="CZ39" s="205">
        <v>0</v>
      </c>
      <c r="DA39" s="205">
        <v>0</v>
      </c>
      <c r="DB39" s="206">
        <v>0</v>
      </c>
      <c r="DC39" s="204">
        <v>0</v>
      </c>
      <c r="DD39" s="204">
        <v>0</v>
      </c>
      <c r="DE39" s="204">
        <v>4</v>
      </c>
      <c r="DF39" s="205">
        <v>7</v>
      </c>
      <c r="DG39" s="226">
        <v>11</v>
      </c>
      <c r="DH39" s="228">
        <v>11</v>
      </c>
      <c r="DI39" s="208">
        <v>0</v>
      </c>
      <c r="DJ39" s="205">
        <v>0</v>
      </c>
      <c r="DK39" s="205">
        <v>0</v>
      </c>
      <c r="DL39" s="206">
        <v>0</v>
      </c>
      <c r="DM39" s="204">
        <v>0</v>
      </c>
      <c r="DN39" s="204">
        <v>0</v>
      </c>
      <c r="DO39" s="204">
        <v>1</v>
      </c>
      <c r="DP39" s="205">
        <v>0</v>
      </c>
      <c r="DQ39" s="226">
        <v>1</v>
      </c>
      <c r="DR39" s="228">
        <v>1</v>
      </c>
      <c r="DS39" s="208">
        <v>0</v>
      </c>
      <c r="DT39" s="205">
        <v>0</v>
      </c>
      <c r="DU39" s="205">
        <v>0</v>
      </c>
      <c r="DV39" s="206">
        <v>10</v>
      </c>
      <c r="DW39" s="204">
        <v>27</v>
      </c>
      <c r="DX39" s="204">
        <v>108</v>
      </c>
      <c r="DY39" s="204">
        <v>130</v>
      </c>
      <c r="DZ39" s="205">
        <v>82</v>
      </c>
      <c r="EA39" s="226">
        <v>357</v>
      </c>
      <c r="EB39" s="228">
        <v>357</v>
      </c>
      <c r="EC39" s="225"/>
    </row>
    <row r="40" spans="2:133" ht="21" customHeight="1" thickBot="1" x14ac:dyDescent="0.25">
      <c r="B40" s="94" t="s">
        <v>37</v>
      </c>
      <c r="C40" s="209">
        <v>0</v>
      </c>
      <c r="D40" s="211">
        <v>0</v>
      </c>
      <c r="E40" s="211">
        <v>0</v>
      </c>
      <c r="F40" s="212">
        <v>0</v>
      </c>
      <c r="G40" s="210">
        <v>0</v>
      </c>
      <c r="H40" s="210">
        <v>5</v>
      </c>
      <c r="I40" s="210">
        <v>8</v>
      </c>
      <c r="J40" s="211">
        <v>7</v>
      </c>
      <c r="K40" s="229">
        <v>20</v>
      </c>
      <c r="L40" s="230">
        <v>20</v>
      </c>
      <c r="M40" s="209">
        <v>0</v>
      </c>
      <c r="N40" s="211">
        <v>0</v>
      </c>
      <c r="O40" s="229">
        <v>0</v>
      </c>
      <c r="P40" s="212">
        <v>0</v>
      </c>
      <c r="Q40" s="210">
        <v>0</v>
      </c>
      <c r="R40" s="210">
        <v>5</v>
      </c>
      <c r="S40" s="210">
        <v>8</v>
      </c>
      <c r="T40" s="211">
        <v>7</v>
      </c>
      <c r="U40" s="229">
        <v>20</v>
      </c>
      <c r="V40" s="231">
        <v>20</v>
      </c>
      <c r="W40" s="214">
        <v>0</v>
      </c>
      <c r="X40" s="211">
        <v>0</v>
      </c>
      <c r="Y40" s="229">
        <v>0</v>
      </c>
      <c r="Z40" s="214">
        <v>0</v>
      </c>
      <c r="AA40" s="210">
        <v>0</v>
      </c>
      <c r="AB40" s="210">
        <v>0</v>
      </c>
      <c r="AC40" s="210">
        <v>0</v>
      </c>
      <c r="AD40" s="211">
        <v>0</v>
      </c>
      <c r="AE40" s="229">
        <v>0</v>
      </c>
      <c r="AF40" s="213">
        <v>0</v>
      </c>
      <c r="AG40" s="214">
        <v>0</v>
      </c>
      <c r="AH40" s="211">
        <v>0</v>
      </c>
      <c r="AI40" s="229">
        <v>0</v>
      </c>
      <c r="AJ40" s="214">
        <v>1</v>
      </c>
      <c r="AK40" s="210">
        <v>2</v>
      </c>
      <c r="AL40" s="210">
        <v>6</v>
      </c>
      <c r="AM40" s="210">
        <v>3</v>
      </c>
      <c r="AN40" s="211">
        <v>5</v>
      </c>
      <c r="AO40" s="229">
        <v>17</v>
      </c>
      <c r="AP40" s="213">
        <v>17</v>
      </c>
      <c r="AQ40" s="214">
        <v>0</v>
      </c>
      <c r="AR40" s="211">
        <v>0</v>
      </c>
      <c r="AS40" s="229">
        <v>0</v>
      </c>
      <c r="AT40" s="212">
        <v>1</v>
      </c>
      <c r="AU40" s="210">
        <v>2</v>
      </c>
      <c r="AV40" s="210">
        <v>6</v>
      </c>
      <c r="AW40" s="210">
        <v>3</v>
      </c>
      <c r="AX40" s="211">
        <v>5</v>
      </c>
      <c r="AY40" s="229">
        <v>17</v>
      </c>
      <c r="AZ40" s="230">
        <v>17</v>
      </c>
      <c r="BA40" s="209">
        <v>0</v>
      </c>
      <c r="BB40" s="211">
        <v>0</v>
      </c>
      <c r="BC40" s="211">
        <v>0</v>
      </c>
      <c r="BD40" s="212">
        <v>0</v>
      </c>
      <c r="BE40" s="210">
        <v>0</v>
      </c>
      <c r="BF40" s="210">
        <v>0</v>
      </c>
      <c r="BG40" s="210">
        <v>0</v>
      </c>
      <c r="BH40" s="211">
        <v>0</v>
      </c>
      <c r="BI40" s="229">
        <v>0</v>
      </c>
      <c r="BJ40" s="231">
        <v>0</v>
      </c>
      <c r="BK40" s="214">
        <v>0</v>
      </c>
      <c r="BL40" s="211">
        <v>0</v>
      </c>
      <c r="BM40" s="211">
        <v>0</v>
      </c>
      <c r="BN40" s="212">
        <v>0</v>
      </c>
      <c r="BO40" s="210">
        <v>0</v>
      </c>
      <c r="BP40" s="210">
        <v>0</v>
      </c>
      <c r="BQ40" s="210">
        <v>0</v>
      </c>
      <c r="BR40" s="211">
        <v>0</v>
      </c>
      <c r="BS40" s="229">
        <v>0</v>
      </c>
      <c r="BT40" s="230">
        <v>0</v>
      </c>
      <c r="BU40" s="209">
        <v>0</v>
      </c>
      <c r="BV40" s="211">
        <v>0</v>
      </c>
      <c r="BW40" s="211">
        <v>0</v>
      </c>
      <c r="BX40" s="212">
        <v>0</v>
      </c>
      <c r="BY40" s="210">
        <v>0</v>
      </c>
      <c r="BZ40" s="210">
        <v>0</v>
      </c>
      <c r="CA40" s="210">
        <v>0</v>
      </c>
      <c r="CB40" s="211">
        <v>0</v>
      </c>
      <c r="CC40" s="229">
        <v>0</v>
      </c>
      <c r="CD40" s="231">
        <v>0</v>
      </c>
      <c r="CE40" s="214">
        <v>0</v>
      </c>
      <c r="CF40" s="211">
        <v>0</v>
      </c>
      <c r="CG40" s="211">
        <v>0</v>
      </c>
      <c r="CH40" s="212">
        <v>0</v>
      </c>
      <c r="CI40" s="210">
        <v>0</v>
      </c>
      <c r="CJ40" s="210">
        <v>0</v>
      </c>
      <c r="CK40" s="210">
        <v>0</v>
      </c>
      <c r="CL40" s="211">
        <v>0</v>
      </c>
      <c r="CM40" s="229">
        <v>0</v>
      </c>
      <c r="CN40" s="231">
        <v>0</v>
      </c>
      <c r="CO40" s="214">
        <v>0</v>
      </c>
      <c r="CP40" s="211">
        <v>0</v>
      </c>
      <c r="CQ40" s="211">
        <v>0</v>
      </c>
      <c r="CR40" s="212">
        <v>0</v>
      </c>
      <c r="CS40" s="210">
        <v>0</v>
      </c>
      <c r="CT40" s="210">
        <v>0</v>
      </c>
      <c r="CU40" s="210">
        <v>0</v>
      </c>
      <c r="CV40" s="211">
        <v>1</v>
      </c>
      <c r="CW40" s="229">
        <v>1</v>
      </c>
      <c r="CX40" s="230">
        <v>1</v>
      </c>
      <c r="CY40" s="209">
        <v>0</v>
      </c>
      <c r="CZ40" s="211">
        <v>0</v>
      </c>
      <c r="DA40" s="211">
        <v>0</v>
      </c>
      <c r="DB40" s="212">
        <v>0</v>
      </c>
      <c r="DC40" s="210">
        <v>0</v>
      </c>
      <c r="DD40" s="210">
        <v>0</v>
      </c>
      <c r="DE40" s="210">
        <v>0</v>
      </c>
      <c r="DF40" s="211">
        <v>1</v>
      </c>
      <c r="DG40" s="229">
        <v>1</v>
      </c>
      <c r="DH40" s="231">
        <v>1</v>
      </c>
      <c r="DI40" s="214">
        <v>0</v>
      </c>
      <c r="DJ40" s="211">
        <v>0</v>
      </c>
      <c r="DK40" s="211">
        <v>0</v>
      </c>
      <c r="DL40" s="212">
        <v>0</v>
      </c>
      <c r="DM40" s="210">
        <v>0</v>
      </c>
      <c r="DN40" s="210">
        <v>0</v>
      </c>
      <c r="DO40" s="210">
        <v>0</v>
      </c>
      <c r="DP40" s="211">
        <v>0</v>
      </c>
      <c r="DQ40" s="229">
        <v>0</v>
      </c>
      <c r="DR40" s="231">
        <v>0</v>
      </c>
      <c r="DS40" s="214">
        <v>0</v>
      </c>
      <c r="DT40" s="211">
        <v>0</v>
      </c>
      <c r="DU40" s="211">
        <v>0</v>
      </c>
      <c r="DV40" s="212">
        <v>1</v>
      </c>
      <c r="DW40" s="210">
        <v>2</v>
      </c>
      <c r="DX40" s="210">
        <v>11</v>
      </c>
      <c r="DY40" s="210">
        <v>11</v>
      </c>
      <c r="DZ40" s="211">
        <v>13</v>
      </c>
      <c r="EA40" s="229">
        <v>38</v>
      </c>
      <c r="EB40" s="231">
        <v>38</v>
      </c>
      <c r="EC40" s="225"/>
    </row>
    <row r="41" spans="2:133" x14ac:dyDescent="0.2">
      <c r="C41" s="232"/>
      <c r="D41" s="232"/>
      <c r="E41" s="232"/>
      <c r="F41" s="232"/>
      <c r="G41" s="232"/>
      <c r="H41" s="232"/>
      <c r="I41" s="232"/>
      <c r="J41" s="232"/>
      <c r="K41" s="232"/>
      <c r="L41" s="232"/>
      <c r="M41" s="232"/>
      <c r="N41" s="232"/>
      <c r="O41" s="232"/>
      <c r="P41" s="232"/>
      <c r="Q41" s="232"/>
      <c r="R41" s="232"/>
      <c r="S41" s="232"/>
      <c r="T41" s="232"/>
      <c r="U41" s="232"/>
      <c r="V41" s="232"/>
      <c r="W41" s="232"/>
      <c r="X41" s="232"/>
      <c r="Y41" s="232"/>
      <c r="Z41" s="232"/>
      <c r="AA41" s="232"/>
      <c r="AB41" s="232"/>
      <c r="AC41" s="232"/>
      <c r="AD41" s="232"/>
      <c r="AE41" s="232"/>
      <c r="AF41" s="232"/>
      <c r="AG41" s="225"/>
      <c r="AH41" s="225"/>
      <c r="AI41" s="225"/>
      <c r="AJ41" s="225"/>
      <c r="AK41" s="225"/>
      <c r="AL41" s="225"/>
      <c r="AM41" s="225"/>
      <c r="AN41" s="225"/>
      <c r="AO41" s="225"/>
      <c r="AP41" s="225"/>
      <c r="AQ41" s="225"/>
      <c r="AR41" s="225"/>
      <c r="AS41" s="225"/>
      <c r="AT41" s="225"/>
      <c r="AU41" s="225"/>
      <c r="AV41" s="225"/>
      <c r="AW41" s="225"/>
      <c r="AX41" s="225"/>
      <c r="AY41" s="225"/>
      <c r="AZ41" s="225"/>
      <c r="BA41" s="225"/>
      <c r="BB41" s="225"/>
      <c r="BC41" s="225"/>
      <c r="BD41" s="225"/>
      <c r="BE41" s="225"/>
      <c r="BF41" s="225"/>
      <c r="BG41" s="225"/>
      <c r="BH41" s="225"/>
      <c r="BI41" s="225"/>
      <c r="BJ41" s="225"/>
      <c r="BK41" s="225"/>
      <c r="BL41" s="225"/>
      <c r="BM41" s="225"/>
      <c r="BN41" s="225"/>
      <c r="BO41" s="225"/>
      <c r="BP41" s="225"/>
      <c r="BQ41" s="225"/>
      <c r="BR41" s="225"/>
      <c r="BS41" s="225"/>
      <c r="BT41" s="225"/>
      <c r="BU41" s="225"/>
      <c r="BV41" s="225"/>
      <c r="BW41" s="225"/>
      <c r="BX41" s="225"/>
      <c r="BY41" s="225"/>
      <c r="BZ41" s="225"/>
      <c r="CA41" s="225"/>
      <c r="CB41" s="225"/>
      <c r="CC41" s="225"/>
      <c r="CD41" s="225"/>
      <c r="CE41" s="225"/>
      <c r="CF41" s="225"/>
      <c r="CG41" s="225"/>
      <c r="CH41" s="225"/>
      <c r="CI41" s="225"/>
      <c r="CJ41" s="225"/>
      <c r="CK41" s="225"/>
      <c r="CL41" s="225"/>
      <c r="CM41" s="225"/>
      <c r="CN41" s="225"/>
      <c r="CO41" s="225"/>
      <c r="CP41" s="225"/>
      <c r="CQ41" s="225"/>
      <c r="CR41" s="225"/>
      <c r="CS41" s="225"/>
      <c r="CT41" s="225"/>
      <c r="CU41" s="225"/>
      <c r="CV41" s="225"/>
      <c r="CW41" s="225"/>
      <c r="CX41" s="225"/>
      <c r="CY41" s="225"/>
      <c r="CZ41" s="225"/>
      <c r="DA41" s="225"/>
      <c r="DB41" s="225"/>
      <c r="DC41" s="225"/>
      <c r="DD41" s="225"/>
      <c r="DE41" s="225"/>
      <c r="DF41" s="225"/>
      <c r="DG41" s="225"/>
      <c r="DH41" s="225"/>
      <c r="DI41" s="225"/>
      <c r="DJ41" s="225"/>
      <c r="DK41" s="225"/>
      <c r="DL41" s="225"/>
      <c r="DM41" s="225"/>
      <c r="DN41" s="225"/>
      <c r="DO41" s="225"/>
      <c r="DP41" s="225"/>
      <c r="DQ41" s="225"/>
      <c r="DR41" s="225"/>
      <c r="DS41" s="225"/>
      <c r="DT41" s="225"/>
      <c r="DU41" s="225"/>
      <c r="DV41" s="225"/>
      <c r="DW41" s="225"/>
      <c r="DX41" s="225"/>
      <c r="DY41" s="225"/>
      <c r="DZ41" s="225"/>
      <c r="EA41" s="225"/>
      <c r="EB41" s="225"/>
      <c r="EC41" s="225"/>
    </row>
    <row r="42" spans="2:133" x14ac:dyDescent="0.2">
      <c r="C42" s="232"/>
      <c r="D42" s="232"/>
      <c r="E42" s="232"/>
      <c r="F42" s="232"/>
      <c r="G42" s="232"/>
      <c r="H42" s="232"/>
      <c r="I42" s="232"/>
      <c r="J42" s="232"/>
      <c r="K42" s="232"/>
      <c r="L42" s="232"/>
      <c r="M42" s="232"/>
      <c r="N42" s="232"/>
      <c r="O42" s="232"/>
      <c r="P42" s="232"/>
      <c r="Q42" s="232"/>
      <c r="R42" s="232"/>
      <c r="S42" s="232"/>
      <c r="T42" s="232"/>
      <c r="U42" s="232"/>
      <c r="V42" s="232"/>
      <c r="W42" s="232"/>
      <c r="X42" s="232"/>
      <c r="Y42" s="232"/>
      <c r="Z42" s="232"/>
      <c r="AA42" s="232"/>
      <c r="AB42" s="232"/>
      <c r="AC42" s="232"/>
      <c r="AD42" s="232"/>
      <c r="AE42" s="232"/>
      <c r="AF42" s="232"/>
      <c r="AG42" s="225"/>
      <c r="AH42" s="225"/>
      <c r="AI42" s="225"/>
      <c r="AJ42" s="225"/>
      <c r="AK42" s="225"/>
      <c r="AL42" s="225"/>
      <c r="AM42" s="225"/>
      <c r="AN42" s="225"/>
      <c r="AO42" s="225"/>
      <c r="AP42" s="225"/>
      <c r="AQ42" s="225"/>
      <c r="AR42" s="225"/>
      <c r="AS42" s="225"/>
      <c r="AT42" s="225"/>
      <c r="AU42" s="225"/>
      <c r="AV42" s="225"/>
      <c r="AW42" s="225"/>
      <c r="AX42" s="225"/>
      <c r="AY42" s="225"/>
      <c r="AZ42" s="225"/>
      <c r="BA42" s="225"/>
      <c r="BB42" s="225"/>
      <c r="BC42" s="225"/>
      <c r="BD42" s="225"/>
      <c r="BE42" s="225"/>
      <c r="BF42" s="225"/>
      <c r="BG42" s="225"/>
      <c r="BH42" s="225"/>
      <c r="BI42" s="225"/>
      <c r="BJ42" s="225"/>
      <c r="BK42" s="225"/>
      <c r="BL42" s="225"/>
      <c r="BM42" s="225"/>
      <c r="BN42" s="225"/>
      <c r="BO42" s="225"/>
      <c r="BP42" s="225"/>
      <c r="BQ42" s="225"/>
      <c r="BR42" s="225"/>
      <c r="BS42" s="225"/>
      <c r="BT42" s="225"/>
      <c r="BU42" s="225"/>
      <c r="BV42" s="225"/>
      <c r="BW42" s="225"/>
      <c r="BX42" s="225"/>
      <c r="BY42" s="225"/>
      <c r="BZ42" s="225"/>
      <c r="CA42" s="225"/>
      <c r="CB42" s="225"/>
      <c r="CC42" s="225"/>
      <c r="CD42" s="225"/>
      <c r="CE42" s="225"/>
      <c r="CF42" s="225"/>
      <c r="CG42" s="225"/>
      <c r="CH42" s="225"/>
      <c r="CI42" s="225"/>
      <c r="CJ42" s="225"/>
      <c r="CK42" s="225"/>
      <c r="CL42" s="225"/>
      <c r="CM42" s="225"/>
      <c r="CN42" s="225"/>
      <c r="CO42" s="225"/>
      <c r="CP42" s="225"/>
      <c r="CQ42" s="225"/>
      <c r="CR42" s="225"/>
      <c r="CS42" s="225"/>
      <c r="CT42" s="225"/>
      <c r="CU42" s="225"/>
      <c r="CV42" s="225"/>
      <c r="CW42" s="225"/>
      <c r="CX42" s="225"/>
      <c r="CY42" s="225"/>
      <c r="CZ42" s="225"/>
      <c r="DA42" s="225"/>
      <c r="DB42" s="225"/>
      <c r="DC42" s="225"/>
      <c r="DD42" s="225"/>
      <c r="DE42" s="225"/>
      <c r="DF42" s="225"/>
      <c r="DG42" s="225"/>
      <c r="DH42" s="225"/>
      <c r="DI42" s="225"/>
      <c r="DJ42" s="225"/>
      <c r="DK42" s="225"/>
      <c r="DL42" s="225"/>
      <c r="DM42" s="225"/>
      <c r="DN42" s="225"/>
      <c r="DO42" s="225"/>
      <c r="DP42" s="225"/>
      <c r="DQ42" s="225"/>
      <c r="DR42" s="225"/>
      <c r="DS42" s="225"/>
      <c r="DT42" s="225"/>
      <c r="DU42" s="225"/>
      <c r="DV42" s="225"/>
      <c r="DW42" s="225"/>
      <c r="DX42" s="225"/>
      <c r="DY42" s="225"/>
      <c r="DZ42" s="225"/>
      <c r="EA42" s="225"/>
      <c r="EB42" s="225"/>
      <c r="EC42" s="225"/>
    </row>
    <row r="43" spans="2:133" x14ac:dyDescent="0.2">
      <c r="C43" s="232"/>
      <c r="D43" s="232"/>
      <c r="E43" s="232"/>
      <c r="F43" s="232"/>
      <c r="G43" s="232"/>
      <c r="H43" s="232"/>
      <c r="I43" s="232"/>
      <c r="J43" s="232"/>
      <c r="K43" s="232"/>
      <c r="L43" s="232"/>
      <c r="M43" s="232"/>
      <c r="N43" s="232"/>
      <c r="O43" s="232"/>
      <c r="P43" s="232"/>
      <c r="Q43" s="232"/>
      <c r="R43" s="232"/>
      <c r="S43" s="232"/>
      <c r="T43" s="232"/>
      <c r="U43" s="232"/>
      <c r="V43" s="232"/>
      <c r="W43" s="232"/>
      <c r="X43" s="232"/>
      <c r="Y43" s="232"/>
      <c r="Z43" s="232"/>
      <c r="AA43" s="232"/>
      <c r="AB43" s="232"/>
      <c r="AC43" s="232"/>
      <c r="AD43" s="232"/>
      <c r="AE43" s="232"/>
      <c r="AF43" s="232"/>
      <c r="AG43" s="225"/>
      <c r="AH43" s="225"/>
      <c r="AI43" s="225"/>
      <c r="AJ43" s="225"/>
      <c r="AK43" s="225"/>
      <c r="AL43" s="225"/>
      <c r="AM43" s="225"/>
      <c r="AN43" s="225"/>
      <c r="AO43" s="225"/>
      <c r="AP43" s="225"/>
      <c r="AQ43" s="225"/>
      <c r="AR43" s="225"/>
      <c r="AS43" s="225"/>
      <c r="AT43" s="225"/>
      <c r="AU43" s="225"/>
      <c r="AV43" s="225"/>
      <c r="AW43" s="225"/>
      <c r="AX43" s="225"/>
      <c r="AY43" s="225"/>
      <c r="AZ43" s="225"/>
      <c r="BA43" s="225"/>
      <c r="BB43" s="225"/>
      <c r="BC43" s="225"/>
      <c r="BD43" s="225"/>
      <c r="BE43" s="225"/>
      <c r="BF43" s="225"/>
      <c r="BG43" s="225"/>
      <c r="BH43" s="225"/>
      <c r="BI43" s="225"/>
      <c r="BJ43" s="225"/>
      <c r="BK43" s="225"/>
      <c r="BL43" s="225"/>
      <c r="BM43" s="225"/>
      <c r="BN43" s="225"/>
      <c r="BO43" s="225"/>
      <c r="BP43" s="225"/>
      <c r="BQ43" s="225"/>
      <c r="BR43" s="225"/>
      <c r="BS43" s="225"/>
      <c r="BT43" s="225"/>
      <c r="BU43" s="225"/>
      <c r="BV43" s="225"/>
      <c r="BW43" s="225"/>
      <c r="BX43" s="225"/>
      <c r="BY43" s="225"/>
      <c r="BZ43" s="225"/>
      <c r="CA43" s="225"/>
      <c r="CB43" s="225"/>
      <c r="CC43" s="225"/>
      <c r="CD43" s="225"/>
      <c r="CE43" s="225"/>
      <c r="CF43" s="225"/>
      <c r="CG43" s="225"/>
      <c r="CH43" s="225"/>
      <c r="CI43" s="225"/>
      <c r="CJ43" s="225"/>
      <c r="CK43" s="225"/>
      <c r="CL43" s="225"/>
      <c r="CM43" s="225"/>
      <c r="CN43" s="225"/>
      <c r="CO43" s="225"/>
      <c r="CP43" s="225"/>
      <c r="CQ43" s="225"/>
      <c r="CR43" s="225"/>
      <c r="CS43" s="225"/>
      <c r="CT43" s="225"/>
      <c r="CU43" s="225"/>
      <c r="CV43" s="225"/>
      <c r="CW43" s="225"/>
      <c r="CX43" s="225"/>
      <c r="CY43" s="225"/>
      <c r="CZ43" s="225"/>
      <c r="DA43" s="225"/>
      <c r="DB43" s="225"/>
      <c r="DC43" s="225"/>
      <c r="DD43" s="225"/>
      <c r="DE43" s="225"/>
      <c r="DF43" s="225"/>
      <c r="DG43" s="225"/>
      <c r="DH43" s="225"/>
      <c r="DI43" s="225"/>
      <c r="DJ43" s="225"/>
      <c r="DK43" s="225"/>
      <c r="DL43" s="225"/>
      <c r="DM43" s="225"/>
      <c r="DN43" s="225"/>
      <c r="DO43" s="225"/>
      <c r="DP43" s="225"/>
      <c r="DQ43" s="225"/>
      <c r="DR43" s="225"/>
      <c r="DS43" s="225"/>
      <c r="DT43" s="225"/>
      <c r="DU43" s="225"/>
      <c r="DV43" s="225"/>
      <c r="DW43" s="225"/>
      <c r="DX43" s="225"/>
      <c r="DY43" s="225"/>
      <c r="DZ43" s="225"/>
      <c r="EA43" s="225"/>
      <c r="EB43" s="225"/>
      <c r="EC43" s="225"/>
    </row>
    <row r="44" spans="2:133" x14ac:dyDescent="0.2">
      <c r="C44" s="232"/>
      <c r="D44" s="232"/>
      <c r="E44" s="232"/>
      <c r="F44" s="232"/>
      <c r="G44" s="232"/>
      <c r="H44" s="232"/>
      <c r="I44" s="232"/>
      <c r="J44" s="232"/>
      <c r="K44" s="232"/>
      <c r="L44" s="232"/>
      <c r="M44" s="232"/>
      <c r="N44" s="232"/>
      <c r="O44" s="232"/>
      <c r="P44" s="232"/>
      <c r="Q44" s="232"/>
      <c r="R44" s="232"/>
      <c r="S44" s="232"/>
      <c r="T44" s="232"/>
      <c r="U44" s="232"/>
      <c r="V44" s="232"/>
      <c r="W44" s="232"/>
      <c r="X44" s="232"/>
      <c r="Y44" s="232"/>
      <c r="Z44" s="232"/>
      <c r="AA44" s="232"/>
      <c r="AB44" s="232"/>
      <c r="AC44" s="232"/>
      <c r="AD44" s="232"/>
      <c r="AE44" s="232"/>
      <c r="AF44" s="232"/>
      <c r="AG44" s="225"/>
      <c r="AH44" s="225"/>
      <c r="AI44" s="225"/>
      <c r="AJ44" s="225"/>
      <c r="AK44" s="225"/>
      <c r="AL44" s="225"/>
      <c r="AM44" s="225"/>
      <c r="AN44" s="225"/>
      <c r="AO44" s="225"/>
      <c r="AP44" s="225"/>
      <c r="AQ44" s="225"/>
      <c r="AR44" s="225"/>
      <c r="AS44" s="225"/>
      <c r="AT44" s="225"/>
      <c r="AU44" s="225"/>
      <c r="AV44" s="225"/>
      <c r="AW44" s="225"/>
      <c r="AX44" s="225"/>
      <c r="AY44" s="225"/>
      <c r="AZ44" s="225"/>
      <c r="BA44" s="225"/>
      <c r="BB44" s="225"/>
      <c r="BC44" s="225"/>
      <c r="BD44" s="225"/>
      <c r="BE44" s="225"/>
      <c r="BF44" s="225"/>
      <c r="BG44" s="225"/>
      <c r="BH44" s="225"/>
      <c r="BI44" s="225"/>
      <c r="BJ44" s="225"/>
      <c r="BK44" s="225"/>
      <c r="BL44" s="225"/>
      <c r="BM44" s="225"/>
      <c r="BN44" s="225"/>
      <c r="BO44" s="225"/>
      <c r="BP44" s="225"/>
      <c r="BQ44" s="225"/>
      <c r="BR44" s="225"/>
      <c r="BS44" s="225"/>
      <c r="BT44" s="225"/>
      <c r="BU44" s="225"/>
      <c r="BV44" s="225"/>
      <c r="BW44" s="225"/>
      <c r="BX44" s="225"/>
      <c r="BY44" s="225"/>
      <c r="BZ44" s="225"/>
      <c r="CA44" s="225"/>
      <c r="CB44" s="225"/>
      <c r="CC44" s="225"/>
      <c r="CD44" s="225"/>
      <c r="CE44" s="225"/>
      <c r="CF44" s="225"/>
      <c r="CG44" s="225"/>
      <c r="CH44" s="225"/>
      <c r="CI44" s="225"/>
      <c r="CJ44" s="225"/>
      <c r="CK44" s="225"/>
      <c r="CL44" s="225"/>
      <c r="CM44" s="225"/>
      <c r="CN44" s="225"/>
      <c r="CO44" s="225"/>
      <c r="CP44" s="225"/>
      <c r="CQ44" s="225"/>
      <c r="CR44" s="225"/>
      <c r="CS44" s="225"/>
      <c r="CT44" s="225"/>
      <c r="CU44" s="225"/>
      <c r="CV44" s="225"/>
      <c r="CW44" s="225"/>
      <c r="CX44" s="225"/>
      <c r="CY44" s="225"/>
      <c r="CZ44" s="225"/>
      <c r="DA44" s="225"/>
      <c r="DB44" s="225"/>
      <c r="DC44" s="225"/>
      <c r="DD44" s="225"/>
      <c r="DE44" s="225"/>
      <c r="DF44" s="225"/>
      <c r="DG44" s="225"/>
      <c r="DH44" s="225"/>
      <c r="DI44" s="225"/>
      <c r="DJ44" s="225"/>
      <c r="DK44" s="225"/>
      <c r="DL44" s="225"/>
      <c r="DM44" s="225"/>
      <c r="DN44" s="225"/>
      <c r="DO44" s="225"/>
      <c r="DP44" s="225"/>
      <c r="DQ44" s="225"/>
      <c r="DR44" s="225"/>
      <c r="DS44" s="225"/>
      <c r="DT44" s="225"/>
      <c r="DU44" s="225"/>
      <c r="DV44" s="225"/>
      <c r="DW44" s="225"/>
      <c r="DX44" s="225"/>
      <c r="DY44" s="225"/>
      <c r="DZ44" s="225"/>
      <c r="EA44" s="225"/>
      <c r="EB44" s="225"/>
      <c r="EC44" s="225"/>
    </row>
    <row r="45" spans="2:133" x14ac:dyDescent="0.2">
      <c r="C45" s="232"/>
      <c r="D45" s="232"/>
      <c r="E45" s="232"/>
      <c r="F45" s="232"/>
      <c r="G45" s="232"/>
      <c r="H45" s="232"/>
      <c r="I45" s="232"/>
      <c r="J45" s="232"/>
      <c r="K45" s="232"/>
      <c r="L45" s="232"/>
      <c r="M45" s="232"/>
      <c r="N45" s="232"/>
      <c r="O45" s="232"/>
      <c r="P45" s="232"/>
      <c r="Q45" s="232"/>
      <c r="R45" s="232"/>
      <c r="S45" s="232"/>
      <c r="T45" s="232"/>
      <c r="U45" s="232"/>
      <c r="V45" s="232"/>
      <c r="W45" s="232"/>
      <c r="X45" s="232"/>
      <c r="Y45" s="232"/>
      <c r="Z45" s="232"/>
      <c r="AA45" s="232"/>
      <c r="AB45" s="232"/>
      <c r="AC45" s="232"/>
      <c r="AD45" s="232"/>
      <c r="AE45" s="232"/>
      <c r="AF45" s="232"/>
      <c r="AG45" s="225"/>
      <c r="AH45" s="225"/>
      <c r="AI45" s="225"/>
      <c r="AJ45" s="225"/>
      <c r="AK45" s="225"/>
      <c r="AL45" s="225"/>
      <c r="AM45" s="225"/>
      <c r="AN45" s="225"/>
      <c r="AO45" s="225"/>
      <c r="AP45" s="225"/>
      <c r="AQ45" s="225"/>
      <c r="AR45" s="225"/>
      <c r="AS45" s="225"/>
      <c r="AT45" s="225"/>
      <c r="AU45" s="225"/>
      <c r="AV45" s="225"/>
      <c r="AW45" s="225"/>
      <c r="AX45" s="225"/>
      <c r="AY45" s="225"/>
      <c r="AZ45" s="225"/>
      <c r="BA45" s="225"/>
      <c r="BB45" s="225"/>
      <c r="BC45" s="225"/>
      <c r="BD45" s="225"/>
      <c r="BE45" s="225"/>
      <c r="BF45" s="225"/>
      <c r="BG45" s="225"/>
      <c r="BH45" s="225"/>
      <c r="BI45" s="225"/>
      <c r="BJ45" s="225"/>
      <c r="BK45" s="225"/>
      <c r="BL45" s="225"/>
      <c r="BM45" s="225"/>
      <c r="BN45" s="225"/>
      <c r="BO45" s="225"/>
      <c r="BP45" s="225"/>
      <c r="BQ45" s="225"/>
      <c r="BR45" s="225"/>
      <c r="BS45" s="225"/>
      <c r="BT45" s="225"/>
      <c r="BU45" s="225"/>
      <c r="BV45" s="225"/>
      <c r="BW45" s="225"/>
      <c r="BX45" s="225"/>
      <c r="BY45" s="225"/>
      <c r="BZ45" s="225"/>
      <c r="CA45" s="225"/>
      <c r="CB45" s="225"/>
      <c r="CC45" s="225"/>
      <c r="CD45" s="225"/>
      <c r="CE45" s="225"/>
      <c r="CF45" s="225"/>
      <c r="CG45" s="225"/>
      <c r="CH45" s="225"/>
      <c r="CI45" s="225"/>
      <c r="CJ45" s="225"/>
      <c r="CK45" s="225"/>
      <c r="CL45" s="225"/>
      <c r="CM45" s="225"/>
      <c r="CN45" s="225"/>
      <c r="CO45" s="225"/>
      <c r="CP45" s="225"/>
      <c r="CQ45" s="225"/>
      <c r="CR45" s="225"/>
      <c r="CS45" s="225"/>
      <c r="CT45" s="225"/>
      <c r="CU45" s="225"/>
      <c r="CV45" s="225"/>
      <c r="CW45" s="225"/>
      <c r="CX45" s="225"/>
      <c r="CY45" s="225"/>
      <c r="CZ45" s="225"/>
      <c r="DA45" s="225"/>
      <c r="DB45" s="225"/>
      <c r="DC45" s="225"/>
      <c r="DD45" s="225"/>
      <c r="DE45" s="225"/>
      <c r="DF45" s="225"/>
      <c r="DG45" s="225"/>
      <c r="DH45" s="225"/>
      <c r="DI45" s="225"/>
      <c r="DJ45" s="225"/>
      <c r="DK45" s="225"/>
      <c r="DL45" s="225"/>
      <c r="DM45" s="225"/>
      <c r="DN45" s="225"/>
      <c r="DO45" s="225"/>
      <c r="DP45" s="225"/>
      <c r="DQ45" s="225"/>
      <c r="DR45" s="225"/>
      <c r="DS45" s="225"/>
      <c r="DT45" s="225"/>
      <c r="DU45" s="225"/>
      <c r="DV45" s="225"/>
      <c r="DW45" s="225"/>
      <c r="DX45" s="225"/>
      <c r="DY45" s="225"/>
      <c r="DZ45" s="225"/>
      <c r="EA45" s="225"/>
      <c r="EB45" s="225"/>
      <c r="EC45" s="225"/>
    </row>
    <row r="46" spans="2:133" x14ac:dyDescent="0.2">
      <c r="C46" s="56"/>
      <c r="D46" s="56"/>
      <c r="E46" s="56"/>
      <c r="F46" s="56"/>
      <c r="G46" s="56"/>
      <c r="H46" s="56"/>
      <c r="I46" s="56"/>
      <c r="J46" s="56"/>
      <c r="K46" s="56"/>
      <c r="L46" s="56"/>
      <c r="M46" s="56"/>
      <c r="N46" s="56"/>
      <c r="O46" s="56"/>
      <c r="P46" s="56"/>
      <c r="Q46" s="56"/>
      <c r="R46" s="56"/>
      <c r="S46" s="56"/>
      <c r="T46" s="56"/>
      <c r="U46" s="56"/>
      <c r="V46" s="56"/>
      <c r="W46" s="56"/>
      <c r="X46" s="56"/>
      <c r="Y46" s="56"/>
      <c r="Z46" s="56"/>
      <c r="AA46" s="56"/>
      <c r="AB46" s="56"/>
      <c r="AC46" s="56"/>
      <c r="AD46" s="56"/>
      <c r="AE46" s="56"/>
      <c r="AF46" s="56"/>
    </row>
    <row r="47" spans="2:133" x14ac:dyDescent="0.2">
      <c r="C47" s="56"/>
      <c r="D47" s="56"/>
      <c r="E47" s="56"/>
      <c r="F47" s="56"/>
      <c r="G47" s="56"/>
      <c r="H47" s="56"/>
      <c r="I47" s="56"/>
      <c r="J47" s="56"/>
      <c r="K47" s="56"/>
      <c r="L47" s="56"/>
      <c r="M47" s="56"/>
      <c r="N47" s="56"/>
      <c r="O47" s="56"/>
      <c r="P47" s="56"/>
      <c r="Q47" s="56"/>
      <c r="R47" s="56"/>
      <c r="S47" s="56"/>
      <c r="T47" s="56"/>
      <c r="U47" s="56"/>
      <c r="V47" s="56"/>
      <c r="W47" s="56"/>
      <c r="X47" s="56"/>
      <c r="Y47" s="56"/>
      <c r="Z47" s="56"/>
      <c r="AA47" s="56"/>
      <c r="AB47" s="56"/>
      <c r="AC47" s="56"/>
      <c r="AD47" s="56"/>
      <c r="AE47" s="56"/>
      <c r="AF47" s="56"/>
    </row>
    <row r="48" spans="2:133" x14ac:dyDescent="0.2">
      <c r="C48" s="56"/>
      <c r="D48" s="56"/>
      <c r="E48" s="56"/>
      <c r="F48" s="56"/>
      <c r="G48" s="56"/>
      <c r="H48" s="56"/>
      <c r="I48" s="56"/>
      <c r="J48" s="56"/>
      <c r="K48" s="56"/>
      <c r="L48" s="56"/>
      <c r="M48" s="56"/>
      <c r="N48" s="56"/>
      <c r="O48" s="56"/>
      <c r="P48" s="56"/>
      <c r="Q48" s="56"/>
      <c r="R48" s="56"/>
      <c r="S48" s="56"/>
      <c r="T48" s="56"/>
      <c r="U48" s="56"/>
      <c r="V48" s="56"/>
      <c r="W48" s="56"/>
      <c r="X48" s="56"/>
      <c r="Y48" s="56"/>
      <c r="Z48" s="56"/>
      <c r="AA48" s="56"/>
      <c r="AB48" s="56"/>
      <c r="AC48" s="56"/>
      <c r="AD48" s="56"/>
      <c r="AE48" s="56"/>
      <c r="AF48" s="56"/>
    </row>
    <row r="49" spans="3:32" x14ac:dyDescent="0.2">
      <c r="C49" s="56"/>
      <c r="D49" s="56"/>
      <c r="E49" s="56"/>
      <c r="F49" s="56"/>
      <c r="G49" s="56"/>
      <c r="H49" s="56"/>
      <c r="I49" s="56"/>
      <c r="J49" s="56"/>
      <c r="K49" s="56"/>
      <c r="L49" s="56"/>
      <c r="M49" s="56"/>
      <c r="N49" s="56"/>
      <c r="O49" s="56"/>
      <c r="P49" s="56"/>
      <c r="Q49" s="56"/>
      <c r="R49" s="56"/>
      <c r="S49" s="56"/>
      <c r="T49" s="56"/>
      <c r="U49" s="56"/>
      <c r="V49" s="56"/>
      <c r="W49" s="56"/>
      <c r="X49" s="56"/>
      <c r="Y49" s="56"/>
      <c r="Z49" s="56"/>
      <c r="AA49" s="56"/>
      <c r="AB49" s="56"/>
      <c r="AC49" s="56"/>
      <c r="AD49" s="56"/>
      <c r="AE49" s="56"/>
      <c r="AF49" s="56"/>
    </row>
    <row r="50" spans="3:32" x14ac:dyDescent="0.2">
      <c r="C50" s="56"/>
      <c r="D50" s="56"/>
      <c r="E50" s="56"/>
      <c r="F50" s="56"/>
      <c r="G50" s="56"/>
      <c r="H50" s="56"/>
      <c r="I50" s="56"/>
      <c r="J50" s="56"/>
      <c r="K50" s="56"/>
      <c r="L50" s="56"/>
      <c r="M50" s="56"/>
      <c r="N50" s="56"/>
      <c r="O50" s="56"/>
      <c r="P50" s="56"/>
      <c r="Q50" s="56"/>
      <c r="R50" s="56"/>
      <c r="S50" s="56"/>
      <c r="T50" s="56"/>
      <c r="U50" s="56"/>
      <c r="V50" s="56"/>
      <c r="W50" s="56"/>
      <c r="X50" s="56"/>
      <c r="Y50" s="56"/>
      <c r="Z50" s="56"/>
      <c r="AA50" s="56"/>
      <c r="AB50" s="56"/>
      <c r="AC50" s="56"/>
      <c r="AD50" s="56"/>
      <c r="AE50" s="56"/>
      <c r="AF50" s="56"/>
    </row>
    <row r="51" spans="3:32" x14ac:dyDescent="0.2">
      <c r="C51" s="56"/>
      <c r="D51" s="56"/>
      <c r="E51" s="56"/>
      <c r="F51" s="56"/>
      <c r="G51" s="56"/>
      <c r="H51" s="56"/>
      <c r="I51" s="56"/>
      <c r="J51" s="56"/>
      <c r="K51" s="56"/>
      <c r="L51" s="56"/>
      <c r="M51" s="56"/>
      <c r="N51" s="56"/>
      <c r="O51" s="56"/>
      <c r="P51" s="56"/>
      <c r="Q51" s="56"/>
      <c r="R51" s="56"/>
      <c r="S51" s="56"/>
      <c r="T51" s="56"/>
      <c r="U51" s="56"/>
      <c r="V51" s="56"/>
      <c r="W51" s="56"/>
      <c r="X51" s="56"/>
      <c r="Y51" s="56"/>
      <c r="Z51" s="56"/>
      <c r="AA51" s="56"/>
      <c r="AB51" s="56"/>
      <c r="AC51" s="56"/>
      <c r="AD51" s="56"/>
      <c r="AE51" s="56"/>
      <c r="AF51" s="56"/>
    </row>
    <row r="52" spans="3:32" x14ac:dyDescent="0.2">
      <c r="C52" s="56"/>
      <c r="D52" s="56"/>
      <c r="E52" s="56"/>
      <c r="F52" s="56"/>
      <c r="G52" s="56"/>
      <c r="H52" s="56"/>
      <c r="I52" s="56"/>
      <c r="J52" s="56"/>
      <c r="K52" s="56"/>
      <c r="L52" s="56"/>
      <c r="M52" s="56"/>
      <c r="N52" s="56"/>
      <c r="O52" s="56"/>
      <c r="P52" s="56"/>
      <c r="Q52" s="56"/>
      <c r="R52" s="56"/>
      <c r="S52" s="56"/>
      <c r="T52" s="56"/>
      <c r="U52" s="56"/>
      <c r="V52" s="56"/>
      <c r="W52" s="56"/>
      <c r="X52" s="56"/>
      <c r="Y52" s="56"/>
      <c r="Z52" s="56"/>
      <c r="AA52" s="56"/>
      <c r="AB52" s="56"/>
      <c r="AC52" s="56"/>
      <c r="AD52" s="56"/>
      <c r="AE52" s="56"/>
      <c r="AF52" s="56"/>
    </row>
    <row r="53" spans="3:32" x14ac:dyDescent="0.2">
      <c r="C53" s="56"/>
      <c r="D53" s="56"/>
      <c r="E53" s="56"/>
      <c r="F53" s="56"/>
      <c r="G53" s="56"/>
      <c r="H53" s="56"/>
      <c r="I53" s="56"/>
      <c r="J53" s="56"/>
      <c r="K53" s="56"/>
      <c r="L53" s="56"/>
      <c r="M53" s="56"/>
      <c r="N53" s="56"/>
      <c r="O53" s="56"/>
      <c r="P53" s="56"/>
      <c r="Q53" s="56"/>
      <c r="R53" s="56"/>
      <c r="S53" s="56"/>
      <c r="T53" s="56"/>
      <c r="U53" s="56"/>
      <c r="V53" s="56"/>
      <c r="W53" s="56"/>
      <c r="X53" s="56"/>
      <c r="Y53" s="56"/>
      <c r="Z53" s="56"/>
      <c r="AA53" s="56"/>
      <c r="AB53" s="56"/>
      <c r="AC53" s="56"/>
      <c r="AD53" s="56"/>
      <c r="AE53" s="56"/>
      <c r="AF53" s="56"/>
    </row>
    <row r="54" spans="3:32" x14ac:dyDescent="0.2">
      <c r="C54" s="56"/>
      <c r="D54" s="56"/>
      <c r="E54" s="56"/>
      <c r="F54" s="56"/>
      <c r="G54" s="56"/>
      <c r="H54" s="56"/>
      <c r="I54" s="56"/>
      <c r="J54" s="56"/>
      <c r="K54" s="56"/>
      <c r="L54" s="56"/>
      <c r="M54" s="56"/>
      <c r="N54" s="56"/>
      <c r="O54" s="56"/>
      <c r="P54" s="56"/>
      <c r="Q54" s="56"/>
      <c r="R54" s="56"/>
      <c r="S54" s="56"/>
      <c r="T54" s="56"/>
      <c r="U54" s="56"/>
      <c r="V54" s="56"/>
      <c r="W54" s="56"/>
      <c r="X54" s="56"/>
      <c r="Y54" s="56"/>
      <c r="Z54" s="56"/>
      <c r="AA54" s="56"/>
      <c r="AB54" s="56"/>
      <c r="AC54" s="56"/>
      <c r="AD54" s="56"/>
      <c r="AE54" s="56"/>
      <c r="AF54" s="56"/>
    </row>
    <row r="55" spans="3:32" x14ac:dyDescent="0.2">
      <c r="C55" s="56"/>
      <c r="D55" s="56"/>
      <c r="E55" s="56"/>
      <c r="F55" s="56"/>
      <c r="G55" s="56"/>
      <c r="H55" s="56"/>
      <c r="I55" s="56"/>
      <c r="J55" s="56"/>
      <c r="K55" s="56"/>
      <c r="L55" s="56"/>
      <c r="M55" s="56"/>
      <c r="N55" s="56"/>
      <c r="O55" s="56"/>
      <c r="P55" s="56"/>
      <c r="Q55" s="56"/>
      <c r="R55" s="56"/>
      <c r="S55" s="56"/>
      <c r="T55" s="56"/>
      <c r="U55" s="56"/>
      <c r="V55" s="56"/>
      <c r="W55" s="56"/>
      <c r="X55" s="56"/>
      <c r="Y55" s="56"/>
      <c r="Z55" s="56"/>
      <c r="AA55" s="56"/>
      <c r="AB55" s="56"/>
      <c r="AC55" s="56"/>
      <c r="AD55" s="56"/>
      <c r="AE55" s="56"/>
      <c r="AF55" s="56"/>
    </row>
    <row r="56" spans="3:32" x14ac:dyDescent="0.2">
      <c r="C56" s="56"/>
      <c r="D56" s="56"/>
      <c r="E56" s="56"/>
      <c r="F56" s="56"/>
      <c r="G56" s="56"/>
      <c r="H56" s="56"/>
      <c r="I56" s="56"/>
      <c r="J56" s="56"/>
      <c r="K56" s="56"/>
      <c r="L56" s="56"/>
      <c r="M56" s="56"/>
      <c r="N56" s="56"/>
      <c r="O56" s="56"/>
      <c r="P56" s="56"/>
      <c r="Q56" s="56"/>
      <c r="R56" s="56"/>
      <c r="S56" s="56"/>
      <c r="T56" s="56"/>
      <c r="U56" s="56"/>
      <c r="V56" s="56"/>
      <c r="W56" s="56"/>
      <c r="X56" s="56"/>
      <c r="Y56" s="56"/>
      <c r="Z56" s="56"/>
      <c r="AA56" s="56"/>
      <c r="AB56" s="56"/>
      <c r="AC56" s="56"/>
      <c r="AD56" s="56"/>
      <c r="AE56" s="56"/>
      <c r="AF56" s="56"/>
    </row>
    <row r="57" spans="3:32" x14ac:dyDescent="0.2">
      <c r="C57" s="56"/>
      <c r="D57" s="56"/>
      <c r="E57" s="56"/>
      <c r="F57" s="56"/>
      <c r="G57" s="56"/>
      <c r="H57" s="56"/>
      <c r="I57" s="56"/>
      <c r="J57" s="56"/>
      <c r="K57" s="56"/>
      <c r="L57" s="56"/>
      <c r="M57" s="56"/>
      <c r="N57" s="56"/>
      <c r="O57" s="56"/>
      <c r="P57" s="56"/>
      <c r="Q57" s="56"/>
      <c r="R57" s="56"/>
      <c r="S57" s="56"/>
      <c r="T57" s="56"/>
      <c r="U57" s="56"/>
      <c r="V57" s="56"/>
      <c r="W57" s="56"/>
      <c r="X57" s="56"/>
      <c r="Y57" s="56"/>
      <c r="Z57" s="56"/>
      <c r="AA57" s="56"/>
      <c r="AB57" s="56"/>
      <c r="AC57" s="56"/>
      <c r="AD57" s="56"/>
      <c r="AE57" s="56"/>
      <c r="AF57" s="56"/>
    </row>
    <row r="58" spans="3:32" x14ac:dyDescent="0.2">
      <c r="C58" s="56"/>
      <c r="D58" s="56"/>
      <c r="E58" s="56"/>
      <c r="F58" s="56"/>
      <c r="G58" s="56"/>
      <c r="H58" s="56"/>
      <c r="I58" s="56"/>
      <c r="J58" s="56"/>
      <c r="K58" s="56"/>
      <c r="L58" s="56"/>
      <c r="M58" s="56"/>
      <c r="N58" s="56"/>
      <c r="O58" s="56"/>
      <c r="P58" s="56"/>
      <c r="Q58" s="56"/>
      <c r="R58" s="56"/>
      <c r="S58" s="56"/>
      <c r="T58" s="56"/>
      <c r="U58" s="56"/>
      <c r="V58" s="56"/>
      <c r="W58" s="56"/>
      <c r="X58" s="56"/>
      <c r="Y58" s="56"/>
      <c r="Z58" s="56"/>
      <c r="AA58" s="56"/>
      <c r="AB58" s="56"/>
      <c r="AC58" s="56"/>
      <c r="AD58" s="56"/>
      <c r="AE58" s="56"/>
      <c r="AF58" s="56"/>
    </row>
    <row r="59" spans="3:32" x14ac:dyDescent="0.2">
      <c r="C59" s="56"/>
      <c r="D59" s="56"/>
      <c r="E59" s="56"/>
      <c r="F59" s="56"/>
      <c r="G59" s="56"/>
      <c r="H59" s="56"/>
      <c r="I59" s="56"/>
      <c r="J59" s="56"/>
      <c r="K59" s="56"/>
      <c r="L59" s="56"/>
      <c r="M59" s="56"/>
      <c r="N59" s="56"/>
      <c r="O59" s="56"/>
      <c r="P59" s="56"/>
      <c r="Q59" s="56"/>
      <c r="R59" s="56"/>
      <c r="S59" s="56"/>
      <c r="T59" s="56"/>
      <c r="U59" s="56"/>
      <c r="V59" s="56"/>
      <c r="W59" s="56"/>
      <c r="X59" s="56"/>
      <c r="Y59" s="56"/>
      <c r="Z59" s="56"/>
      <c r="AA59" s="56"/>
      <c r="AB59" s="56"/>
      <c r="AC59" s="56"/>
      <c r="AD59" s="56"/>
      <c r="AE59" s="56"/>
      <c r="AF59" s="56"/>
    </row>
    <row r="60" spans="3:32" x14ac:dyDescent="0.2">
      <c r="C60" s="56"/>
      <c r="D60" s="56"/>
      <c r="E60" s="56"/>
      <c r="F60" s="56"/>
      <c r="G60" s="56"/>
      <c r="H60" s="56"/>
      <c r="I60" s="56"/>
      <c r="J60" s="56"/>
      <c r="K60" s="56"/>
      <c r="L60" s="56"/>
      <c r="M60" s="56"/>
      <c r="N60" s="56"/>
      <c r="O60" s="56"/>
      <c r="P60" s="56"/>
      <c r="Q60" s="56"/>
      <c r="R60" s="56"/>
      <c r="S60" s="56"/>
      <c r="T60" s="56"/>
      <c r="U60" s="56"/>
      <c r="V60" s="56"/>
      <c r="W60" s="56"/>
      <c r="X60" s="56"/>
      <c r="Y60" s="56"/>
      <c r="Z60" s="56"/>
      <c r="AA60" s="56"/>
      <c r="AB60" s="56"/>
      <c r="AC60" s="56"/>
      <c r="AD60" s="56"/>
      <c r="AE60" s="56"/>
      <c r="AF60" s="56"/>
    </row>
    <row r="61" spans="3:32" x14ac:dyDescent="0.2">
      <c r="C61" s="56"/>
      <c r="D61" s="56"/>
      <c r="E61" s="56"/>
      <c r="F61" s="56"/>
      <c r="G61" s="56"/>
      <c r="H61" s="56"/>
      <c r="I61" s="56"/>
      <c r="J61" s="56"/>
      <c r="K61" s="56"/>
      <c r="L61" s="56"/>
      <c r="M61" s="56"/>
      <c r="N61" s="56"/>
      <c r="O61" s="56"/>
      <c r="P61" s="56"/>
      <c r="Q61" s="56"/>
      <c r="R61" s="56"/>
      <c r="S61" s="56"/>
      <c r="T61" s="56"/>
      <c r="U61" s="56"/>
      <c r="V61" s="56"/>
      <c r="W61" s="56"/>
      <c r="X61" s="56"/>
      <c r="Y61" s="56"/>
      <c r="Z61" s="56"/>
      <c r="AA61" s="56"/>
      <c r="AB61" s="56"/>
      <c r="AC61" s="56"/>
      <c r="AD61" s="56"/>
      <c r="AE61" s="56"/>
      <c r="AF61" s="56"/>
    </row>
    <row r="62" spans="3:32" x14ac:dyDescent="0.2">
      <c r="C62" s="56"/>
      <c r="D62" s="56"/>
      <c r="E62" s="56"/>
      <c r="F62" s="56"/>
      <c r="G62" s="56"/>
      <c r="H62" s="56"/>
      <c r="I62" s="56"/>
      <c r="J62" s="56"/>
      <c r="K62" s="56"/>
      <c r="L62" s="56"/>
      <c r="M62" s="56"/>
      <c r="N62" s="56"/>
      <c r="O62" s="56"/>
      <c r="P62" s="56"/>
      <c r="Q62" s="56"/>
      <c r="R62" s="56"/>
      <c r="S62" s="56"/>
      <c r="T62" s="56"/>
      <c r="U62" s="56"/>
      <c r="V62" s="56"/>
      <c r="W62" s="56"/>
      <c r="X62" s="56"/>
      <c r="Y62" s="56"/>
      <c r="Z62" s="56"/>
      <c r="AA62" s="56"/>
      <c r="AB62" s="56"/>
      <c r="AC62" s="56"/>
      <c r="AD62" s="56"/>
      <c r="AE62" s="56"/>
      <c r="AF62" s="56"/>
    </row>
    <row r="63" spans="3:32" x14ac:dyDescent="0.2">
      <c r="C63" s="56"/>
      <c r="D63" s="56"/>
      <c r="E63" s="56"/>
      <c r="F63" s="56"/>
      <c r="G63" s="56"/>
      <c r="H63" s="56"/>
      <c r="I63" s="56"/>
      <c r="J63" s="56"/>
      <c r="K63" s="56"/>
      <c r="L63" s="56"/>
      <c r="M63" s="56"/>
      <c r="N63" s="56"/>
      <c r="O63" s="56"/>
      <c r="P63" s="56"/>
      <c r="Q63" s="56"/>
      <c r="R63" s="56"/>
      <c r="S63" s="56"/>
      <c r="T63" s="56"/>
      <c r="U63" s="56"/>
      <c r="V63" s="56"/>
      <c r="W63" s="56"/>
      <c r="X63" s="56"/>
      <c r="Y63" s="56"/>
      <c r="Z63" s="56"/>
      <c r="AA63" s="56"/>
      <c r="AB63" s="56"/>
      <c r="AC63" s="56"/>
      <c r="AD63" s="56"/>
      <c r="AE63" s="56"/>
      <c r="AF63" s="56"/>
    </row>
    <row r="64" spans="3:32" x14ac:dyDescent="0.2">
      <c r="C64" s="56"/>
      <c r="D64" s="56"/>
      <c r="E64" s="56"/>
      <c r="F64" s="56"/>
      <c r="G64" s="56"/>
      <c r="H64" s="56"/>
      <c r="I64" s="56"/>
      <c r="J64" s="56"/>
      <c r="K64" s="56"/>
      <c r="L64" s="56"/>
      <c r="M64" s="56"/>
      <c r="N64" s="56"/>
      <c r="O64" s="56"/>
      <c r="P64" s="56"/>
      <c r="Q64" s="56"/>
      <c r="R64" s="56"/>
      <c r="S64" s="56"/>
      <c r="T64" s="56"/>
      <c r="U64" s="56"/>
      <c r="V64" s="56"/>
      <c r="W64" s="56"/>
      <c r="X64" s="56"/>
      <c r="Y64" s="56"/>
      <c r="Z64" s="56"/>
      <c r="AA64" s="56"/>
      <c r="AB64" s="56"/>
      <c r="AC64" s="56"/>
      <c r="AD64" s="56"/>
      <c r="AE64" s="56"/>
      <c r="AF64" s="56"/>
    </row>
    <row r="65" spans="3:32" x14ac:dyDescent="0.2">
      <c r="C65" s="56"/>
      <c r="D65" s="56"/>
      <c r="E65" s="56"/>
      <c r="F65" s="56"/>
      <c r="G65" s="56"/>
      <c r="H65" s="56"/>
      <c r="I65" s="56"/>
      <c r="J65" s="56"/>
      <c r="K65" s="56"/>
      <c r="L65" s="56"/>
      <c r="M65" s="56"/>
      <c r="N65" s="56"/>
      <c r="O65" s="56"/>
      <c r="P65" s="56"/>
      <c r="Q65" s="56"/>
      <c r="R65" s="56"/>
      <c r="S65" s="56"/>
      <c r="T65" s="56"/>
      <c r="U65" s="56"/>
      <c r="V65" s="56"/>
      <c r="W65" s="56"/>
      <c r="X65" s="56"/>
      <c r="Y65" s="56"/>
      <c r="Z65" s="56"/>
      <c r="AA65" s="56"/>
      <c r="AB65" s="56"/>
      <c r="AC65" s="56"/>
      <c r="AD65" s="56"/>
      <c r="AE65" s="56"/>
      <c r="AF65" s="56"/>
    </row>
    <row r="66" spans="3:32" x14ac:dyDescent="0.2">
      <c r="C66" s="56"/>
      <c r="D66" s="56"/>
      <c r="E66" s="56"/>
      <c r="F66" s="56"/>
      <c r="G66" s="56"/>
      <c r="H66" s="56"/>
      <c r="I66" s="56"/>
      <c r="J66" s="56"/>
      <c r="K66" s="56"/>
      <c r="L66" s="56"/>
      <c r="M66" s="56"/>
      <c r="N66" s="56"/>
      <c r="O66" s="56"/>
      <c r="P66" s="56"/>
      <c r="Q66" s="56"/>
      <c r="R66" s="56"/>
      <c r="S66" s="56"/>
      <c r="T66" s="56"/>
      <c r="U66" s="56"/>
      <c r="V66" s="56"/>
      <c r="W66" s="56"/>
      <c r="X66" s="56"/>
      <c r="Y66" s="56"/>
      <c r="Z66" s="56"/>
      <c r="AA66" s="56"/>
      <c r="AB66" s="56"/>
      <c r="AC66" s="56"/>
      <c r="AD66" s="56"/>
      <c r="AE66" s="56"/>
      <c r="AF66" s="56"/>
    </row>
    <row r="67" spans="3:32" x14ac:dyDescent="0.2">
      <c r="C67" s="56"/>
      <c r="D67" s="56"/>
      <c r="E67" s="56"/>
      <c r="F67" s="56"/>
      <c r="G67" s="56"/>
      <c r="H67" s="56"/>
      <c r="I67" s="56"/>
      <c r="J67" s="56"/>
      <c r="K67" s="56"/>
      <c r="L67" s="56"/>
      <c r="M67" s="56"/>
      <c r="N67" s="56"/>
      <c r="O67" s="56"/>
      <c r="P67" s="56"/>
      <c r="Q67" s="56"/>
      <c r="R67" s="56"/>
      <c r="S67" s="56"/>
      <c r="T67" s="56"/>
      <c r="U67" s="56"/>
      <c r="V67" s="56"/>
      <c r="W67" s="56"/>
      <c r="X67" s="56"/>
      <c r="Y67" s="56"/>
      <c r="Z67" s="56"/>
      <c r="AA67" s="56"/>
      <c r="AB67" s="56"/>
      <c r="AC67" s="56"/>
      <c r="AD67" s="56"/>
      <c r="AE67" s="56"/>
      <c r="AF67" s="56"/>
    </row>
    <row r="68" spans="3:32" x14ac:dyDescent="0.2">
      <c r="C68" s="56"/>
      <c r="D68" s="56"/>
      <c r="E68" s="56"/>
      <c r="F68" s="56"/>
      <c r="G68" s="56"/>
      <c r="H68" s="56"/>
      <c r="I68" s="56"/>
      <c r="J68" s="56"/>
      <c r="K68" s="56"/>
      <c r="L68" s="56"/>
      <c r="M68" s="56"/>
      <c r="N68" s="56"/>
      <c r="O68" s="56"/>
      <c r="P68" s="56"/>
      <c r="Q68" s="56"/>
      <c r="R68" s="56"/>
      <c r="S68" s="56"/>
      <c r="T68" s="56"/>
      <c r="U68" s="56"/>
      <c r="V68" s="56"/>
      <c r="W68" s="56"/>
      <c r="X68" s="56"/>
      <c r="Y68" s="56"/>
      <c r="Z68" s="56"/>
      <c r="AA68" s="56"/>
      <c r="AB68" s="56"/>
      <c r="AC68" s="56"/>
      <c r="AD68" s="56"/>
      <c r="AE68" s="56"/>
      <c r="AF68" s="56"/>
    </row>
    <row r="69" spans="3:32" x14ac:dyDescent="0.2">
      <c r="C69" s="56"/>
      <c r="D69" s="56"/>
      <c r="E69" s="56"/>
      <c r="F69" s="56"/>
      <c r="G69" s="56"/>
      <c r="H69" s="56"/>
      <c r="I69" s="56"/>
      <c r="J69" s="56"/>
      <c r="K69" s="56"/>
      <c r="L69" s="56"/>
      <c r="M69" s="56"/>
      <c r="N69" s="56"/>
      <c r="O69" s="56"/>
      <c r="P69" s="56"/>
      <c r="Q69" s="56"/>
      <c r="R69" s="56"/>
      <c r="S69" s="56"/>
      <c r="T69" s="56"/>
      <c r="U69" s="56"/>
      <c r="V69" s="56"/>
      <c r="W69" s="56"/>
      <c r="X69" s="56"/>
      <c r="Y69" s="56"/>
      <c r="Z69" s="56"/>
      <c r="AA69" s="56"/>
      <c r="AB69" s="56"/>
      <c r="AC69" s="56"/>
      <c r="AD69" s="56"/>
      <c r="AE69" s="56"/>
      <c r="AF69" s="56"/>
    </row>
    <row r="70" spans="3:32" x14ac:dyDescent="0.2"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  <c r="N70" s="56"/>
      <c r="O70" s="56"/>
      <c r="P70" s="56"/>
      <c r="Q70" s="56"/>
      <c r="R70" s="56"/>
      <c r="S70" s="56"/>
      <c r="T70" s="56"/>
      <c r="U70" s="56"/>
      <c r="V70" s="56"/>
      <c r="W70" s="56"/>
      <c r="X70" s="56"/>
      <c r="Y70" s="56"/>
      <c r="Z70" s="56"/>
      <c r="AA70" s="56"/>
      <c r="AB70" s="56"/>
      <c r="AC70" s="56"/>
      <c r="AD70" s="56"/>
      <c r="AE70" s="56"/>
      <c r="AF70" s="56"/>
    </row>
    <row r="71" spans="3:32" x14ac:dyDescent="0.2">
      <c r="C71" s="56"/>
      <c r="D71" s="56"/>
      <c r="E71" s="56"/>
      <c r="F71" s="56"/>
      <c r="G71" s="56"/>
      <c r="H71" s="56"/>
      <c r="I71" s="56"/>
      <c r="J71" s="56"/>
      <c r="K71" s="56"/>
      <c r="L71" s="56"/>
      <c r="M71" s="56"/>
      <c r="N71" s="56"/>
      <c r="O71" s="56"/>
      <c r="P71" s="56"/>
      <c r="Q71" s="56"/>
      <c r="R71" s="56"/>
      <c r="S71" s="56"/>
      <c r="T71" s="56"/>
      <c r="U71" s="56"/>
      <c r="V71" s="56"/>
      <c r="W71" s="56"/>
      <c r="X71" s="56"/>
      <c r="Y71" s="56"/>
      <c r="Z71" s="56"/>
      <c r="AA71" s="56"/>
      <c r="AB71" s="56"/>
      <c r="AC71" s="56"/>
      <c r="AD71" s="56"/>
      <c r="AE71" s="56"/>
      <c r="AF71" s="56"/>
    </row>
    <row r="72" spans="3:32" x14ac:dyDescent="0.2">
      <c r="C72" s="56"/>
      <c r="D72" s="56"/>
      <c r="E72" s="56"/>
      <c r="F72" s="56"/>
      <c r="G72" s="56"/>
      <c r="H72" s="56"/>
      <c r="I72" s="56"/>
      <c r="J72" s="56"/>
      <c r="K72" s="56"/>
      <c r="L72" s="56"/>
      <c r="M72" s="56"/>
      <c r="N72" s="56"/>
      <c r="O72" s="56"/>
      <c r="P72" s="56"/>
      <c r="Q72" s="56"/>
      <c r="R72" s="56"/>
      <c r="S72" s="56"/>
      <c r="T72" s="56"/>
      <c r="U72" s="56"/>
      <c r="V72" s="56"/>
      <c r="W72" s="56"/>
      <c r="X72" s="56"/>
      <c r="Y72" s="56"/>
      <c r="Z72" s="56"/>
      <c r="AA72" s="56"/>
      <c r="AB72" s="56"/>
      <c r="AC72" s="56"/>
      <c r="AD72" s="56"/>
      <c r="AE72" s="56"/>
      <c r="AF72" s="56"/>
    </row>
    <row r="73" spans="3:32" x14ac:dyDescent="0.2">
      <c r="C73" s="56"/>
      <c r="D73" s="56"/>
      <c r="E73" s="56"/>
      <c r="F73" s="56"/>
      <c r="G73" s="56"/>
      <c r="H73" s="56"/>
      <c r="I73" s="56"/>
      <c r="J73" s="56"/>
      <c r="K73" s="56"/>
      <c r="L73" s="56"/>
      <c r="M73" s="56"/>
      <c r="N73" s="56"/>
      <c r="O73" s="56"/>
      <c r="P73" s="56"/>
      <c r="Q73" s="56"/>
      <c r="R73" s="56"/>
      <c r="S73" s="56"/>
      <c r="T73" s="56"/>
      <c r="U73" s="56"/>
      <c r="V73" s="56"/>
      <c r="W73" s="56"/>
      <c r="X73" s="56"/>
      <c r="Y73" s="56"/>
      <c r="Z73" s="56"/>
      <c r="AA73" s="56"/>
      <c r="AB73" s="56"/>
      <c r="AC73" s="56"/>
      <c r="AD73" s="56"/>
      <c r="AE73" s="56"/>
      <c r="AF73" s="56"/>
    </row>
    <row r="74" spans="3:32" x14ac:dyDescent="0.2">
      <c r="C74" s="56"/>
      <c r="D74" s="56"/>
      <c r="E74" s="56"/>
      <c r="F74" s="56"/>
      <c r="G74" s="56"/>
      <c r="H74" s="56"/>
      <c r="I74" s="56"/>
      <c r="J74" s="56"/>
      <c r="K74" s="56"/>
      <c r="L74" s="56"/>
      <c r="M74" s="56"/>
      <c r="N74" s="56"/>
      <c r="O74" s="56"/>
      <c r="P74" s="56"/>
      <c r="Q74" s="56"/>
      <c r="R74" s="56"/>
      <c r="S74" s="56"/>
      <c r="T74" s="56"/>
      <c r="U74" s="56"/>
      <c r="V74" s="56"/>
      <c r="W74" s="56"/>
      <c r="X74" s="56"/>
      <c r="Y74" s="56"/>
      <c r="Z74" s="56"/>
      <c r="AA74" s="56"/>
      <c r="AB74" s="56"/>
      <c r="AC74" s="56"/>
      <c r="AD74" s="56"/>
      <c r="AE74" s="56"/>
      <c r="AF74" s="56"/>
    </row>
    <row r="75" spans="3:32" x14ac:dyDescent="0.2">
      <c r="C75" s="56"/>
      <c r="D75" s="56"/>
      <c r="E75" s="56"/>
      <c r="F75" s="56"/>
      <c r="G75" s="56"/>
      <c r="H75" s="56"/>
      <c r="I75" s="56"/>
      <c r="J75" s="56"/>
      <c r="K75" s="56"/>
      <c r="L75" s="56"/>
      <c r="M75" s="56"/>
      <c r="N75" s="56"/>
      <c r="O75" s="56"/>
      <c r="P75" s="56"/>
      <c r="Q75" s="56"/>
      <c r="R75" s="56"/>
      <c r="S75" s="56"/>
      <c r="T75" s="56"/>
      <c r="U75" s="56"/>
      <c r="V75" s="56"/>
      <c r="W75" s="56"/>
      <c r="X75" s="56"/>
      <c r="Y75" s="56"/>
      <c r="Z75" s="56"/>
      <c r="AA75" s="56"/>
      <c r="AB75" s="56"/>
      <c r="AC75" s="56"/>
      <c r="AD75" s="56"/>
      <c r="AE75" s="56"/>
      <c r="AF75" s="56"/>
    </row>
    <row r="76" spans="3:32" x14ac:dyDescent="0.2">
      <c r="C76" s="56"/>
      <c r="D76" s="56"/>
      <c r="E76" s="56"/>
      <c r="F76" s="56"/>
      <c r="G76" s="56"/>
      <c r="H76" s="56"/>
      <c r="I76" s="56"/>
      <c r="J76" s="56"/>
      <c r="K76" s="56"/>
      <c r="L76" s="56"/>
      <c r="M76" s="56"/>
      <c r="N76" s="56"/>
      <c r="O76" s="56"/>
      <c r="P76" s="56"/>
      <c r="Q76" s="56"/>
      <c r="R76" s="56"/>
      <c r="S76" s="56"/>
      <c r="T76" s="56"/>
      <c r="U76" s="56"/>
      <c r="V76" s="56"/>
      <c r="W76" s="56"/>
      <c r="X76" s="56"/>
      <c r="Y76" s="56"/>
      <c r="Z76" s="56"/>
      <c r="AA76" s="56"/>
      <c r="AB76" s="56"/>
      <c r="AC76" s="56"/>
      <c r="AD76" s="56"/>
      <c r="AE76" s="56"/>
      <c r="AF76" s="56"/>
    </row>
    <row r="77" spans="3:32" x14ac:dyDescent="0.2">
      <c r="C77" s="56"/>
      <c r="D77" s="56"/>
      <c r="E77" s="56"/>
      <c r="F77" s="56"/>
      <c r="G77" s="56"/>
      <c r="H77" s="56"/>
      <c r="I77" s="56"/>
      <c r="J77" s="56"/>
      <c r="K77" s="56"/>
      <c r="L77" s="56"/>
      <c r="M77" s="56"/>
      <c r="N77" s="56"/>
      <c r="O77" s="56"/>
      <c r="P77" s="56"/>
      <c r="Q77" s="56"/>
      <c r="R77" s="56"/>
      <c r="S77" s="56"/>
      <c r="T77" s="56"/>
      <c r="U77" s="56"/>
      <c r="V77" s="56"/>
      <c r="W77" s="56"/>
      <c r="X77" s="56"/>
      <c r="Y77" s="56"/>
      <c r="Z77" s="56"/>
      <c r="AA77" s="56"/>
      <c r="AB77" s="56"/>
      <c r="AC77" s="56"/>
      <c r="AD77" s="56"/>
      <c r="AE77" s="56"/>
      <c r="AF77" s="56"/>
    </row>
    <row r="78" spans="3:32" x14ac:dyDescent="0.2">
      <c r="C78" s="56"/>
      <c r="D78" s="56"/>
      <c r="E78" s="56"/>
      <c r="F78" s="56"/>
      <c r="G78" s="56"/>
      <c r="H78" s="56"/>
      <c r="I78" s="56"/>
      <c r="J78" s="56"/>
      <c r="K78" s="56"/>
      <c r="L78" s="56"/>
      <c r="M78" s="56"/>
      <c r="N78" s="56"/>
      <c r="O78" s="56"/>
      <c r="P78" s="56"/>
      <c r="Q78" s="56"/>
      <c r="R78" s="56"/>
      <c r="S78" s="56"/>
      <c r="T78" s="56"/>
      <c r="U78" s="56"/>
      <c r="V78" s="56"/>
      <c r="W78" s="56"/>
      <c r="X78" s="56"/>
      <c r="Y78" s="56"/>
      <c r="Z78" s="56"/>
      <c r="AA78" s="56"/>
      <c r="AB78" s="56"/>
      <c r="AC78" s="56"/>
      <c r="AD78" s="56"/>
      <c r="AE78" s="56"/>
      <c r="AF78" s="56"/>
    </row>
    <row r="79" spans="3:32" x14ac:dyDescent="0.2">
      <c r="C79" s="56"/>
      <c r="D79" s="56"/>
      <c r="E79" s="56"/>
      <c r="F79" s="56"/>
      <c r="G79" s="56"/>
      <c r="H79" s="56"/>
      <c r="I79" s="56"/>
      <c r="J79" s="56"/>
      <c r="K79" s="56"/>
      <c r="L79" s="56"/>
      <c r="M79" s="56"/>
      <c r="N79" s="56"/>
      <c r="O79" s="56"/>
      <c r="P79" s="56"/>
      <c r="Q79" s="56"/>
      <c r="R79" s="56"/>
      <c r="S79" s="56"/>
      <c r="T79" s="56"/>
      <c r="U79" s="56"/>
      <c r="V79" s="56"/>
      <c r="W79" s="56"/>
      <c r="X79" s="56"/>
      <c r="Y79" s="56"/>
      <c r="Z79" s="56"/>
      <c r="AA79" s="56"/>
      <c r="AB79" s="56"/>
      <c r="AC79" s="56"/>
      <c r="AD79" s="56"/>
      <c r="AE79" s="56"/>
      <c r="AF79" s="56"/>
    </row>
    <row r="80" spans="3:32" x14ac:dyDescent="0.2">
      <c r="C80" s="56"/>
      <c r="D80" s="56"/>
      <c r="E80" s="56"/>
      <c r="F80" s="56"/>
      <c r="G80" s="56"/>
      <c r="H80" s="56"/>
      <c r="I80" s="56"/>
      <c r="J80" s="56"/>
      <c r="K80" s="56"/>
      <c r="L80" s="56"/>
      <c r="M80" s="56"/>
      <c r="N80" s="56"/>
      <c r="O80" s="56"/>
      <c r="P80" s="56"/>
      <c r="Q80" s="56"/>
      <c r="R80" s="56"/>
      <c r="S80" s="56"/>
      <c r="T80" s="56"/>
      <c r="U80" s="56"/>
      <c r="V80" s="56"/>
      <c r="W80" s="56"/>
      <c r="X80" s="56"/>
      <c r="Y80" s="56"/>
      <c r="Z80" s="56"/>
      <c r="AA80" s="56"/>
      <c r="AB80" s="56"/>
      <c r="AC80" s="56"/>
      <c r="AD80" s="56"/>
      <c r="AE80" s="56"/>
      <c r="AF80" s="56"/>
    </row>
    <row r="81" spans="3:32" x14ac:dyDescent="0.2">
      <c r="C81" s="56"/>
      <c r="D81" s="56"/>
      <c r="E81" s="56"/>
      <c r="F81" s="56"/>
      <c r="G81" s="56"/>
      <c r="H81" s="56"/>
      <c r="I81" s="56"/>
      <c r="J81" s="56"/>
      <c r="K81" s="56"/>
      <c r="L81" s="56"/>
      <c r="M81" s="56"/>
      <c r="N81" s="56"/>
      <c r="O81" s="56"/>
      <c r="P81" s="56"/>
      <c r="Q81" s="56"/>
      <c r="R81" s="56"/>
      <c r="S81" s="56"/>
      <c r="T81" s="56"/>
      <c r="U81" s="56"/>
      <c r="V81" s="56"/>
      <c r="W81" s="56"/>
      <c r="X81" s="56"/>
      <c r="Y81" s="56"/>
      <c r="Z81" s="56"/>
      <c r="AA81" s="56"/>
      <c r="AB81" s="56"/>
      <c r="AC81" s="56"/>
      <c r="AD81" s="56"/>
      <c r="AE81" s="56"/>
      <c r="AF81" s="56"/>
    </row>
    <row r="82" spans="3:32" x14ac:dyDescent="0.2">
      <c r="C82" s="56"/>
      <c r="D82" s="56"/>
      <c r="E82" s="56"/>
      <c r="F82" s="56"/>
      <c r="G82" s="56"/>
      <c r="H82" s="56"/>
      <c r="I82" s="56"/>
      <c r="J82" s="56"/>
      <c r="K82" s="56"/>
      <c r="L82" s="56"/>
      <c r="M82" s="56"/>
      <c r="N82" s="56"/>
      <c r="O82" s="56"/>
      <c r="P82" s="56"/>
      <c r="Q82" s="56"/>
      <c r="R82" s="56"/>
      <c r="S82" s="56"/>
      <c r="T82" s="56"/>
      <c r="U82" s="56"/>
      <c r="V82" s="56"/>
      <c r="W82" s="56"/>
      <c r="X82" s="56"/>
      <c r="Y82" s="56"/>
      <c r="Z82" s="56"/>
      <c r="AA82" s="56"/>
      <c r="AB82" s="56"/>
      <c r="AC82" s="56"/>
      <c r="AD82" s="56"/>
      <c r="AE82" s="56"/>
      <c r="AF82" s="56"/>
    </row>
    <row r="83" spans="3:32" x14ac:dyDescent="0.2">
      <c r="C83" s="56"/>
      <c r="D83" s="56"/>
      <c r="E83" s="56"/>
      <c r="F83" s="56"/>
      <c r="G83" s="56"/>
      <c r="H83" s="56"/>
      <c r="I83" s="56"/>
      <c r="J83" s="56"/>
      <c r="K83" s="56"/>
      <c r="L83" s="56"/>
      <c r="M83" s="56"/>
      <c r="N83" s="56"/>
      <c r="O83" s="56"/>
      <c r="P83" s="56"/>
      <c r="Q83" s="56"/>
      <c r="R83" s="56"/>
      <c r="S83" s="56"/>
      <c r="T83" s="56"/>
      <c r="U83" s="56"/>
      <c r="V83" s="56"/>
      <c r="W83" s="56"/>
      <c r="X83" s="56"/>
      <c r="Y83" s="56"/>
      <c r="Z83" s="56"/>
      <c r="AA83" s="56"/>
      <c r="AB83" s="56"/>
      <c r="AC83" s="56"/>
      <c r="AD83" s="56"/>
      <c r="AE83" s="56"/>
      <c r="AF83" s="56"/>
    </row>
    <row r="84" spans="3:32" x14ac:dyDescent="0.2">
      <c r="C84" s="56"/>
      <c r="D84" s="56"/>
      <c r="E84" s="56"/>
      <c r="F84" s="56"/>
      <c r="G84" s="56"/>
      <c r="H84" s="56"/>
      <c r="I84" s="56"/>
      <c r="J84" s="56"/>
      <c r="K84" s="56"/>
      <c r="L84" s="56"/>
      <c r="M84" s="56"/>
      <c r="N84" s="56"/>
      <c r="O84" s="56"/>
      <c r="P84" s="56"/>
      <c r="Q84" s="56"/>
      <c r="R84" s="56"/>
      <c r="S84" s="56"/>
      <c r="T84" s="56"/>
      <c r="U84" s="56"/>
      <c r="V84" s="56"/>
      <c r="W84" s="56"/>
      <c r="X84" s="56"/>
      <c r="Y84" s="56"/>
      <c r="Z84" s="56"/>
      <c r="AA84" s="56"/>
      <c r="AB84" s="56"/>
      <c r="AC84" s="56"/>
      <c r="AD84" s="56"/>
      <c r="AE84" s="56"/>
      <c r="AF84" s="56"/>
    </row>
    <row r="85" spans="3:32" x14ac:dyDescent="0.2">
      <c r="C85" s="56"/>
      <c r="D85" s="56"/>
      <c r="E85" s="56"/>
      <c r="F85" s="56"/>
      <c r="G85" s="56"/>
      <c r="H85" s="56"/>
      <c r="I85" s="56"/>
      <c r="J85" s="56"/>
      <c r="K85" s="56"/>
      <c r="L85" s="56"/>
      <c r="M85" s="56"/>
      <c r="N85" s="56"/>
      <c r="O85" s="56"/>
      <c r="P85" s="56"/>
      <c r="Q85" s="56"/>
      <c r="R85" s="56"/>
      <c r="S85" s="56"/>
      <c r="T85" s="56"/>
      <c r="U85" s="56"/>
      <c r="V85" s="56"/>
      <c r="W85" s="56"/>
      <c r="X85" s="56"/>
      <c r="Y85" s="56"/>
      <c r="Z85" s="56"/>
      <c r="AA85" s="56"/>
      <c r="AB85" s="56"/>
      <c r="AC85" s="56"/>
      <c r="AD85" s="56"/>
      <c r="AE85" s="56"/>
      <c r="AF85" s="56"/>
    </row>
    <row r="86" spans="3:32" x14ac:dyDescent="0.2">
      <c r="C86" s="56"/>
      <c r="D86" s="56"/>
      <c r="E86" s="56"/>
      <c r="F86" s="56"/>
      <c r="G86" s="56"/>
      <c r="H86" s="56"/>
      <c r="I86" s="56"/>
      <c r="J86" s="56"/>
      <c r="K86" s="56"/>
      <c r="L86" s="56"/>
      <c r="M86" s="56"/>
      <c r="N86" s="56"/>
      <c r="O86" s="56"/>
      <c r="P86" s="56"/>
      <c r="Q86" s="56"/>
      <c r="R86" s="56"/>
      <c r="S86" s="56"/>
      <c r="T86" s="56"/>
      <c r="U86" s="56"/>
      <c r="V86" s="56"/>
      <c r="W86" s="56"/>
      <c r="X86" s="56"/>
      <c r="Y86" s="56"/>
      <c r="Z86" s="56"/>
      <c r="AA86" s="56"/>
      <c r="AB86" s="56"/>
      <c r="AC86" s="56"/>
      <c r="AD86" s="56"/>
      <c r="AE86" s="56"/>
      <c r="AF86" s="56"/>
    </row>
    <row r="87" spans="3:32" x14ac:dyDescent="0.2">
      <c r="C87" s="56"/>
      <c r="D87" s="56"/>
      <c r="E87" s="56"/>
      <c r="F87" s="56"/>
      <c r="G87" s="56"/>
      <c r="H87" s="56"/>
      <c r="I87" s="56"/>
      <c r="J87" s="56"/>
      <c r="K87" s="56"/>
      <c r="L87" s="56"/>
      <c r="M87" s="56"/>
      <c r="N87" s="56"/>
      <c r="O87" s="56"/>
      <c r="P87" s="56"/>
      <c r="Q87" s="56"/>
      <c r="R87" s="56"/>
      <c r="S87" s="56"/>
      <c r="T87" s="56"/>
      <c r="U87" s="56"/>
      <c r="V87" s="56"/>
      <c r="W87" s="56"/>
      <c r="X87" s="56"/>
      <c r="Y87" s="56"/>
      <c r="Z87" s="56"/>
      <c r="AA87" s="56"/>
      <c r="AB87" s="56"/>
      <c r="AC87" s="56"/>
      <c r="AD87" s="56"/>
      <c r="AE87" s="56"/>
      <c r="AF87" s="56"/>
    </row>
    <row r="88" spans="3:32" x14ac:dyDescent="0.2">
      <c r="C88" s="56"/>
      <c r="D88" s="56"/>
      <c r="E88" s="56"/>
      <c r="F88" s="56"/>
      <c r="G88" s="56"/>
      <c r="H88" s="56"/>
      <c r="I88" s="56"/>
      <c r="J88" s="56"/>
      <c r="K88" s="56"/>
      <c r="L88" s="56"/>
      <c r="M88" s="56"/>
      <c r="N88" s="56"/>
      <c r="O88" s="56"/>
      <c r="P88" s="56"/>
      <c r="Q88" s="56"/>
      <c r="R88" s="56"/>
      <c r="S88" s="56"/>
      <c r="T88" s="56"/>
      <c r="U88" s="56"/>
      <c r="V88" s="56"/>
      <c r="W88" s="56"/>
      <c r="X88" s="56"/>
      <c r="Y88" s="56"/>
      <c r="Z88" s="56"/>
      <c r="AA88" s="56"/>
      <c r="AB88" s="56"/>
      <c r="AC88" s="56"/>
      <c r="AD88" s="56"/>
      <c r="AE88" s="56"/>
      <c r="AF88" s="56"/>
    </row>
    <row r="89" spans="3:32" x14ac:dyDescent="0.2">
      <c r="C89" s="56"/>
      <c r="D89" s="56"/>
      <c r="E89" s="56"/>
      <c r="F89" s="56"/>
      <c r="G89" s="56"/>
      <c r="H89" s="56"/>
      <c r="I89" s="56"/>
      <c r="J89" s="56"/>
      <c r="K89" s="56"/>
      <c r="L89" s="56"/>
      <c r="M89" s="56"/>
      <c r="N89" s="56"/>
      <c r="O89" s="56"/>
      <c r="P89" s="56"/>
      <c r="Q89" s="56"/>
      <c r="R89" s="56"/>
      <c r="S89" s="56"/>
      <c r="T89" s="56"/>
      <c r="U89" s="56"/>
      <c r="V89" s="56"/>
      <c r="W89" s="56"/>
      <c r="X89" s="56"/>
      <c r="Y89" s="56"/>
      <c r="Z89" s="56"/>
      <c r="AA89" s="56"/>
      <c r="AB89" s="56"/>
      <c r="AC89" s="56"/>
      <c r="AD89" s="56"/>
      <c r="AE89" s="56"/>
      <c r="AF89" s="56"/>
    </row>
    <row r="90" spans="3:32" x14ac:dyDescent="0.2">
      <c r="C90" s="56"/>
      <c r="D90" s="56"/>
      <c r="E90" s="56"/>
      <c r="F90" s="56"/>
      <c r="G90" s="56"/>
      <c r="H90" s="56"/>
      <c r="I90" s="56"/>
      <c r="J90" s="56"/>
      <c r="K90" s="56"/>
      <c r="L90" s="56"/>
      <c r="M90" s="56"/>
      <c r="N90" s="56"/>
      <c r="O90" s="56"/>
      <c r="P90" s="56"/>
      <c r="Q90" s="56"/>
      <c r="R90" s="56"/>
      <c r="S90" s="56"/>
      <c r="T90" s="56"/>
      <c r="U90" s="56"/>
      <c r="V90" s="56"/>
      <c r="W90" s="56"/>
      <c r="X90" s="56"/>
      <c r="Y90" s="56"/>
      <c r="Z90" s="56"/>
      <c r="AA90" s="56"/>
      <c r="AB90" s="56"/>
      <c r="AC90" s="56"/>
      <c r="AD90" s="56"/>
      <c r="AE90" s="56"/>
      <c r="AF90" s="56"/>
    </row>
    <row r="91" spans="3:32" x14ac:dyDescent="0.2">
      <c r="C91" s="56"/>
      <c r="D91" s="56"/>
      <c r="E91" s="56"/>
      <c r="F91" s="56"/>
      <c r="G91" s="56"/>
      <c r="H91" s="56"/>
      <c r="I91" s="56"/>
      <c r="J91" s="56"/>
      <c r="K91" s="56"/>
      <c r="L91" s="56"/>
      <c r="M91" s="56"/>
      <c r="N91" s="56"/>
      <c r="O91" s="56"/>
      <c r="P91" s="56"/>
      <c r="Q91" s="56"/>
      <c r="R91" s="56"/>
      <c r="S91" s="56"/>
      <c r="T91" s="56"/>
      <c r="U91" s="56"/>
      <c r="V91" s="56"/>
      <c r="W91" s="56"/>
      <c r="X91" s="56"/>
      <c r="Y91" s="56"/>
      <c r="Z91" s="56"/>
      <c r="AA91" s="56"/>
      <c r="AB91" s="56"/>
      <c r="AC91" s="56"/>
      <c r="AD91" s="56"/>
      <c r="AE91" s="56"/>
      <c r="AF91" s="56"/>
    </row>
    <row r="92" spans="3:32" x14ac:dyDescent="0.2">
      <c r="C92" s="56"/>
      <c r="D92" s="56"/>
      <c r="E92" s="56"/>
      <c r="F92" s="56"/>
      <c r="G92" s="56"/>
      <c r="H92" s="56"/>
      <c r="I92" s="56"/>
      <c r="J92" s="56"/>
      <c r="K92" s="56"/>
      <c r="L92" s="56"/>
      <c r="M92" s="56"/>
      <c r="N92" s="56"/>
      <c r="O92" s="56"/>
      <c r="P92" s="56"/>
      <c r="Q92" s="56"/>
      <c r="R92" s="56"/>
      <c r="S92" s="56"/>
      <c r="T92" s="56"/>
      <c r="U92" s="56"/>
      <c r="V92" s="56"/>
      <c r="W92" s="56"/>
      <c r="X92" s="56"/>
      <c r="Y92" s="56"/>
      <c r="Z92" s="56"/>
      <c r="AA92" s="56"/>
      <c r="AB92" s="56"/>
      <c r="AC92" s="56"/>
      <c r="AD92" s="56"/>
      <c r="AE92" s="56"/>
      <c r="AF92" s="56"/>
    </row>
    <row r="93" spans="3:32" x14ac:dyDescent="0.2">
      <c r="C93" s="56"/>
      <c r="D93" s="56"/>
      <c r="E93" s="56"/>
      <c r="F93" s="56"/>
      <c r="G93" s="56"/>
      <c r="H93" s="56"/>
      <c r="I93" s="56"/>
      <c r="J93" s="56"/>
      <c r="K93" s="56"/>
      <c r="L93" s="56"/>
      <c r="M93" s="56"/>
      <c r="N93" s="56"/>
      <c r="O93" s="56"/>
      <c r="P93" s="56"/>
      <c r="Q93" s="56"/>
      <c r="R93" s="56"/>
      <c r="S93" s="56"/>
      <c r="T93" s="56"/>
      <c r="U93" s="56"/>
      <c r="V93" s="56"/>
      <c r="W93" s="56"/>
      <c r="X93" s="56"/>
      <c r="Y93" s="56"/>
      <c r="Z93" s="56"/>
      <c r="AA93" s="56"/>
      <c r="AB93" s="56"/>
      <c r="AC93" s="56"/>
      <c r="AD93" s="56"/>
      <c r="AE93" s="56"/>
      <c r="AF93" s="56"/>
    </row>
    <row r="94" spans="3:32" x14ac:dyDescent="0.2">
      <c r="C94" s="56"/>
      <c r="D94" s="56"/>
      <c r="E94" s="56"/>
      <c r="F94" s="56"/>
      <c r="G94" s="56"/>
      <c r="H94" s="56"/>
      <c r="I94" s="56"/>
      <c r="J94" s="56"/>
      <c r="K94" s="56"/>
      <c r="L94" s="56"/>
      <c r="M94" s="56"/>
      <c r="N94" s="56"/>
      <c r="O94" s="56"/>
      <c r="P94" s="56"/>
      <c r="Q94" s="56"/>
      <c r="R94" s="56"/>
      <c r="S94" s="56"/>
      <c r="T94" s="56"/>
      <c r="U94" s="56"/>
      <c r="V94" s="56"/>
      <c r="W94" s="56"/>
      <c r="X94" s="56"/>
      <c r="Y94" s="56"/>
      <c r="Z94" s="56"/>
      <c r="AA94" s="56"/>
      <c r="AB94" s="56"/>
      <c r="AC94" s="56"/>
      <c r="AD94" s="56"/>
      <c r="AE94" s="56"/>
      <c r="AF94" s="56"/>
    </row>
    <row r="95" spans="3:32" x14ac:dyDescent="0.2">
      <c r="C95" s="56"/>
      <c r="D95" s="56"/>
      <c r="E95" s="56"/>
      <c r="F95" s="56"/>
      <c r="G95" s="56"/>
      <c r="H95" s="56"/>
      <c r="I95" s="56"/>
      <c r="J95" s="56"/>
      <c r="K95" s="56"/>
      <c r="L95" s="56"/>
      <c r="M95" s="56"/>
      <c r="N95" s="56"/>
      <c r="O95" s="56"/>
      <c r="P95" s="56"/>
      <c r="Q95" s="56"/>
      <c r="R95" s="56"/>
      <c r="S95" s="56"/>
      <c r="T95" s="56"/>
      <c r="U95" s="56"/>
      <c r="V95" s="56"/>
      <c r="W95" s="56"/>
      <c r="X95" s="56"/>
      <c r="Y95" s="56"/>
      <c r="Z95" s="56"/>
      <c r="AA95" s="56"/>
      <c r="AB95" s="56"/>
      <c r="AC95" s="56"/>
      <c r="AD95" s="56"/>
      <c r="AE95" s="56"/>
      <c r="AF95" s="56"/>
    </row>
    <row r="96" spans="3:32" x14ac:dyDescent="0.2">
      <c r="C96" s="56"/>
      <c r="D96" s="56"/>
      <c r="E96" s="56"/>
      <c r="F96" s="56"/>
      <c r="G96" s="56"/>
      <c r="H96" s="56"/>
      <c r="I96" s="56"/>
      <c r="J96" s="56"/>
      <c r="K96" s="56"/>
      <c r="L96" s="56"/>
      <c r="M96" s="56"/>
      <c r="N96" s="56"/>
      <c r="O96" s="56"/>
      <c r="P96" s="56"/>
      <c r="Q96" s="56"/>
      <c r="R96" s="56"/>
      <c r="S96" s="56"/>
      <c r="T96" s="56"/>
      <c r="U96" s="56"/>
      <c r="V96" s="56"/>
      <c r="W96" s="56"/>
      <c r="X96" s="56"/>
      <c r="Y96" s="56"/>
      <c r="Z96" s="56"/>
      <c r="AA96" s="56"/>
      <c r="AB96" s="56"/>
      <c r="AC96" s="56"/>
      <c r="AD96" s="56"/>
      <c r="AE96" s="56"/>
      <c r="AF96" s="56"/>
    </row>
    <row r="97" spans="3:32" x14ac:dyDescent="0.2">
      <c r="C97" s="56"/>
      <c r="D97" s="56"/>
      <c r="E97" s="56"/>
      <c r="F97" s="56"/>
      <c r="G97" s="56"/>
      <c r="H97" s="56"/>
      <c r="I97" s="56"/>
      <c r="J97" s="56"/>
      <c r="K97" s="56"/>
      <c r="L97" s="56"/>
      <c r="M97" s="56"/>
      <c r="N97" s="56"/>
      <c r="O97" s="56"/>
      <c r="P97" s="56"/>
      <c r="Q97" s="56"/>
      <c r="R97" s="56"/>
      <c r="S97" s="56"/>
      <c r="T97" s="56"/>
      <c r="U97" s="56"/>
      <c r="V97" s="56"/>
      <c r="W97" s="56"/>
      <c r="X97" s="56"/>
      <c r="Y97" s="56"/>
      <c r="Z97" s="56"/>
      <c r="AA97" s="56"/>
      <c r="AB97" s="56"/>
      <c r="AC97" s="56"/>
      <c r="AD97" s="56"/>
      <c r="AE97" s="56"/>
      <c r="AF97" s="56"/>
    </row>
    <row r="98" spans="3:32" x14ac:dyDescent="0.2">
      <c r="C98" s="56"/>
      <c r="D98" s="56"/>
      <c r="E98" s="56"/>
      <c r="F98" s="56"/>
      <c r="G98" s="56"/>
      <c r="H98" s="56"/>
      <c r="I98" s="56"/>
      <c r="J98" s="56"/>
      <c r="K98" s="56"/>
      <c r="L98" s="56"/>
      <c r="M98" s="56"/>
      <c r="N98" s="56"/>
      <c r="O98" s="56"/>
      <c r="P98" s="56"/>
      <c r="Q98" s="56"/>
      <c r="R98" s="56"/>
      <c r="S98" s="56"/>
      <c r="T98" s="56"/>
      <c r="U98" s="56"/>
      <c r="V98" s="56"/>
      <c r="W98" s="56"/>
      <c r="X98" s="56"/>
      <c r="Y98" s="56"/>
      <c r="Z98" s="56"/>
      <c r="AA98" s="56"/>
      <c r="AB98" s="56"/>
      <c r="AC98" s="56"/>
      <c r="AD98" s="56"/>
      <c r="AE98" s="56"/>
      <c r="AF98" s="56"/>
    </row>
    <row r="99" spans="3:32" x14ac:dyDescent="0.2">
      <c r="C99" s="56"/>
      <c r="D99" s="56"/>
      <c r="E99" s="56"/>
      <c r="F99" s="56"/>
      <c r="G99" s="56"/>
      <c r="H99" s="56"/>
      <c r="I99" s="56"/>
      <c r="J99" s="56"/>
      <c r="K99" s="56"/>
      <c r="L99" s="56"/>
      <c r="M99" s="56"/>
      <c r="N99" s="56"/>
      <c r="O99" s="56"/>
      <c r="P99" s="56"/>
      <c r="Q99" s="56"/>
      <c r="R99" s="56"/>
      <c r="S99" s="56"/>
      <c r="T99" s="56"/>
      <c r="U99" s="56"/>
      <c r="V99" s="56"/>
      <c r="W99" s="56"/>
      <c r="X99" s="56"/>
      <c r="Y99" s="56"/>
      <c r="Z99" s="56"/>
      <c r="AA99" s="56"/>
      <c r="AB99" s="56"/>
      <c r="AC99" s="56"/>
      <c r="AD99" s="56"/>
      <c r="AE99" s="56"/>
      <c r="AF99" s="56"/>
    </row>
    <row r="100" spans="3:32" x14ac:dyDescent="0.2">
      <c r="C100" s="56"/>
      <c r="D100" s="56"/>
      <c r="E100" s="56"/>
      <c r="F100" s="56"/>
      <c r="G100" s="56"/>
      <c r="H100" s="56"/>
      <c r="I100" s="56"/>
      <c r="J100" s="56"/>
      <c r="K100" s="56"/>
      <c r="L100" s="56"/>
      <c r="M100" s="56"/>
      <c r="N100" s="56"/>
      <c r="O100" s="56"/>
      <c r="P100" s="56"/>
      <c r="Q100" s="56"/>
      <c r="R100" s="56"/>
      <c r="S100" s="56"/>
      <c r="T100" s="56"/>
      <c r="U100" s="56"/>
      <c r="V100" s="56"/>
      <c r="W100" s="56"/>
      <c r="X100" s="56"/>
      <c r="Y100" s="56"/>
      <c r="Z100" s="56"/>
      <c r="AA100" s="56"/>
      <c r="AB100" s="56"/>
      <c r="AC100" s="56"/>
      <c r="AD100" s="56"/>
      <c r="AE100" s="56"/>
      <c r="AF100" s="56"/>
    </row>
    <row r="101" spans="3:32" x14ac:dyDescent="0.2">
      <c r="C101" s="56"/>
      <c r="D101" s="56"/>
      <c r="E101" s="56"/>
      <c r="F101" s="56"/>
      <c r="G101" s="56"/>
      <c r="H101" s="56"/>
      <c r="I101" s="56"/>
      <c r="J101" s="56"/>
      <c r="K101" s="56"/>
      <c r="L101" s="56"/>
      <c r="M101" s="56"/>
      <c r="N101" s="56"/>
      <c r="O101" s="56"/>
      <c r="P101" s="56"/>
      <c r="Q101" s="56"/>
      <c r="R101" s="56"/>
      <c r="S101" s="56"/>
      <c r="T101" s="56"/>
      <c r="U101" s="56"/>
      <c r="V101" s="56"/>
      <c r="W101" s="56"/>
      <c r="X101" s="56"/>
      <c r="Y101" s="56"/>
      <c r="Z101" s="56"/>
      <c r="AA101" s="56"/>
      <c r="AB101" s="56"/>
      <c r="AC101" s="56"/>
      <c r="AD101" s="56"/>
      <c r="AE101" s="56"/>
      <c r="AF101" s="56"/>
    </row>
    <row r="102" spans="3:32" x14ac:dyDescent="0.2">
      <c r="C102" s="56"/>
      <c r="D102" s="56"/>
      <c r="E102" s="56"/>
      <c r="F102" s="56"/>
      <c r="G102" s="56"/>
      <c r="H102" s="56"/>
      <c r="I102" s="56"/>
      <c r="J102" s="56"/>
      <c r="K102" s="56"/>
      <c r="L102" s="56"/>
      <c r="M102" s="56"/>
      <c r="N102" s="56"/>
      <c r="O102" s="56"/>
      <c r="P102" s="56"/>
      <c r="Q102" s="56"/>
      <c r="R102" s="56"/>
      <c r="S102" s="56"/>
      <c r="T102" s="56"/>
      <c r="U102" s="56"/>
      <c r="V102" s="56"/>
      <c r="W102" s="56"/>
      <c r="X102" s="56"/>
      <c r="Y102" s="56"/>
      <c r="Z102" s="56"/>
      <c r="AA102" s="56"/>
      <c r="AB102" s="56"/>
      <c r="AC102" s="56"/>
      <c r="AD102" s="56"/>
      <c r="AE102" s="56"/>
      <c r="AF102" s="56"/>
    </row>
    <row r="103" spans="3:32" x14ac:dyDescent="0.2">
      <c r="C103" s="56"/>
      <c r="D103" s="56"/>
      <c r="E103" s="56"/>
      <c r="F103" s="56"/>
      <c r="G103" s="56"/>
      <c r="H103" s="56"/>
      <c r="I103" s="56"/>
      <c r="J103" s="56"/>
      <c r="K103" s="56"/>
      <c r="L103" s="56"/>
      <c r="M103" s="56"/>
      <c r="N103" s="56"/>
      <c r="O103" s="56"/>
      <c r="P103" s="56"/>
      <c r="Q103" s="56"/>
      <c r="R103" s="56"/>
      <c r="S103" s="56"/>
      <c r="T103" s="56"/>
      <c r="U103" s="56"/>
      <c r="V103" s="56"/>
      <c r="W103" s="56"/>
      <c r="X103" s="56"/>
      <c r="Y103" s="56"/>
      <c r="Z103" s="56"/>
      <c r="AA103" s="56"/>
      <c r="AB103" s="56"/>
      <c r="AC103" s="56"/>
      <c r="AD103" s="56"/>
      <c r="AE103" s="56"/>
      <c r="AF103" s="56"/>
    </row>
    <row r="104" spans="3:32" x14ac:dyDescent="0.2">
      <c r="C104" s="56"/>
      <c r="D104" s="56"/>
      <c r="E104" s="56"/>
      <c r="F104" s="56"/>
      <c r="G104" s="56"/>
      <c r="H104" s="56"/>
      <c r="I104" s="56"/>
      <c r="J104" s="56"/>
      <c r="K104" s="56"/>
      <c r="L104" s="56"/>
      <c r="M104" s="56"/>
      <c r="N104" s="56"/>
      <c r="O104" s="56"/>
      <c r="P104" s="56"/>
      <c r="Q104" s="56"/>
      <c r="R104" s="56"/>
      <c r="S104" s="56"/>
      <c r="T104" s="56"/>
      <c r="U104" s="56"/>
      <c r="V104" s="56"/>
      <c r="W104" s="56"/>
      <c r="X104" s="56"/>
      <c r="Y104" s="56"/>
      <c r="Z104" s="56"/>
      <c r="AA104" s="56"/>
      <c r="AB104" s="56"/>
      <c r="AC104" s="56"/>
      <c r="AD104" s="56"/>
      <c r="AE104" s="56"/>
      <c r="AF104" s="56"/>
    </row>
    <row r="105" spans="3:32" x14ac:dyDescent="0.2">
      <c r="C105" s="56"/>
      <c r="D105" s="56"/>
      <c r="E105" s="56"/>
      <c r="F105" s="56"/>
      <c r="G105" s="56"/>
      <c r="H105" s="56"/>
      <c r="I105" s="56"/>
      <c r="J105" s="56"/>
      <c r="K105" s="56"/>
      <c r="L105" s="56"/>
      <c r="M105" s="56"/>
      <c r="N105" s="56"/>
      <c r="O105" s="56"/>
      <c r="P105" s="56"/>
      <c r="Q105" s="56"/>
      <c r="R105" s="56"/>
      <c r="S105" s="56"/>
      <c r="T105" s="56"/>
      <c r="U105" s="56"/>
      <c r="V105" s="56"/>
      <c r="W105" s="56"/>
      <c r="X105" s="56"/>
      <c r="Y105" s="56"/>
      <c r="Z105" s="56"/>
      <c r="AA105" s="56"/>
      <c r="AB105" s="56"/>
      <c r="AC105" s="56"/>
      <c r="AD105" s="56"/>
      <c r="AE105" s="56"/>
      <c r="AF105" s="56"/>
    </row>
    <row r="106" spans="3:32" x14ac:dyDescent="0.2">
      <c r="C106" s="56"/>
      <c r="D106" s="56"/>
      <c r="E106" s="56"/>
      <c r="F106" s="56"/>
      <c r="G106" s="56"/>
      <c r="H106" s="56"/>
      <c r="I106" s="56"/>
      <c r="J106" s="56"/>
      <c r="K106" s="56"/>
      <c r="L106" s="56"/>
      <c r="M106" s="56"/>
      <c r="N106" s="56"/>
      <c r="O106" s="56"/>
      <c r="P106" s="56"/>
      <c r="Q106" s="56"/>
      <c r="R106" s="56"/>
      <c r="S106" s="56"/>
      <c r="T106" s="56"/>
      <c r="U106" s="56"/>
      <c r="V106" s="56"/>
      <c r="W106" s="56"/>
      <c r="X106" s="56"/>
      <c r="Y106" s="56"/>
      <c r="Z106" s="56"/>
      <c r="AA106" s="56"/>
      <c r="AB106" s="56"/>
      <c r="AC106" s="56"/>
      <c r="AD106" s="56"/>
      <c r="AE106" s="56"/>
      <c r="AF106" s="56"/>
    </row>
    <row r="107" spans="3:32" x14ac:dyDescent="0.2">
      <c r="C107" s="56"/>
      <c r="D107" s="56"/>
      <c r="E107" s="56"/>
      <c r="F107" s="56"/>
      <c r="G107" s="56"/>
      <c r="H107" s="56"/>
      <c r="I107" s="56"/>
      <c r="J107" s="56"/>
      <c r="K107" s="56"/>
      <c r="L107" s="56"/>
      <c r="M107" s="56"/>
      <c r="N107" s="56"/>
      <c r="O107" s="56"/>
      <c r="P107" s="56"/>
      <c r="Q107" s="56"/>
      <c r="R107" s="56"/>
      <c r="S107" s="56"/>
      <c r="T107" s="56"/>
      <c r="U107" s="56"/>
      <c r="V107" s="56"/>
      <c r="W107" s="56"/>
      <c r="X107" s="56"/>
      <c r="Y107" s="56"/>
      <c r="Z107" s="56"/>
      <c r="AA107" s="56"/>
      <c r="AB107" s="56"/>
      <c r="AC107" s="56"/>
      <c r="AD107" s="56"/>
      <c r="AE107" s="56"/>
      <c r="AF107" s="56"/>
    </row>
    <row r="108" spans="3:32" x14ac:dyDescent="0.2">
      <c r="C108" s="56"/>
      <c r="D108" s="56"/>
      <c r="E108" s="56"/>
      <c r="F108" s="56"/>
      <c r="G108" s="56"/>
      <c r="H108" s="56"/>
      <c r="I108" s="56"/>
      <c r="J108" s="56"/>
      <c r="K108" s="56"/>
      <c r="L108" s="56"/>
      <c r="M108" s="56"/>
      <c r="N108" s="56"/>
      <c r="O108" s="56"/>
      <c r="P108" s="56"/>
      <c r="Q108" s="56"/>
      <c r="R108" s="56"/>
      <c r="S108" s="56"/>
      <c r="T108" s="56"/>
      <c r="U108" s="56"/>
      <c r="V108" s="56"/>
      <c r="W108" s="56"/>
      <c r="X108" s="56"/>
      <c r="Y108" s="56"/>
      <c r="Z108" s="56"/>
      <c r="AA108" s="56"/>
      <c r="AB108" s="56"/>
      <c r="AC108" s="56"/>
      <c r="AD108" s="56"/>
      <c r="AE108" s="56"/>
      <c r="AF108" s="56"/>
    </row>
    <row r="109" spans="3:32" x14ac:dyDescent="0.2">
      <c r="C109" s="56"/>
      <c r="D109" s="56"/>
      <c r="E109" s="56"/>
      <c r="F109" s="56"/>
      <c r="G109" s="56"/>
      <c r="H109" s="56"/>
      <c r="I109" s="56"/>
      <c r="J109" s="56"/>
      <c r="K109" s="56"/>
      <c r="L109" s="56"/>
      <c r="M109" s="56"/>
      <c r="N109" s="56"/>
      <c r="O109" s="56"/>
      <c r="P109" s="56"/>
      <c r="Q109" s="56"/>
      <c r="R109" s="56"/>
      <c r="S109" s="56"/>
      <c r="T109" s="56"/>
      <c r="U109" s="56"/>
      <c r="V109" s="56"/>
      <c r="W109" s="56"/>
      <c r="X109" s="56"/>
      <c r="Y109" s="56"/>
      <c r="Z109" s="56"/>
      <c r="AA109" s="56"/>
      <c r="AB109" s="56"/>
      <c r="AC109" s="56"/>
      <c r="AD109" s="56"/>
      <c r="AE109" s="56"/>
      <c r="AF109" s="56"/>
    </row>
    <row r="110" spans="3:32" x14ac:dyDescent="0.2">
      <c r="C110" s="56"/>
      <c r="D110" s="56"/>
      <c r="E110" s="56"/>
      <c r="F110" s="56"/>
      <c r="G110" s="56"/>
      <c r="H110" s="56"/>
      <c r="I110" s="56"/>
      <c r="J110" s="56"/>
      <c r="K110" s="56"/>
      <c r="L110" s="56"/>
      <c r="M110" s="56"/>
      <c r="N110" s="56"/>
      <c r="O110" s="56"/>
      <c r="P110" s="56"/>
      <c r="Q110" s="56"/>
      <c r="R110" s="56"/>
      <c r="S110" s="56"/>
      <c r="T110" s="56"/>
      <c r="U110" s="56"/>
      <c r="V110" s="56"/>
      <c r="W110" s="56"/>
      <c r="X110" s="56"/>
      <c r="Y110" s="56"/>
      <c r="Z110" s="56"/>
      <c r="AA110" s="56"/>
      <c r="AB110" s="56"/>
      <c r="AC110" s="56"/>
      <c r="AD110" s="56"/>
      <c r="AE110" s="56"/>
      <c r="AF110" s="56"/>
    </row>
    <row r="111" spans="3:32" x14ac:dyDescent="0.2">
      <c r="C111" s="56"/>
      <c r="D111" s="56"/>
      <c r="E111" s="56"/>
      <c r="F111" s="56"/>
      <c r="G111" s="56"/>
      <c r="H111" s="56"/>
      <c r="I111" s="56"/>
      <c r="J111" s="56"/>
      <c r="K111" s="56"/>
      <c r="L111" s="56"/>
      <c r="M111" s="56"/>
      <c r="N111" s="56"/>
      <c r="O111" s="56"/>
      <c r="P111" s="56"/>
      <c r="Q111" s="56"/>
      <c r="R111" s="56"/>
      <c r="S111" s="56"/>
      <c r="T111" s="56"/>
      <c r="U111" s="56"/>
      <c r="V111" s="56"/>
      <c r="W111" s="56"/>
      <c r="X111" s="56"/>
      <c r="Y111" s="56"/>
      <c r="Z111" s="56"/>
      <c r="AA111" s="56"/>
      <c r="AB111" s="56"/>
      <c r="AC111" s="56"/>
      <c r="AD111" s="56"/>
      <c r="AE111" s="56"/>
      <c r="AF111" s="56"/>
    </row>
    <row r="112" spans="3:32" x14ac:dyDescent="0.2">
      <c r="C112" s="56"/>
      <c r="D112" s="56"/>
      <c r="E112" s="56"/>
      <c r="F112" s="56"/>
      <c r="G112" s="56"/>
      <c r="H112" s="56"/>
      <c r="I112" s="56"/>
      <c r="J112" s="56"/>
      <c r="K112" s="56"/>
      <c r="L112" s="56"/>
      <c r="M112" s="56"/>
      <c r="N112" s="56"/>
      <c r="O112" s="56"/>
      <c r="P112" s="56"/>
      <c r="Q112" s="56"/>
      <c r="R112" s="56"/>
      <c r="S112" s="56"/>
      <c r="T112" s="56"/>
      <c r="U112" s="56"/>
      <c r="V112" s="56"/>
      <c r="W112" s="56"/>
      <c r="X112" s="56"/>
      <c r="Y112" s="56"/>
      <c r="Z112" s="56"/>
      <c r="AA112" s="56"/>
      <c r="AB112" s="56"/>
      <c r="AC112" s="56"/>
      <c r="AD112" s="56"/>
      <c r="AE112" s="56"/>
      <c r="AF112" s="56"/>
    </row>
    <row r="113" spans="3:32" x14ac:dyDescent="0.2">
      <c r="C113" s="56"/>
      <c r="D113" s="56"/>
      <c r="E113" s="56"/>
      <c r="F113" s="56"/>
      <c r="G113" s="56"/>
      <c r="H113" s="56"/>
      <c r="I113" s="56"/>
      <c r="J113" s="56"/>
      <c r="K113" s="56"/>
      <c r="L113" s="56"/>
      <c r="M113" s="56"/>
      <c r="N113" s="56"/>
      <c r="O113" s="56"/>
      <c r="P113" s="56"/>
      <c r="Q113" s="56"/>
      <c r="R113" s="56"/>
      <c r="S113" s="56"/>
      <c r="T113" s="56"/>
      <c r="U113" s="56"/>
      <c r="V113" s="56"/>
      <c r="W113" s="56"/>
      <c r="X113" s="56"/>
      <c r="Y113" s="56"/>
      <c r="Z113" s="56"/>
      <c r="AA113" s="56"/>
      <c r="AB113" s="56"/>
      <c r="AC113" s="56"/>
      <c r="AD113" s="56"/>
      <c r="AE113" s="56"/>
      <c r="AF113" s="56"/>
    </row>
    <row r="114" spans="3:32" x14ac:dyDescent="0.2">
      <c r="C114" s="56"/>
      <c r="D114" s="56"/>
      <c r="E114" s="56"/>
      <c r="F114" s="56"/>
      <c r="G114" s="56"/>
      <c r="H114" s="56"/>
      <c r="I114" s="56"/>
      <c r="J114" s="56"/>
      <c r="K114" s="56"/>
      <c r="L114" s="56"/>
      <c r="M114" s="56"/>
      <c r="N114" s="56"/>
      <c r="O114" s="56"/>
      <c r="P114" s="56"/>
      <c r="Q114" s="56"/>
      <c r="R114" s="56"/>
      <c r="S114" s="56"/>
      <c r="T114" s="56"/>
      <c r="U114" s="56"/>
      <c r="V114" s="56"/>
      <c r="W114" s="56"/>
      <c r="X114" s="56"/>
      <c r="Y114" s="56"/>
      <c r="Z114" s="56"/>
      <c r="AA114" s="56"/>
      <c r="AB114" s="56"/>
      <c r="AC114" s="56"/>
      <c r="AD114" s="56"/>
      <c r="AE114" s="56"/>
      <c r="AF114" s="56"/>
    </row>
    <row r="115" spans="3:32" x14ac:dyDescent="0.2">
      <c r="C115" s="56"/>
      <c r="D115" s="56"/>
      <c r="E115" s="56"/>
      <c r="F115" s="56"/>
      <c r="G115" s="56"/>
      <c r="H115" s="56"/>
      <c r="I115" s="56"/>
      <c r="J115" s="56"/>
      <c r="K115" s="56"/>
      <c r="L115" s="56"/>
      <c r="M115" s="56"/>
      <c r="N115" s="56"/>
      <c r="O115" s="56"/>
      <c r="P115" s="56"/>
      <c r="Q115" s="56"/>
      <c r="R115" s="56"/>
      <c r="S115" s="56"/>
      <c r="T115" s="56"/>
      <c r="U115" s="56"/>
      <c r="V115" s="56"/>
      <c r="W115" s="56"/>
      <c r="X115" s="56"/>
      <c r="Y115" s="56"/>
      <c r="Z115" s="56"/>
      <c r="AA115" s="56"/>
      <c r="AB115" s="56"/>
      <c r="AC115" s="56"/>
      <c r="AD115" s="56"/>
      <c r="AE115" s="56"/>
      <c r="AF115" s="56"/>
    </row>
    <row r="116" spans="3:32" x14ac:dyDescent="0.2">
      <c r="C116" s="56"/>
      <c r="D116" s="56"/>
      <c r="E116" s="56"/>
      <c r="F116" s="56"/>
      <c r="G116" s="56"/>
      <c r="H116" s="56"/>
      <c r="I116" s="56"/>
      <c r="J116" s="56"/>
      <c r="K116" s="56"/>
      <c r="L116" s="56"/>
      <c r="M116" s="56"/>
      <c r="N116" s="56"/>
      <c r="O116" s="56"/>
      <c r="P116" s="56"/>
      <c r="Q116" s="56"/>
      <c r="R116" s="56"/>
      <c r="S116" s="56"/>
      <c r="T116" s="56"/>
      <c r="U116" s="56"/>
      <c r="V116" s="56"/>
      <c r="W116" s="56"/>
      <c r="X116" s="56"/>
      <c r="Y116" s="56"/>
      <c r="Z116" s="56"/>
      <c r="AA116" s="56"/>
      <c r="AB116" s="56"/>
      <c r="AC116" s="56"/>
      <c r="AD116" s="56"/>
      <c r="AE116" s="56"/>
      <c r="AF116" s="56"/>
    </row>
    <row r="117" spans="3:32" x14ac:dyDescent="0.2">
      <c r="C117" s="56"/>
      <c r="D117" s="56"/>
      <c r="E117" s="56"/>
      <c r="F117" s="56"/>
      <c r="G117" s="56"/>
      <c r="H117" s="56"/>
      <c r="I117" s="56"/>
      <c r="J117" s="56"/>
      <c r="K117" s="56"/>
      <c r="L117" s="56"/>
      <c r="M117" s="56"/>
      <c r="N117" s="56"/>
      <c r="O117" s="56"/>
      <c r="P117" s="56"/>
      <c r="Q117" s="56"/>
      <c r="R117" s="56"/>
      <c r="S117" s="56"/>
      <c r="T117" s="56"/>
      <c r="U117" s="56"/>
      <c r="V117" s="56"/>
      <c r="W117" s="56"/>
      <c r="X117" s="56"/>
      <c r="Y117" s="56"/>
      <c r="Z117" s="56"/>
      <c r="AA117" s="56"/>
      <c r="AB117" s="56"/>
      <c r="AC117" s="56"/>
      <c r="AD117" s="56"/>
      <c r="AE117" s="56"/>
      <c r="AF117" s="56"/>
    </row>
    <row r="118" spans="3:32" x14ac:dyDescent="0.2">
      <c r="C118" s="56"/>
      <c r="D118" s="56"/>
      <c r="E118" s="56"/>
      <c r="F118" s="56"/>
      <c r="G118" s="56"/>
      <c r="H118" s="56"/>
      <c r="I118" s="56"/>
      <c r="J118" s="56"/>
      <c r="K118" s="56"/>
      <c r="L118" s="56"/>
      <c r="M118" s="56"/>
      <c r="N118" s="56"/>
      <c r="O118" s="56"/>
      <c r="P118" s="56"/>
      <c r="Q118" s="56"/>
      <c r="R118" s="56"/>
      <c r="S118" s="56"/>
      <c r="T118" s="56"/>
      <c r="U118" s="56"/>
      <c r="V118" s="56"/>
      <c r="W118" s="56"/>
      <c r="X118" s="56"/>
      <c r="Y118" s="56"/>
      <c r="Z118" s="56"/>
      <c r="AA118" s="56"/>
      <c r="AB118" s="56"/>
      <c r="AC118" s="56"/>
      <c r="AD118" s="56"/>
      <c r="AE118" s="56"/>
      <c r="AF118" s="56"/>
    </row>
    <row r="119" spans="3:32" x14ac:dyDescent="0.2">
      <c r="C119" s="56"/>
      <c r="D119" s="56"/>
      <c r="E119" s="56"/>
      <c r="F119" s="56"/>
      <c r="G119" s="56"/>
      <c r="H119" s="56"/>
      <c r="I119" s="56"/>
      <c r="J119" s="56"/>
      <c r="K119" s="56"/>
      <c r="L119" s="56"/>
      <c r="M119" s="56"/>
      <c r="N119" s="56"/>
      <c r="O119" s="56"/>
      <c r="P119" s="56"/>
      <c r="Q119" s="56"/>
      <c r="R119" s="56"/>
      <c r="S119" s="56"/>
      <c r="T119" s="56"/>
      <c r="U119" s="56"/>
      <c r="V119" s="56"/>
      <c r="W119" s="56"/>
      <c r="X119" s="56"/>
      <c r="Y119" s="56"/>
      <c r="Z119" s="56"/>
      <c r="AA119" s="56"/>
      <c r="AB119" s="56"/>
      <c r="AC119" s="56"/>
      <c r="AD119" s="56"/>
      <c r="AE119" s="56"/>
      <c r="AF119" s="56"/>
    </row>
    <row r="120" spans="3:32" x14ac:dyDescent="0.2">
      <c r="C120" s="56"/>
      <c r="D120" s="56"/>
      <c r="E120" s="56"/>
      <c r="F120" s="56"/>
      <c r="G120" s="56"/>
      <c r="H120" s="56"/>
      <c r="I120" s="56"/>
      <c r="J120" s="56"/>
      <c r="K120" s="56"/>
      <c r="L120" s="56"/>
      <c r="M120" s="56"/>
      <c r="N120" s="56"/>
      <c r="O120" s="56"/>
      <c r="P120" s="56"/>
      <c r="Q120" s="56"/>
      <c r="R120" s="56"/>
      <c r="S120" s="56"/>
      <c r="T120" s="56"/>
      <c r="U120" s="56"/>
      <c r="V120" s="56"/>
      <c r="W120" s="56"/>
      <c r="X120" s="56"/>
      <c r="Y120" s="56"/>
      <c r="Z120" s="56"/>
      <c r="AA120" s="56"/>
      <c r="AB120" s="56"/>
      <c r="AC120" s="56"/>
      <c r="AD120" s="56"/>
      <c r="AE120" s="56"/>
      <c r="AF120" s="56"/>
    </row>
    <row r="121" spans="3:32" x14ac:dyDescent="0.2">
      <c r="C121" s="56"/>
      <c r="D121" s="56"/>
      <c r="E121" s="56"/>
      <c r="F121" s="56"/>
      <c r="G121" s="56"/>
      <c r="H121" s="56"/>
      <c r="I121" s="56"/>
      <c r="J121" s="56"/>
      <c r="K121" s="56"/>
      <c r="L121" s="56"/>
      <c r="M121" s="56"/>
      <c r="N121" s="56"/>
      <c r="O121" s="56"/>
      <c r="P121" s="56"/>
      <c r="Q121" s="56"/>
      <c r="R121" s="56"/>
      <c r="S121" s="56"/>
      <c r="T121" s="56"/>
      <c r="U121" s="56"/>
      <c r="V121" s="56"/>
      <c r="W121" s="56"/>
      <c r="X121" s="56"/>
      <c r="Y121" s="56"/>
      <c r="Z121" s="56"/>
      <c r="AA121" s="56"/>
      <c r="AB121" s="56"/>
      <c r="AC121" s="56"/>
      <c r="AD121" s="56"/>
      <c r="AE121" s="56"/>
      <c r="AF121" s="56"/>
    </row>
    <row r="122" spans="3:32" x14ac:dyDescent="0.2">
      <c r="C122" s="56"/>
      <c r="D122" s="56"/>
      <c r="E122" s="56"/>
      <c r="F122" s="56"/>
      <c r="G122" s="56"/>
      <c r="H122" s="56"/>
      <c r="I122" s="56"/>
      <c r="J122" s="56"/>
      <c r="K122" s="56"/>
      <c r="L122" s="56"/>
      <c r="M122" s="56"/>
      <c r="N122" s="56"/>
      <c r="O122" s="56"/>
      <c r="P122" s="56"/>
      <c r="Q122" s="56"/>
      <c r="R122" s="56"/>
      <c r="S122" s="56"/>
      <c r="T122" s="56"/>
      <c r="U122" s="56"/>
      <c r="V122" s="56"/>
      <c r="W122" s="56"/>
      <c r="X122" s="56"/>
      <c r="Y122" s="56"/>
      <c r="Z122" s="56"/>
      <c r="AA122" s="56"/>
      <c r="AB122" s="56"/>
      <c r="AC122" s="56"/>
      <c r="AD122" s="56"/>
      <c r="AE122" s="56"/>
      <c r="AF122" s="56"/>
    </row>
    <row r="123" spans="3:32" x14ac:dyDescent="0.2">
      <c r="C123" s="56"/>
      <c r="D123" s="56"/>
      <c r="E123" s="56"/>
      <c r="F123" s="56"/>
      <c r="G123" s="56"/>
      <c r="H123" s="56"/>
      <c r="I123" s="56"/>
      <c r="J123" s="56"/>
      <c r="K123" s="56"/>
      <c r="L123" s="56"/>
      <c r="M123" s="56"/>
      <c r="N123" s="56"/>
      <c r="O123" s="56"/>
      <c r="P123" s="56"/>
      <c r="Q123" s="56"/>
      <c r="R123" s="56"/>
      <c r="S123" s="56"/>
      <c r="T123" s="56"/>
      <c r="U123" s="56"/>
      <c r="V123" s="56"/>
      <c r="W123" s="56"/>
      <c r="X123" s="56"/>
      <c r="Y123" s="56"/>
      <c r="Z123" s="56"/>
      <c r="AA123" s="56"/>
      <c r="AB123" s="56"/>
      <c r="AC123" s="56"/>
      <c r="AD123" s="56"/>
      <c r="AE123" s="56"/>
      <c r="AF123" s="56"/>
    </row>
    <row r="124" spans="3:32" x14ac:dyDescent="0.2">
      <c r="C124" s="56"/>
      <c r="D124" s="56"/>
      <c r="E124" s="56"/>
      <c r="F124" s="56"/>
      <c r="G124" s="56"/>
      <c r="H124" s="56"/>
      <c r="I124" s="56"/>
      <c r="J124" s="56"/>
      <c r="K124" s="56"/>
      <c r="L124" s="56"/>
      <c r="M124" s="56"/>
      <c r="N124" s="56"/>
      <c r="O124" s="56"/>
      <c r="P124" s="56"/>
      <c r="Q124" s="56"/>
      <c r="R124" s="56"/>
      <c r="S124" s="56"/>
      <c r="T124" s="56"/>
      <c r="U124" s="56"/>
      <c r="V124" s="56"/>
      <c r="W124" s="56"/>
      <c r="X124" s="56"/>
      <c r="Y124" s="56"/>
      <c r="Z124" s="56"/>
      <c r="AA124" s="56"/>
      <c r="AB124" s="56"/>
      <c r="AC124" s="56"/>
      <c r="AD124" s="56"/>
      <c r="AE124" s="56"/>
      <c r="AF124" s="56"/>
    </row>
    <row r="125" spans="3:32" x14ac:dyDescent="0.2">
      <c r="C125" s="56"/>
      <c r="D125" s="56"/>
      <c r="E125" s="56"/>
      <c r="F125" s="56"/>
      <c r="G125" s="56"/>
      <c r="H125" s="56"/>
      <c r="I125" s="56"/>
      <c r="J125" s="56"/>
      <c r="K125" s="56"/>
      <c r="L125" s="56"/>
      <c r="M125" s="56"/>
      <c r="N125" s="56"/>
      <c r="O125" s="56"/>
      <c r="P125" s="56"/>
      <c r="Q125" s="56"/>
      <c r="R125" s="56"/>
      <c r="S125" s="56"/>
      <c r="T125" s="56"/>
      <c r="U125" s="56"/>
      <c r="V125" s="56"/>
      <c r="W125" s="56"/>
      <c r="X125" s="56"/>
      <c r="Y125" s="56"/>
      <c r="Z125" s="56"/>
      <c r="AA125" s="56"/>
      <c r="AB125" s="56"/>
      <c r="AC125" s="56"/>
      <c r="AD125" s="56"/>
      <c r="AE125" s="56"/>
      <c r="AF125" s="56"/>
    </row>
    <row r="126" spans="3:32" x14ac:dyDescent="0.2">
      <c r="C126" s="56"/>
      <c r="D126" s="56"/>
      <c r="E126" s="56"/>
      <c r="F126" s="56"/>
      <c r="G126" s="56"/>
      <c r="H126" s="56"/>
      <c r="I126" s="56"/>
      <c r="J126" s="56"/>
      <c r="K126" s="56"/>
      <c r="L126" s="56"/>
      <c r="M126" s="56"/>
      <c r="N126" s="56"/>
      <c r="O126" s="56"/>
      <c r="P126" s="56"/>
      <c r="Q126" s="56"/>
      <c r="R126" s="56"/>
      <c r="S126" s="56"/>
      <c r="T126" s="56"/>
      <c r="U126" s="56"/>
      <c r="V126" s="56"/>
      <c r="W126" s="56"/>
      <c r="X126" s="56"/>
      <c r="Y126" s="56"/>
      <c r="Z126" s="56"/>
      <c r="AA126" s="56"/>
      <c r="AB126" s="56"/>
      <c r="AC126" s="56"/>
      <c r="AD126" s="56"/>
      <c r="AE126" s="56"/>
      <c r="AF126" s="56"/>
    </row>
    <row r="127" spans="3:32" x14ac:dyDescent="0.2">
      <c r="C127" s="56"/>
      <c r="D127" s="56"/>
      <c r="E127" s="56"/>
      <c r="F127" s="56"/>
      <c r="G127" s="56"/>
      <c r="H127" s="56"/>
      <c r="I127" s="56"/>
      <c r="J127" s="56"/>
      <c r="K127" s="56"/>
      <c r="L127" s="56"/>
      <c r="M127" s="56"/>
      <c r="N127" s="56"/>
      <c r="O127" s="56"/>
      <c r="P127" s="56"/>
      <c r="Q127" s="56"/>
      <c r="R127" s="56"/>
      <c r="S127" s="56"/>
      <c r="T127" s="56"/>
      <c r="U127" s="56"/>
      <c r="V127" s="56"/>
      <c r="W127" s="56"/>
      <c r="X127" s="56"/>
      <c r="Y127" s="56"/>
      <c r="Z127" s="56"/>
      <c r="AA127" s="56"/>
      <c r="AB127" s="56"/>
      <c r="AC127" s="56"/>
      <c r="AD127" s="56"/>
      <c r="AE127" s="56"/>
      <c r="AF127" s="56"/>
    </row>
    <row r="128" spans="3:32" x14ac:dyDescent="0.2">
      <c r="C128" s="56"/>
      <c r="D128" s="56"/>
      <c r="E128" s="56"/>
      <c r="F128" s="56"/>
      <c r="G128" s="56"/>
      <c r="H128" s="56"/>
      <c r="I128" s="56"/>
      <c r="J128" s="56"/>
      <c r="K128" s="56"/>
      <c r="L128" s="56"/>
      <c r="M128" s="56"/>
      <c r="N128" s="56"/>
      <c r="O128" s="56"/>
      <c r="P128" s="56"/>
      <c r="Q128" s="56"/>
      <c r="R128" s="56"/>
      <c r="S128" s="56"/>
      <c r="T128" s="56"/>
      <c r="U128" s="56"/>
      <c r="V128" s="56"/>
      <c r="W128" s="56"/>
      <c r="X128" s="56"/>
      <c r="Y128" s="56"/>
      <c r="Z128" s="56"/>
      <c r="AA128" s="56"/>
      <c r="AB128" s="56"/>
      <c r="AC128" s="56"/>
      <c r="AD128" s="56"/>
      <c r="AE128" s="56"/>
      <c r="AF128" s="56"/>
    </row>
    <row r="129" spans="3:32" x14ac:dyDescent="0.2">
      <c r="C129" s="56"/>
      <c r="D129" s="56"/>
      <c r="E129" s="56"/>
      <c r="F129" s="56"/>
      <c r="G129" s="56"/>
      <c r="H129" s="56"/>
      <c r="I129" s="56"/>
      <c r="J129" s="56"/>
      <c r="K129" s="56"/>
      <c r="L129" s="56"/>
      <c r="M129" s="56"/>
      <c r="N129" s="56"/>
      <c r="O129" s="56"/>
      <c r="P129" s="56"/>
      <c r="Q129" s="56"/>
      <c r="R129" s="56"/>
      <c r="S129" s="56"/>
      <c r="T129" s="56"/>
      <c r="U129" s="56"/>
      <c r="V129" s="56"/>
      <c r="W129" s="56"/>
      <c r="X129" s="56"/>
      <c r="Y129" s="56"/>
      <c r="Z129" s="56"/>
      <c r="AA129" s="56"/>
      <c r="AB129" s="56"/>
      <c r="AC129" s="56"/>
      <c r="AD129" s="56"/>
      <c r="AE129" s="56"/>
      <c r="AF129" s="56"/>
    </row>
    <row r="130" spans="3:32" x14ac:dyDescent="0.2">
      <c r="C130" s="56"/>
      <c r="D130" s="56"/>
      <c r="E130" s="56"/>
      <c r="F130" s="56"/>
      <c r="G130" s="56"/>
      <c r="H130" s="56"/>
      <c r="I130" s="56"/>
      <c r="J130" s="56"/>
      <c r="K130" s="56"/>
      <c r="L130" s="56"/>
      <c r="M130" s="56"/>
      <c r="N130" s="56"/>
      <c r="O130" s="56"/>
      <c r="P130" s="56"/>
      <c r="Q130" s="56"/>
      <c r="R130" s="56"/>
      <c r="S130" s="56"/>
      <c r="T130" s="56"/>
      <c r="U130" s="56"/>
      <c r="V130" s="56"/>
      <c r="W130" s="56"/>
      <c r="X130" s="56"/>
      <c r="Y130" s="56"/>
      <c r="Z130" s="56"/>
      <c r="AA130" s="56"/>
      <c r="AB130" s="56"/>
      <c r="AC130" s="56"/>
      <c r="AD130" s="56"/>
      <c r="AE130" s="56"/>
      <c r="AF130" s="56"/>
    </row>
    <row r="131" spans="3:32" x14ac:dyDescent="0.2">
      <c r="C131" s="56"/>
      <c r="D131" s="56"/>
      <c r="E131" s="56"/>
      <c r="F131" s="56"/>
      <c r="G131" s="56"/>
      <c r="H131" s="56"/>
      <c r="I131" s="56"/>
      <c r="J131" s="56"/>
      <c r="K131" s="56"/>
      <c r="L131" s="56"/>
      <c r="M131" s="56"/>
      <c r="N131" s="56"/>
      <c r="O131" s="56"/>
      <c r="P131" s="56"/>
      <c r="Q131" s="56"/>
      <c r="R131" s="56"/>
      <c r="S131" s="56"/>
      <c r="T131" s="56"/>
      <c r="U131" s="56"/>
      <c r="V131" s="56"/>
      <c r="W131" s="56"/>
      <c r="X131" s="56"/>
      <c r="Y131" s="56"/>
      <c r="Z131" s="56"/>
      <c r="AA131" s="56"/>
      <c r="AB131" s="56"/>
      <c r="AC131" s="56"/>
      <c r="AD131" s="56"/>
      <c r="AE131" s="56"/>
      <c r="AF131" s="56"/>
    </row>
    <row r="132" spans="3:32" x14ac:dyDescent="0.2">
      <c r="C132" s="56"/>
      <c r="D132" s="56"/>
      <c r="E132" s="56"/>
      <c r="F132" s="56"/>
      <c r="G132" s="56"/>
      <c r="H132" s="56"/>
      <c r="I132" s="56"/>
      <c r="J132" s="56"/>
      <c r="K132" s="56"/>
      <c r="L132" s="56"/>
      <c r="M132" s="56"/>
      <c r="N132" s="56"/>
      <c r="O132" s="56"/>
      <c r="P132" s="56"/>
      <c r="Q132" s="56"/>
      <c r="R132" s="56"/>
      <c r="S132" s="56"/>
      <c r="T132" s="56"/>
      <c r="U132" s="56"/>
      <c r="V132" s="56"/>
      <c r="W132" s="56"/>
      <c r="X132" s="56"/>
      <c r="Y132" s="56"/>
      <c r="Z132" s="56"/>
      <c r="AA132" s="56"/>
      <c r="AB132" s="56"/>
      <c r="AC132" s="56"/>
      <c r="AD132" s="56"/>
      <c r="AE132" s="56"/>
      <c r="AF132" s="56"/>
    </row>
    <row r="133" spans="3:32" x14ac:dyDescent="0.2">
      <c r="C133" s="56"/>
      <c r="D133" s="56"/>
      <c r="E133" s="56"/>
      <c r="F133" s="56"/>
      <c r="G133" s="56"/>
      <c r="H133" s="56"/>
      <c r="I133" s="56"/>
      <c r="J133" s="56"/>
      <c r="K133" s="56"/>
      <c r="L133" s="56"/>
      <c r="M133" s="56"/>
      <c r="N133" s="56"/>
      <c r="O133" s="56"/>
      <c r="P133" s="56"/>
      <c r="Q133" s="56"/>
      <c r="R133" s="56"/>
      <c r="S133" s="56"/>
      <c r="T133" s="56"/>
      <c r="U133" s="56"/>
      <c r="V133" s="56"/>
      <c r="W133" s="56"/>
      <c r="X133" s="56"/>
      <c r="Y133" s="56"/>
      <c r="Z133" s="56"/>
      <c r="AA133" s="56"/>
      <c r="AB133" s="56"/>
      <c r="AC133" s="56"/>
      <c r="AD133" s="56"/>
      <c r="AE133" s="56"/>
      <c r="AF133" s="56"/>
    </row>
    <row r="134" spans="3:32" x14ac:dyDescent="0.2">
      <c r="C134" s="56"/>
      <c r="D134" s="56"/>
      <c r="E134" s="56"/>
      <c r="F134" s="56"/>
      <c r="G134" s="56"/>
      <c r="H134" s="56"/>
      <c r="I134" s="56"/>
      <c r="J134" s="56"/>
      <c r="K134" s="56"/>
      <c r="L134" s="56"/>
      <c r="M134" s="56"/>
      <c r="N134" s="56"/>
      <c r="O134" s="56"/>
      <c r="P134" s="56"/>
      <c r="Q134" s="56"/>
      <c r="R134" s="56"/>
      <c r="S134" s="56"/>
      <c r="T134" s="56"/>
      <c r="U134" s="56"/>
      <c r="V134" s="56"/>
      <c r="W134" s="56"/>
      <c r="X134" s="56"/>
      <c r="Y134" s="56"/>
      <c r="Z134" s="56"/>
      <c r="AA134" s="56"/>
      <c r="AB134" s="56"/>
      <c r="AC134" s="56"/>
      <c r="AD134" s="56"/>
      <c r="AE134" s="56"/>
      <c r="AF134" s="56"/>
    </row>
    <row r="135" spans="3:32" x14ac:dyDescent="0.2">
      <c r="C135" s="56"/>
      <c r="D135" s="56"/>
      <c r="E135" s="56"/>
      <c r="F135" s="56"/>
      <c r="G135" s="56"/>
      <c r="H135" s="56"/>
      <c r="I135" s="56"/>
      <c r="J135" s="56"/>
      <c r="K135" s="56"/>
      <c r="L135" s="56"/>
      <c r="M135" s="56"/>
      <c r="N135" s="56"/>
      <c r="O135" s="56"/>
      <c r="P135" s="56"/>
      <c r="Q135" s="56"/>
      <c r="R135" s="56"/>
      <c r="S135" s="56"/>
      <c r="T135" s="56"/>
      <c r="U135" s="56"/>
      <c r="V135" s="56"/>
      <c r="W135" s="56"/>
      <c r="X135" s="56"/>
      <c r="Y135" s="56"/>
      <c r="Z135" s="56"/>
      <c r="AA135" s="56"/>
      <c r="AB135" s="56"/>
      <c r="AC135" s="56"/>
      <c r="AD135" s="56"/>
      <c r="AE135" s="56"/>
      <c r="AF135" s="56"/>
    </row>
    <row r="136" spans="3:32" x14ac:dyDescent="0.2">
      <c r="C136" s="56"/>
      <c r="D136" s="56"/>
      <c r="E136" s="56"/>
      <c r="F136" s="56"/>
      <c r="G136" s="56"/>
      <c r="H136" s="56"/>
      <c r="I136" s="56"/>
      <c r="J136" s="56"/>
      <c r="K136" s="56"/>
      <c r="L136" s="56"/>
      <c r="M136" s="56"/>
      <c r="N136" s="56"/>
      <c r="O136" s="56"/>
      <c r="P136" s="56"/>
      <c r="Q136" s="56"/>
      <c r="R136" s="56"/>
      <c r="S136" s="56"/>
      <c r="T136" s="56"/>
      <c r="U136" s="56"/>
      <c r="V136" s="56"/>
      <c r="W136" s="56"/>
      <c r="X136" s="56"/>
      <c r="Y136" s="56"/>
      <c r="Z136" s="56"/>
      <c r="AA136" s="56"/>
      <c r="AB136" s="56"/>
      <c r="AC136" s="56"/>
      <c r="AD136" s="56"/>
      <c r="AE136" s="56"/>
      <c r="AF136" s="56"/>
    </row>
    <row r="137" spans="3:32" x14ac:dyDescent="0.2">
      <c r="C137" s="56"/>
      <c r="D137" s="56"/>
      <c r="E137" s="56"/>
      <c r="F137" s="56"/>
      <c r="G137" s="56"/>
      <c r="H137" s="56"/>
      <c r="I137" s="56"/>
      <c r="J137" s="56"/>
      <c r="K137" s="56"/>
      <c r="L137" s="56"/>
      <c r="M137" s="56"/>
      <c r="N137" s="56"/>
      <c r="O137" s="56"/>
      <c r="P137" s="56"/>
      <c r="Q137" s="56"/>
      <c r="R137" s="56"/>
      <c r="S137" s="56"/>
      <c r="T137" s="56"/>
      <c r="U137" s="56"/>
      <c r="V137" s="56"/>
      <c r="W137" s="56"/>
      <c r="X137" s="56"/>
      <c r="Y137" s="56"/>
      <c r="Z137" s="56"/>
      <c r="AA137" s="56"/>
      <c r="AB137" s="56"/>
      <c r="AC137" s="56"/>
      <c r="AD137" s="56"/>
      <c r="AE137" s="56"/>
      <c r="AF137" s="56"/>
    </row>
    <row r="138" spans="3:32" x14ac:dyDescent="0.2">
      <c r="C138" s="56"/>
      <c r="D138" s="56"/>
      <c r="E138" s="56"/>
      <c r="F138" s="56"/>
      <c r="G138" s="56"/>
      <c r="H138" s="56"/>
      <c r="I138" s="56"/>
      <c r="J138" s="56"/>
      <c r="K138" s="56"/>
      <c r="L138" s="56"/>
      <c r="M138" s="56"/>
      <c r="N138" s="56"/>
      <c r="O138" s="56"/>
      <c r="P138" s="56"/>
      <c r="Q138" s="56"/>
      <c r="R138" s="56"/>
      <c r="S138" s="56"/>
      <c r="T138" s="56"/>
      <c r="U138" s="56"/>
      <c r="V138" s="56"/>
      <c r="W138" s="56"/>
      <c r="X138" s="56"/>
      <c r="Y138" s="56"/>
      <c r="Z138" s="56"/>
      <c r="AA138" s="56"/>
      <c r="AB138" s="56"/>
      <c r="AC138" s="56"/>
      <c r="AD138" s="56"/>
      <c r="AE138" s="56"/>
      <c r="AF138" s="56"/>
    </row>
    <row r="139" spans="3:32" x14ac:dyDescent="0.2">
      <c r="C139" s="56"/>
      <c r="D139" s="56"/>
      <c r="E139" s="56"/>
      <c r="F139" s="56"/>
      <c r="G139" s="56"/>
      <c r="H139" s="56"/>
      <c r="I139" s="56"/>
      <c r="J139" s="56"/>
      <c r="K139" s="56"/>
      <c r="L139" s="56"/>
      <c r="M139" s="56"/>
      <c r="N139" s="56"/>
      <c r="O139" s="56"/>
      <c r="P139" s="56"/>
      <c r="Q139" s="56"/>
      <c r="R139" s="56"/>
      <c r="S139" s="56"/>
      <c r="T139" s="56"/>
      <c r="U139" s="56"/>
      <c r="V139" s="56"/>
      <c r="W139" s="56"/>
      <c r="X139" s="56"/>
      <c r="Y139" s="56"/>
      <c r="Z139" s="56"/>
      <c r="AA139" s="56"/>
      <c r="AB139" s="56"/>
      <c r="AC139" s="56"/>
      <c r="AD139" s="56"/>
      <c r="AE139" s="56"/>
      <c r="AF139" s="56"/>
    </row>
    <row r="140" spans="3:32" x14ac:dyDescent="0.2">
      <c r="C140" s="56"/>
      <c r="D140" s="56"/>
      <c r="E140" s="56"/>
      <c r="F140" s="56"/>
      <c r="G140" s="56"/>
      <c r="H140" s="56"/>
      <c r="I140" s="56"/>
      <c r="J140" s="56"/>
      <c r="K140" s="56"/>
      <c r="L140" s="56"/>
      <c r="M140" s="56"/>
      <c r="N140" s="56"/>
      <c r="O140" s="56"/>
      <c r="P140" s="56"/>
      <c r="Q140" s="56"/>
      <c r="R140" s="56"/>
      <c r="S140" s="56"/>
      <c r="T140" s="56"/>
      <c r="U140" s="56"/>
      <c r="V140" s="56"/>
      <c r="W140" s="56"/>
      <c r="X140" s="56"/>
      <c r="Y140" s="56"/>
      <c r="Z140" s="56"/>
      <c r="AA140" s="56"/>
      <c r="AB140" s="56"/>
      <c r="AC140" s="56"/>
      <c r="AD140" s="56"/>
      <c r="AE140" s="56"/>
      <c r="AF140" s="56"/>
    </row>
    <row r="141" spans="3:32" x14ac:dyDescent="0.2">
      <c r="C141" s="56"/>
      <c r="D141" s="56"/>
      <c r="E141" s="56"/>
      <c r="F141" s="56"/>
      <c r="G141" s="56"/>
      <c r="H141" s="56"/>
      <c r="I141" s="56"/>
      <c r="J141" s="56"/>
      <c r="K141" s="56"/>
      <c r="L141" s="56"/>
      <c r="M141" s="56"/>
      <c r="N141" s="56"/>
      <c r="O141" s="56"/>
      <c r="P141" s="56"/>
      <c r="Q141" s="56"/>
      <c r="R141" s="56"/>
      <c r="S141" s="56"/>
      <c r="T141" s="56"/>
      <c r="U141" s="56"/>
      <c r="V141" s="56"/>
      <c r="W141" s="56"/>
      <c r="X141" s="56"/>
      <c r="Y141" s="56"/>
      <c r="Z141" s="56"/>
      <c r="AA141" s="56"/>
      <c r="AB141" s="56"/>
      <c r="AC141" s="56"/>
      <c r="AD141" s="56"/>
      <c r="AE141" s="56"/>
      <c r="AF141" s="56"/>
    </row>
    <row r="142" spans="3:32" x14ac:dyDescent="0.2">
      <c r="C142" s="56"/>
      <c r="D142" s="56"/>
      <c r="E142" s="56"/>
      <c r="F142" s="56"/>
      <c r="G142" s="56"/>
      <c r="H142" s="56"/>
      <c r="I142" s="56"/>
      <c r="J142" s="56"/>
      <c r="K142" s="56"/>
      <c r="L142" s="56"/>
      <c r="M142" s="56"/>
      <c r="N142" s="56"/>
      <c r="O142" s="56"/>
      <c r="P142" s="56"/>
      <c r="Q142" s="56"/>
      <c r="R142" s="56"/>
      <c r="S142" s="56"/>
      <c r="T142" s="56"/>
      <c r="U142" s="56"/>
      <c r="V142" s="56"/>
      <c r="W142" s="56"/>
      <c r="X142" s="56"/>
      <c r="Y142" s="56"/>
      <c r="Z142" s="56"/>
      <c r="AA142" s="56"/>
      <c r="AB142" s="56"/>
      <c r="AC142" s="56"/>
      <c r="AD142" s="56"/>
      <c r="AE142" s="56"/>
      <c r="AF142" s="56"/>
    </row>
    <row r="143" spans="3:32" x14ac:dyDescent="0.2">
      <c r="C143" s="56"/>
      <c r="D143" s="56"/>
      <c r="E143" s="56"/>
      <c r="F143" s="56"/>
      <c r="G143" s="56"/>
      <c r="H143" s="56"/>
      <c r="I143" s="56"/>
      <c r="J143" s="56"/>
      <c r="K143" s="56"/>
      <c r="L143" s="56"/>
      <c r="M143" s="56"/>
      <c r="N143" s="56"/>
      <c r="O143" s="56"/>
      <c r="P143" s="56"/>
      <c r="Q143" s="56"/>
      <c r="R143" s="56"/>
      <c r="S143" s="56"/>
      <c r="T143" s="56"/>
      <c r="U143" s="56"/>
      <c r="V143" s="56"/>
      <c r="W143" s="56"/>
      <c r="X143" s="56"/>
      <c r="Y143" s="56"/>
      <c r="Z143" s="56"/>
      <c r="AA143" s="56"/>
      <c r="AB143" s="56"/>
      <c r="AC143" s="56"/>
      <c r="AD143" s="56"/>
      <c r="AE143" s="56"/>
      <c r="AF143" s="56"/>
    </row>
    <row r="144" spans="3:32" x14ac:dyDescent="0.2">
      <c r="C144" s="56"/>
      <c r="D144" s="56"/>
      <c r="E144" s="56"/>
      <c r="F144" s="56"/>
      <c r="G144" s="56"/>
      <c r="H144" s="56"/>
      <c r="I144" s="56"/>
      <c r="J144" s="56"/>
      <c r="K144" s="56"/>
      <c r="L144" s="56"/>
      <c r="M144" s="56"/>
      <c r="N144" s="56"/>
      <c r="O144" s="56"/>
      <c r="P144" s="56"/>
      <c r="Q144" s="56"/>
      <c r="R144" s="56"/>
      <c r="S144" s="56"/>
      <c r="T144" s="56"/>
      <c r="U144" s="56"/>
      <c r="V144" s="56"/>
      <c r="W144" s="56"/>
      <c r="X144" s="56"/>
      <c r="Y144" s="56"/>
      <c r="Z144" s="56"/>
      <c r="AA144" s="56"/>
      <c r="AB144" s="56"/>
      <c r="AC144" s="56"/>
      <c r="AD144" s="56"/>
      <c r="AE144" s="56"/>
      <c r="AF144" s="56"/>
    </row>
    <row r="145" spans="3:32" x14ac:dyDescent="0.2">
      <c r="C145" s="56"/>
      <c r="D145" s="56"/>
      <c r="E145" s="56"/>
      <c r="F145" s="56"/>
      <c r="G145" s="56"/>
      <c r="H145" s="56"/>
      <c r="I145" s="56"/>
      <c r="J145" s="56"/>
      <c r="K145" s="56"/>
      <c r="L145" s="56"/>
      <c r="M145" s="56"/>
      <c r="N145" s="56"/>
      <c r="O145" s="56"/>
      <c r="P145" s="56"/>
      <c r="Q145" s="56"/>
      <c r="R145" s="56"/>
      <c r="S145" s="56"/>
      <c r="T145" s="56"/>
      <c r="U145" s="56"/>
      <c r="V145" s="56"/>
      <c r="W145" s="56"/>
      <c r="X145" s="56"/>
      <c r="Y145" s="56"/>
      <c r="Z145" s="56"/>
      <c r="AA145" s="56"/>
      <c r="AB145" s="56"/>
      <c r="AC145" s="56"/>
      <c r="AD145" s="56"/>
      <c r="AE145" s="56"/>
      <c r="AF145" s="56"/>
    </row>
    <row r="146" spans="3:32" x14ac:dyDescent="0.2">
      <c r="C146" s="56"/>
      <c r="D146" s="56"/>
      <c r="E146" s="56"/>
      <c r="F146" s="56"/>
      <c r="G146" s="56"/>
      <c r="H146" s="56"/>
      <c r="I146" s="56"/>
      <c r="J146" s="56"/>
      <c r="K146" s="56"/>
      <c r="L146" s="56"/>
      <c r="M146" s="56"/>
      <c r="N146" s="56"/>
      <c r="O146" s="56"/>
      <c r="P146" s="56"/>
      <c r="Q146" s="56"/>
      <c r="R146" s="56"/>
      <c r="S146" s="56"/>
      <c r="T146" s="56"/>
      <c r="U146" s="56"/>
      <c r="V146" s="56"/>
      <c r="W146" s="56"/>
      <c r="X146" s="56"/>
      <c r="Y146" s="56"/>
      <c r="Z146" s="56"/>
      <c r="AA146" s="56"/>
      <c r="AB146" s="56"/>
      <c r="AC146" s="56"/>
      <c r="AD146" s="56"/>
      <c r="AE146" s="56"/>
      <c r="AF146" s="56"/>
    </row>
    <row r="147" spans="3:32" x14ac:dyDescent="0.2">
      <c r="C147" s="56"/>
      <c r="D147" s="56"/>
      <c r="E147" s="56"/>
      <c r="F147" s="56"/>
      <c r="G147" s="56"/>
      <c r="H147" s="56"/>
      <c r="I147" s="56"/>
      <c r="J147" s="56"/>
      <c r="K147" s="56"/>
      <c r="L147" s="56"/>
      <c r="M147" s="56"/>
      <c r="N147" s="56"/>
      <c r="O147" s="56"/>
      <c r="P147" s="56"/>
      <c r="Q147" s="56"/>
      <c r="R147" s="56"/>
      <c r="S147" s="56"/>
      <c r="T147" s="56"/>
      <c r="U147" s="56"/>
      <c r="V147" s="56"/>
      <c r="W147" s="56"/>
      <c r="X147" s="56"/>
      <c r="Y147" s="56"/>
      <c r="Z147" s="56"/>
      <c r="AA147" s="56"/>
      <c r="AB147" s="56"/>
      <c r="AC147" s="56"/>
      <c r="AD147" s="56"/>
      <c r="AE147" s="56"/>
      <c r="AF147" s="56"/>
    </row>
    <row r="148" spans="3:32" x14ac:dyDescent="0.2">
      <c r="C148" s="56"/>
      <c r="D148" s="56"/>
      <c r="E148" s="56"/>
      <c r="F148" s="56"/>
      <c r="G148" s="56"/>
      <c r="H148" s="56"/>
      <c r="I148" s="56"/>
      <c r="J148" s="56"/>
      <c r="K148" s="56"/>
      <c r="L148" s="56"/>
      <c r="M148" s="56"/>
      <c r="N148" s="56"/>
      <c r="O148" s="56"/>
      <c r="P148" s="56"/>
      <c r="Q148" s="56"/>
      <c r="R148" s="56"/>
      <c r="S148" s="56"/>
      <c r="T148" s="56"/>
      <c r="U148" s="56"/>
      <c r="V148" s="56"/>
      <c r="W148" s="56"/>
      <c r="X148" s="56"/>
      <c r="Y148" s="56"/>
      <c r="Z148" s="56"/>
      <c r="AA148" s="56"/>
      <c r="AB148" s="56"/>
      <c r="AC148" s="56"/>
      <c r="AD148" s="56"/>
      <c r="AE148" s="56"/>
      <c r="AF148" s="56"/>
    </row>
    <row r="149" spans="3:32" x14ac:dyDescent="0.2">
      <c r="C149" s="56"/>
      <c r="D149" s="56"/>
      <c r="E149" s="56"/>
      <c r="F149" s="56"/>
      <c r="G149" s="56"/>
      <c r="H149" s="56"/>
      <c r="I149" s="56"/>
      <c r="J149" s="56"/>
      <c r="K149" s="56"/>
      <c r="L149" s="56"/>
      <c r="M149" s="56"/>
      <c r="N149" s="56"/>
      <c r="O149" s="56"/>
      <c r="P149" s="56"/>
      <c r="Q149" s="56"/>
      <c r="R149" s="56"/>
      <c r="S149" s="56"/>
      <c r="T149" s="56"/>
      <c r="U149" s="56"/>
      <c r="V149" s="56"/>
      <c r="W149" s="56"/>
      <c r="X149" s="56"/>
      <c r="Y149" s="56"/>
      <c r="Z149" s="56"/>
      <c r="AA149" s="56"/>
      <c r="AB149" s="56"/>
      <c r="AC149" s="56"/>
      <c r="AD149" s="56"/>
      <c r="AE149" s="56"/>
      <c r="AF149" s="56"/>
    </row>
    <row r="150" spans="3:32" x14ac:dyDescent="0.2">
      <c r="C150" s="56"/>
      <c r="D150" s="56"/>
      <c r="E150" s="56"/>
      <c r="F150" s="56"/>
      <c r="G150" s="56"/>
      <c r="H150" s="56"/>
      <c r="I150" s="56"/>
      <c r="J150" s="56"/>
      <c r="K150" s="56"/>
      <c r="L150" s="56"/>
      <c r="M150" s="56"/>
      <c r="N150" s="56"/>
      <c r="O150" s="56"/>
      <c r="P150" s="56"/>
      <c r="Q150" s="56"/>
      <c r="R150" s="56"/>
      <c r="S150" s="56"/>
      <c r="T150" s="56"/>
      <c r="U150" s="56"/>
      <c r="V150" s="56"/>
      <c r="W150" s="56"/>
      <c r="X150" s="56"/>
      <c r="Y150" s="56"/>
      <c r="Z150" s="56"/>
      <c r="AA150" s="56"/>
      <c r="AB150" s="56"/>
      <c r="AC150" s="56"/>
      <c r="AD150" s="56"/>
      <c r="AE150" s="56"/>
      <c r="AF150" s="56"/>
    </row>
    <row r="151" spans="3:32" x14ac:dyDescent="0.2">
      <c r="C151" s="56"/>
      <c r="D151" s="56"/>
      <c r="E151" s="56"/>
      <c r="F151" s="56"/>
      <c r="G151" s="56"/>
      <c r="H151" s="56"/>
      <c r="I151" s="56"/>
      <c r="J151" s="56"/>
      <c r="K151" s="56"/>
      <c r="L151" s="56"/>
      <c r="M151" s="56"/>
      <c r="N151" s="56"/>
      <c r="O151" s="56"/>
      <c r="P151" s="56"/>
      <c r="Q151" s="56"/>
      <c r="R151" s="56"/>
      <c r="S151" s="56"/>
      <c r="T151" s="56"/>
      <c r="U151" s="56"/>
      <c r="V151" s="56"/>
      <c r="W151" s="56"/>
      <c r="X151" s="56"/>
      <c r="Y151" s="56"/>
      <c r="Z151" s="56"/>
      <c r="AA151" s="56"/>
      <c r="AB151" s="56"/>
      <c r="AC151" s="56"/>
      <c r="AD151" s="56"/>
      <c r="AE151" s="56"/>
      <c r="AF151" s="56"/>
    </row>
    <row r="152" spans="3:32" x14ac:dyDescent="0.2">
      <c r="C152" s="56"/>
      <c r="D152" s="56"/>
      <c r="E152" s="56"/>
      <c r="F152" s="56"/>
      <c r="G152" s="56"/>
      <c r="H152" s="56"/>
      <c r="I152" s="56"/>
      <c r="J152" s="56"/>
      <c r="K152" s="56"/>
      <c r="L152" s="56"/>
      <c r="M152" s="56"/>
      <c r="N152" s="56"/>
      <c r="O152" s="56"/>
      <c r="P152" s="56"/>
      <c r="Q152" s="56"/>
      <c r="R152" s="56"/>
      <c r="S152" s="56"/>
      <c r="T152" s="56"/>
      <c r="U152" s="56"/>
      <c r="V152" s="56"/>
      <c r="W152" s="56"/>
      <c r="X152" s="56"/>
      <c r="Y152" s="56"/>
      <c r="Z152" s="56"/>
      <c r="AA152" s="56"/>
      <c r="AB152" s="56"/>
      <c r="AC152" s="56"/>
      <c r="AD152" s="56"/>
      <c r="AE152" s="56"/>
      <c r="AF152" s="56"/>
    </row>
    <row r="153" spans="3:32" x14ac:dyDescent="0.2">
      <c r="C153" s="56"/>
      <c r="D153" s="56"/>
      <c r="E153" s="56"/>
      <c r="F153" s="56"/>
      <c r="G153" s="56"/>
      <c r="H153" s="56"/>
      <c r="I153" s="56"/>
      <c r="J153" s="56"/>
      <c r="K153" s="56"/>
      <c r="L153" s="56"/>
      <c r="M153" s="56"/>
      <c r="N153" s="56"/>
      <c r="O153" s="56"/>
      <c r="P153" s="56"/>
      <c r="Q153" s="56"/>
      <c r="R153" s="56"/>
      <c r="S153" s="56"/>
      <c r="T153" s="56"/>
      <c r="U153" s="56"/>
      <c r="V153" s="56"/>
      <c r="W153" s="56"/>
      <c r="X153" s="56"/>
      <c r="Y153" s="56"/>
      <c r="Z153" s="56"/>
      <c r="AA153" s="56"/>
      <c r="AB153" s="56"/>
      <c r="AC153" s="56"/>
      <c r="AD153" s="56"/>
      <c r="AE153" s="56"/>
      <c r="AF153" s="56"/>
    </row>
    <row r="154" spans="3:32" x14ac:dyDescent="0.2">
      <c r="C154" s="56"/>
      <c r="D154" s="56"/>
      <c r="E154" s="56"/>
      <c r="F154" s="56"/>
      <c r="G154" s="56"/>
      <c r="H154" s="56"/>
      <c r="I154" s="56"/>
      <c r="J154" s="56"/>
      <c r="K154" s="56"/>
      <c r="L154" s="56"/>
      <c r="M154" s="56"/>
      <c r="N154" s="56"/>
      <c r="O154" s="56"/>
      <c r="P154" s="56"/>
      <c r="Q154" s="56"/>
      <c r="R154" s="56"/>
      <c r="S154" s="56"/>
      <c r="T154" s="56"/>
      <c r="U154" s="56"/>
      <c r="V154" s="56"/>
      <c r="W154" s="56"/>
      <c r="X154" s="56"/>
      <c r="Y154" s="56"/>
      <c r="Z154" s="56"/>
      <c r="AA154" s="56"/>
      <c r="AB154" s="56"/>
      <c r="AC154" s="56"/>
      <c r="AD154" s="56"/>
      <c r="AE154" s="56"/>
      <c r="AF154" s="56"/>
    </row>
    <row r="155" spans="3:32" x14ac:dyDescent="0.2">
      <c r="C155" s="56"/>
      <c r="D155" s="56"/>
      <c r="E155" s="56"/>
      <c r="F155" s="56"/>
      <c r="G155" s="56"/>
      <c r="H155" s="56"/>
      <c r="I155" s="56"/>
      <c r="J155" s="56"/>
      <c r="K155" s="56"/>
      <c r="L155" s="56"/>
      <c r="M155" s="56"/>
      <c r="N155" s="56"/>
      <c r="O155" s="56"/>
      <c r="P155" s="56"/>
      <c r="Q155" s="56"/>
      <c r="R155" s="56"/>
      <c r="S155" s="56"/>
      <c r="T155" s="56"/>
      <c r="U155" s="56"/>
      <c r="V155" s="56"/>
      <c r="W155" s="56"/>
      <c r="X155" s="56"/>
      <c r="Y155" s="56"/>
      <c r="Z155" s="56"/>
      <c r="AA155" s="56"/>
      <c r="AB155" s="56"/>
      <c r="AC155" s="56"/>
      <c r="AD155" s="56"/>
      <c r="AE155" s="56"/>
      <c r="AF155" s="56"/>
    </row>
    <row r="156" spans="3:32" x14ac:dyDescent="0.2">
      <c r="C156" s="56"/>
      <c r="D156" s="56"/>
      <c r="E156" s="56"/>
      <c r="F156" s="56"/>
      <c r="G156" s="56"/>
      <c r="H156" s="56"/>
      <c r="I156" s="56"/>
      <c r="J156" s="56"/>
      <c r="K156" s="56"/>
      <c r="L156" s="56"/>
      <c r="M156" s="56"/>
      <c r="N156" s="56"/>
      <c r="O156" s="56"/>
      <c r="P156" s="56"/>
      <c r="Q156" s="56"/>
      <c r="R156" s="56"/>
      <c r="S156" s="56"/>
      <c r="T156" s="56"/>
      <c r="U156" s="56"/>
      <c r="V156" s="56"/>
      <c r="W156" s="56"/>
      <c r="X156" s="56"/>
      <c r="Y156" s="56"/>
      <c r="Z156" s="56"/>
      <c r="AA156" s="56"/>
      <c r="AB156" s="56"/>
      <c r="AC156" s="56"/>
      <c r="AD156" s="56"/>
      <c r="AE156" s="56"/>
      <c r="AF156" s="56"/>
    </row>
    <row r="157" spans="3:32" x14ac:dyDescent="0.2">
      <c r="C157" s="56"/>
      <c r="D157" s="56"/>
      <c r="E157" s="56"/>
      <c r="F157" s="56"/>
      <c r="G157" s="56"/>
      <c r="H157" s="56"/>
      <c r="I157" s="56"/>
      <c r="J157" s="56"/>
      <c r="K157" s="56"/>
      <c r="L157" s="56"/>
      <c r="M157" s="56"/>
      <c r="N157" s="56"/>
      <c r="O157" s="56"/>
      <c r="P157" s="56"/>
      <c r="Q157" s="56"/>
      <c r="R157" s="56"/>
      <c r="S157" s="56"/>
      <c r="T157" s="56"/>
      <c r="U157" s="56"/>
      <c r="V157" s="56"/>
      <c r="W157" s="56"/>
      <c r="X157" s="56"/>
      <c r="Y157" s="56"/>
      <c r="Z157" s="56"/>
      <c r="AA157" s="56"/>
      <c r="AB157" s="56"/>
      <c r="AC157" s="56"/>
      <c r="AD157" s="56"/>
      <c r="AE157" s="56"/>
      <c r="AF157" s="56"/>
    </row>
    <row r="158" spans="3:32" x14ac:dyDescent="0.2">
      <c r="C158" s="56"/>
      <c r="D158" s="56"/>
      <c r="E158" s="56"/>
      <c r="F158" s="56"/>
      <c r="G158" s="56"/>
      <c r="H158" s="56"/>
      <c r="I158" s="56"/>
      <c r="J158" s="56"/>
      <c r="K158" s="56"/>
      <c r="L158" s="56"/>
      <c r="M158" s="56"/>
      <c r="N158" s="56"/>
      <c r="O158" s="56"/>
      <c r="P158" s="56"/>
      <c r="Q158" s="56"/>
      <c r="R158" s="56"/>
      <c r="S158" s="56"/>
      <c r="T158" s="56"/>
      <c r="U158" s="56"/>
      <c r="V158" s="56"/>
      <c r="W158" s="56"/>
      <c r="X158" s="56"/>
      <c r="Y158" s="56"/>
      <c r="Z158" s="56"/>
      <c r="AA158" s="56"/>
      <c r="AB158" s="56"/>
      <c r="AC158" s="56"/>
      <c r="AD158" s="56"/>
      <c r="AE158" s="56"/>
      <c r="AF158" s="56"/>
    </row>
    <row r="159" spans="3:32" x14ac:dyDescent="0.2">
      <c r="C159" s="56"/>
      <c r="D159" s="56"/>
      <c r="E159" s="56"/>
      <c r="F159" s="56"/>
      <c r="G159" s="56"/>
      <c r="H159" s="56"/>
      <c r="I159" s="56"/>
      <c r="J159" s="56"/>
      <c r="K159" s="56"/>
      <c r="L159" s="56"/>
      <c r="M159" s="56"/>
      <c r="N159" s="56"/>
      <c r="O159" s="56"/>
      <c r="P159" s="56"/>
      <c r="Q159" s="56"/>
      <c r="R159" s="56"/>
      <c r="S159" s="56"/>
      <c r="T159" s="56"/>
      <c r="U159" s="56"/>
      <c r="V159" s="56"/>
      <c r="W159" s="56"/>
      <c r="X159" s="56"/>
      <c r="Y159" s="56"/>
      <c r="Z159" s="56"/>
      <c r="AA159" s="56"/>
      <c r="AB159" s="56"/>
      <c r="AC159" s="56"/>
      <c r="AD159" s="56"/>
      <c r="AE159" s="56"/>
      <c r="AF159" s="56"/>
    </row>
    <row r="160" spans="3:32" x14ac:dyDescent="0.2">
      <c r="C160" s="56"/>
      <c r="D160" s="56"/>
      <c r="E160" s="56"/>
      <c r="F160" s="56"/>
      <c r="G160" s="56"/>
      <c r="H160" s="56"/>
      <c r="I160" s="56"/>
      <c r="J160" s="56"/>
      <c r="K160" s="56"/>
      <c r="L160" s="56"/>
      <c r="M160" s="56"/>
      <c r="N160" s="56"/>
      <c r="O160" s="56"/>
      <c r="P160" s="56"/>
      <c r="Q160" s="56"/>
      <c r="R160" s="56"/>
      <c r="S160" s="56"/>
      <c r="T160" s="56"/>
      <c r="U160" s="56"/>
      <c r="V160" s="56"/>
      <c r="W160" s="56"/>
      <c r="X160" s="56"/>
      <c r="Y160" s="56"/>
      <c r="Z160" s="56"/>
      <c r="AA160" s="56"/>
      <c r="AB160" s="56"/>
      <c r="AC160" s="56"/>
      <c r="AD160" s="56"/>
      <c r="AE160" s="56"/>
      <c r="AF160" s="56"/>
    </row>
    <row r="161" spans="3:32" x14ac:dyDescent="0.2">
      <c r="C161" s="56"/>
      <c r="D161" s="56"/>
      <c r="E161" s="56"/>
      <c r="F161" s="56"/>
      <c r="G161" s="56"/>
      <c r="H161" s="56"/>
      <c r="I161" s="56"/>
      <c r="J161" s="56"/>
      <c r="K161" s="56"/>
      <c r="L161" s="56"/>
      <c r="M161" s="56"/>
      <c r="N161" s="56"/>
      <c r="O161" s="56"/>
      <c r="P161" s="56"/>
      <c r="Q161" s="56"/>
      <c r="R161" s="56"/>
      <c r="S161" s="56"/>
      <c r="T161" s="56"/>
      <c r="U161" s="56"/>
      <c r="V161" s="56"/>
      <c r="W161" s="56"/>
      <c r="X161" s="56"/>
      <c r="Y161" s="56"/>
      <c r="Z161" s="56"/>
      <c r="AA161" s="56"/>
      <c r="AB161" s="56"/>
      <c r="AC161" s="56"/>
      <c r="AD161" s="56"/>
      <c r="AE161" s="56"/>
      <c r="AF161" s="56"/>
    </row>
    <row r="162" spans="3:32" x14ac:dyDescent="0.2">
      <c r="C162" s="56"/>
      <c r="D162" s="56"/>
      <c r="E162" s="56"/>
      <c r="F162" s="56"/>
      <c r="G162" s="56"/>
      <c r="H162" s="56"/>
      <c r="I162" s="56"/>
      <c r="J162" s="56"/>
      <c r="K162" s="56"/>
      <c r="L162" s="56"/>
      <c r="M162" s="56"/>
      <c r="N162" s="56"/>
      <c r="O162" s="56"/>
      <c r="P162" s="56"/>
      <c r="Q162" s="56"/>
      <c r="R162" s="56"/>
      <c r="S162" s="56"/>
      <c r="T162" s="56"/>
      <c r="U162" s="56"/>
      <c r="V162" s="56"/>
      <c r="W162" s="56"/>
      <c r="X162" s="56"/>
      <c r="Y162" s="56"/>
      <c r="Z162" s="56"/>
      <c r="AA162" s="56"/>
      <c r="AB162" s="56"/>
      <c r="AC162" s="56"/>
      <c r="AD162" s="56"/>
      <c r="AE162" s="56"/>
      <c r="AF162" s="56"/>
    </row>
    <row r="163" spans="3:32" x14ac:dyDescent="0.2">
      <c r="C163" s="56"/>
      <c r="D163" s="56"/>
      <c r="E163" s="56"/>
      <c r="F163" s="56"/>
      <c r="G163" s="56"/>
      <c r="H163" s="56"/>
      <c r="I163" s="56"/>
      <c r="J163" s="56"/>
      <c r="K163" s="56"/>
      <c r="L163" s="56"/>
      <c r="M163" s="56"/>
      <c r="N163" s="56"/>
      <c r="O163" s="56"/>
      <c r="P163" s="56"/>
      <c r="Q163" s="56"/>
      <c r="R163" s="56"/>
      <c r="S163" s="56"/>
      <c r="T163" s="56"/>
      <c r="U163" s="56"/>
      <c r="V163" s="56"/>
      <c r="W163" s="56"/>
      <c r="X163" s="56"/>
      <c r="Y163" s="56"/>
      <c r="Z163" s="56"/>
      <c r="AA163" s="56"/>
      <c r="AB163" s="56"/>
      <c r="AC163" s="56"/>
      <c r="AD163" s="56"/>
      <c r="AE163" s="56"/>
      <c r="AF163" s="56"/>
    </row>
    <row r="164" spans="3:32" x14ac:dyDescent="0.2">
      <c r="C164" s="56"/>
      <c r="D164" s="56"/>
      <c r="E164" s="56"/>
      <c r="F164" s="56"/>
      <c r="G164" s="56"/>
      <c r="H164" s="56"/>
      <c r="I164" s="56"/>
      <c r="J164" s="56"/>
      <c r="K164" s="56"/>
      <c r="L164" s="56"/>
      <c r="M164" s="56"/>
      <c r="N164" s="56"/>
      <c r="O164" s="56"/>
      <c r="P164" s="56"/>
      <c r="Q164" s="56"/>
      <c r="R164" s="56"/>
      <c r="S164" s="56"/>
      <c r="T164" s="56"/>
      <c r="U164" s="56"/>
      <c r="V164" s="56"/>
      <c r="W164" s="56"/>
      <c r="X164" s="56"/>
      <c r="Y164" s="56"/>
      <c r="Z164" s="56"/>
      <c r="AA164" s="56"/>
      <c r="AB164" s="56"/>
      <c r="AC164" s="56"/>
      <c r="AD164" s="56"/>
      <c r="AE164" s="56"/>
      <c r="AF164" s="56"/>
    </row>
    <row r="165" spans="3:32" x14ac:dyDescent="0.2">
      <c r="C165" s="56"/>
      <c r="D165" s="56"/>
      <c r="E165" s="56"/>
      <c r="F165" s="56"/>
      <c r="G165" s="56"/>
      <c r="H165" s="56"/>
      <c r="I165" s="56"/>
      <c r="J165" s="56"/>
      <c r="K165" s="56"/>
      <c r="L165" s="56"/>
      <c r="M165" s="56"/>
      <c r="N165" s="56"/>
      <c r="O165" s="56"/>
      <c r="P165" s="56"/>
      <c r="Q165" s="56"/>
      <c r="R165" s="56"/>
      <c r="S165" s="56"/>
      <c r="T165" s="56"/>
      <c r="U165" s="56"/>
      <c r="V165" s="56"/>
      <c r="W165" s="56"/>
      <c r="X165" s="56"/>
      <c r="Y165" s="56"/>
      <c r="Z165" s="56"/>
      <c r="AA165" s="56"/>
      <c r="AB165" s="56"/>
      <c r="AC165" s="56"/>
      <c r="AD165" s="56"/>
      <c r="AE165" s="56"/>
      <c r="AF165" s="56"/>
    </row>
    <row r="166" spans="3:32" x14ac:dyDescent="0.2">
      <c r="C166" s="56"/>
      <c r="D166" s="56"/>
      <c r="E166" s="56"/>
      <c r="F166" s="56"/>
      <c r="G166" s="56"/>
      <c r="H166" s="56"/>
      <c r="I166" s="56"/>
      <c r="J166" s="56"/>
      <c r="K166" s="56"/>
      <c r="L166" s="56"/>
      <c r="M166" s="56"/>
      <c r="N166" s="56"/>
      <c r="O166" s="56"/>
      <c r="P166" s="56"/>
      <c r="Q166" s="56"/>
      <c r="R166" s="56"/>
      <c r="S166" s="56"/>
      <c r="T166" s="56"/>
      <c r="U166" s="56"/>
      <c r="V166" s="56"/>
      <c r="W166" s="56"/>
      <c r="X166" s="56"/>
      <c r="Y166" s="56"/>
      <c r="Z166" s="56"/>
      <c r="AA166" s="56"/>
      <c r="AB166" s="56"/>
      <c r="AC166" s="56"/>
      <c r="AD166" s="56"/>
      <c r="AE166" s="56"/>
      <c r="AF166" s="56"/>
    </row>
    <row r="167" spans="3:32" x14ac:dyDescent="0.2">
      <c r="C167" s="56"/>
      <c r="D167" s="56"/>
      <c r="E167" s="56"/>
      <c r="F167" s="56"/>
      <c r="G167" s="56"/>
      <c r="H167" s="56"/>
      <c r="I167" s="56"/>
      <c r="J167" s="56"/>
      <c r="K167" s="56"/>
      <c r="L167" s="56"/>
      <c r="M167" s="56"/>
      <c r="N167" s="56"/>
      <c r="O167" s="56"/>
      <c r="P167" s="56"/>
      <c r="Q167" s="56"/>
      <c r="R167" s="56"/>
      <c r="S167" s="56"/>
      <c r="T167" s="56"/>
      <c r="U167" s="56"/>
      <c r="V167" s="56"/>
      <c r="W167" s="56"/>
      <c r="X167" s="56"/>
      <c r="Y167" s="56"/>
      <c r="Z167" s="56"/>
      <c r="AA167" s="56"/>
      <c r="AB167" s="56"/>
      <c r="AC167" s="56"/>
      <c r="AD167" s="56"/>
      <c r="AE167" s="56"/>
      <c r="AF167" s="56"/>
    </row>
    <row r="168" spans="3:32" x14ac:dyDescent="0.2">
      <c r="C168" s="56"/>
      <c r="D168" s="56"/>
      <c r="E168" s="56"/>
      <c r="F168" s="56"/>
      <c r="G168" s="56"/>
      <c r="H168" s="56"/>
      <c r="I168" s="56"/>
      <c r="J168" s="56"/>
      <c r="K168" s="56"/>
      <c r="L168" s="56"/>
      <c r="M168" s="56"/>
      <c r="N168" s="56"/>
      <c r="O168" s="56"/>
      <c r="P168" s="56"/>
      <c r="Q168" s="56"/>
      <c r="R168" s="56"/>
      <c r="S168" s="56"/>
      <c r="T168" s="56"/>
      <c r="U168" s="56"/>
      <c r="V168" s="56"/>
      <c r="W168" s="56"/>
      <c r="X168" s="56"/>
      <c r="Y168" s="56"/>
      <c r="Z168" s="56"/>
      <c r="AA168" s="56"/>
      <c r="AB168" s="56"/>
      <c r="AC168" s="56"/>
      <c r="AD168" s="56"/>
      <c r="AE168" s="56"/>
      <c r="AF168" s="56"/>
    </row>
    <row r="169" spans="3:32" x14ac:dyDescent="0.2">
      <c r="C169" s="56"/>
      <c r="D169" s="56"/>
      <c r="E169" s="56"/>
      <c r="F169" s="56"/>
      <c r="G169" s="56"/>
      <c r="H169" s="56"/>
      <c r="I169" s="56"/>
      <c r="J169" s="56"/>
      <c r="K169" s="56"/>
      <c r="L169" s="56"/>
      <c r="M169" s="56"/>
      <c r="N169" s="56"/>
      <c r="O169" s="56"/>
      <c r="P169" s="56"/>
      <c r="Q169" s="56"/>
      <c r="R169" s="56"/>
      <c r="S169" s="56"/>
      <c r="T169" s="56"/>
      <c r="U169" s="56"/>
      <c r="V169" s="56"/>
      <c r="W169" s="56"/>
      <c r="X169" s="56"/>
      <c r="Y169" s="56"/>
      <c r="Z169" s="56"/>
      <c r="AA169" s="56"/>
      <c r="AB169" s="56"/>
      <c r="AC169" s="56"/>
      <c r="AD169" s="56"/>
      <c r="AE169" s="56"/>
      <c r="AF169" s="56"/>
    </row>
    <row r="170" spans="3:32" x14ac:dyDescent="0.2">
      <c r="C170" s="56"/>
      <c r="D170" s="56"/>
      <c r="E170" s="56"/>
      <c r="F170" s="56"/>
      <c r="G170" s="56"/>
      <c r="H170" s="56"/>
      <c r="I170" s="56"/>
      <c r="J170" s="56"/>
      <c r="K170" s="56"/>
      <c r="L170" s="56"/>
      <c r="M170" s="56"/>
      <c r="N170" s="56"/>
      <c r="O170" s="56"/>
      <c r="P170" s="56"/>
      <c r="Q170" s="56"/>
      <c r="R170" s="56"/>
      <c r="S170" s="56"/>
      <c r="T170" s="56"/>
      <c r="U170" s="56"/>
      <c r="V170" s="56"/>
      <c r="W170" s="56"/>
      <c r="X170" s="56"/>
      <c r="Y170" s="56"/>
      <c r="Z170" s="56"/>
      <c r="AA170" s="56"/>
      <c r="AB170" s="56"/>
      <c r="AC170" s="56"/>
      <c r="AD170" s="56"/>
      <c r="AE170" s="56"/>
      <c r="AF170" s="56"/>
    </row>
    <row r="171" spans="3:32" x14ac:dyDescent="0.2">
      <c r="C171" s="56"/>
      <c r="D171" s="56"/>
      <c r="E171" s="56"/>
      <c r="F171" s="56"/>
      <c r="G171" s="56"/>
      <c r="H171" s="56"/>
      <c r="I171" s="56"/>
      <c r="J171" s="56"/>
      <c r="K171" s="56"/>
      <c r="L171" s="56"/>
      <c r="M171" s="56"/>
      <c r="N171" s="56"/>
      <c r="O171" s="56"/>
      <c r="P171" s="56"/>
      <c r="Q171" s="56"/>
      <c r="R171" s="56"/>
      <c r="S171" s="56"/>
      <c r="T171" s="56"/>
      <c r="U171" s="56"/>
      <c r="V171" s="56"/>
      <c r="W171" s="56"/>
      <c r="X171" s="56"/>
      <c r="Y171" s="56"/>
      <c r="Z171" s="56"/>
      <c r="AA171" s="56"/>
      <c r="AB171" s="56"/>
      <c r="AC171" s="56"/>
      <c r="AD171" s="56"/>
      <c r="AE171" s="56"/>
      <c r="AF171" s="56"/>
    </row>
    <row r="172" spans="3:32" x14ac:dyDescent="0.2">
      <c r="C172" s="56"/>
      <c r="D172" s="56"/>
      <c r="E172" s="56"/>
      <c r="F172" s="56"/>
      <c r="G172" s="56"/>
      <c r="H172" s="56"/>
      <c r="I172" s="56"/>
      <c r="J172" s="56"/>
      <c r="K172" s="56"/>
      <c r="L172" s="56"/>
      <c r="M172" s="56"/>
      <c r="N172" s="56"/>
      <c r="O172" s="56"/>
      <c r="P172" s="56"/>
      <c r="Q172" s="56"/>
      <c r="R172" s="56"/>
      <c r="S172" s="56"/>
      <c r="T172" s="56"/>
      <c r="U172" s="56"/>
      <c r="V172" s="56"/>
      <c r="W172" s="56"/>
      <c r="X172" s="56"/>
      <c r="Y172" s="56"/>
      <c r="Z172" s="56"/>
      <c r="AA172" s="56"/>
      <c r="AB172" s="56"/>
      <c r="AC172" s="56"/>
      <c r="AD172" s="56"/>
      <c r="AE172" s="56"/>
      <c r="AF172" s="56"/>
    </row>
    <row r="173" spans="3:32" x14ac:dyDescent="0.2">
      <c r="C173" s="56"/>
      <c r="D173" s="56"/>
      <c r="E173" s="56"/>
      <c r="F173" s="56"/>
      <c r="G173" s="56"/>
      <c r="H173" s="56"/>
      <c r="I173" s="56"/>
      <c r="J173" s="56"/>
      <c r="K173" s="56"/>
      <c r="L173" s="56"/>
      <c r="M173" s="56"/>
      <c r="N173" s="56"/>
      <c r="O173" s="56"/>
      <c r="P173" s="56"/>
      <c r="Q173" s="56"/>
      <c r="R173" s="56"/>
      <c r="S173" s="56"/>
      <c r="T173" s="56"/>
      <c r="U173" s="56"/>
      <c r="V173" s="56"/>
      <c r="W173" s="56"/>
      <c r="X173" s="56"/>
      <c r="Y173" s="56"/>
      <c r="Z173" s="56"/>
      <c r="AA173" s="56"/>
      <c r="AB173" s="56"/>
      <c r="AC173" s="56"/>
      <c r="AD173" s="56"/>
      <c r="AE173" s="56"/>
      <c r="AF173" s="56"/>
    </row>
    <row r="174" spans="3:32" x14ac:dyDescent="0.2">
      <c r="C174" s="56"/>
      <c r="D174" s="56"/>
      <c r="E174" s="56"/>
      <c r="F174" s="56"/>
      <c r="G174" s="56"/>
      <c r="H174" s="56"/>
      <c r="I174" s="56"/>
      <c r="J174" s="56"/>
      <c r="K174" s="56"/>
      <c r="L174" s="56"/>
      <c r="M174" s="56"/>
      <c r="N174" s="56"/>
      <c r="O174" s="56"/>
      <c r="P174" s="56"/>
      <c r="Q174" s="56"/>
      <c r="R174" s="56"/>
      <c r="S174" s="56"/>
      <c r="T174" s="56"/>
      <c r="U174" s="56"/>
      <c r="V174" s="56"/>
      <c r="W174" s="56"/>
      <c r="X174" s="56"/>
      <c r="Y174" s="56"/>
      <c r="Z174" s="56"/>
      <c r="AA174" s="56"/>
      <c r="AB174" s="56"/>
      <c r="AC174" s="56"/>
      <c r="AD174" s="56"/>
      <c r="AE174" s="56"/>
      <c r="AF174" s="56"/>
    </row>
    <row r="175" spans="3:32" x14ac:dyDescent="0.2">
      <c r="C175" s="56"/>
      <c r="D175" s="56"/>
      <c r="E175" s="56"/>
      <c r="F175" s="56"/>
      <c r="G175" s="56"/>
      <c r="H175" s="56"/>
      <c r="I175" s="56"/>
      <c r="J175" s="56"/>
      <c r="K175" s="56"/>
      <c r="L175" s="56"/>
      <c r="M175" s="56"/>
      <c r="N175" s="56"/>
      <c r="O175" s="56"/>
      <c r="P175" s="56"/>
      <c r="Q175" s="56"/>
      <c r="R175" s="56"/>
      <c r="S175" s="56"/>
      <c r="T175" s="56"/>
      <c r="U175" s="56"/>
      <c r="V175" s="56"/>
      <c r="W175" s="56"/>
      <c r="X175" s="56"/>
      <c r="Y175" s="56"/>
      <c r="Z175" s="56"/>
      <c r="AA175" s="56"/>
      <c r="AB175" s="56"/>
      <c r="AC175" s="56"/>
      <c r="AD175" s="56"/>
      <c r="AE175" s="56"/>
      <c r="AF175" s="56"/>
    </row>
    <row r="176" spans="3:32" x14ac:dyDescent="0.2">
      <c r="C176" s="56"/>
      <c r="D176" s="56"/>
      <c r="E176" s="56"/>
      <c r="F176" s="56"/>
      <c r="G176" s="56"/>
      <c r="H176" s="56"/>
      <c r="I176" s="56"/>
      <c r="J176" s="56"/>
      <c r="K176" s="56"/>
      <c r="L176" s="56"/>
      <c r="M176" s="56"/>
      <c r="N176" s="56"/>
      <c r="O176" s="56"/>
      <c r="P176" s="56"/>
      <c r="Q176" s="56"/>
      <c r="R176" s="56"/>
      <c r="S176" s="56"/>
      <c r="T176" s="56"/>
      <c r="U176" s="56"/>
      <c r="V176" s="56"/>
      <c r="W176" s="56"/>
      <c r="X176" s="56"/>
      <c r="Y176" s="56"/>
      <c r="Z176" s="56"/>
      <c r="AA176" s="56"/>
      <c r="AB176" s="56"/>
      <c r="AC176" s="56"/>
      <c r="AD176" s="56"/>
      <c r="AE176" s="56"/>
      <c r="AF176" s="56"/>
    </row>
    <row r="177" spans="3:32" x14ac:dyDescent="0.2">
      <c r="C177" s="56"/>
      <c r="D177" s="56"/>
      <c r="E177" s="56"/>
      <c r="F177" s="56"/>
      <c r="G177" s="56"/>
      <c r="H177" s="56"/>
      <c r="I177" s="56"/>
      <c r="J177" s="56"/>
      <c r="K177" s="56"/>
      <c r="L177" s="56"/>
      <c r="M177" s="56"/>
      <c r="N177" s="56"/>
      <c r="O177" s="56"/>
      <c r="P177" s="56"/>
      <c r="Q177" s="56"/>
      <c r="R177" s="56"/>
      <c r="S177" s="56"/>
      <c r="T177" s="56"/>
      <c r="U177" s="56"/>
      <c r="V177" s="56"/>
      <c r="W177" s="56"/>
      <c r="X177" s="56"/>
      <c r="Y177" s="56"/>
      <c r="Z177" s="56"/>
      <c r="AA177" s="56"/>
      <c r="AB177" s="56"/>
      <c r="AC177" s="56"/>
      <c r="AD177" s="56"/>
      <c r="AE177" s="56"/>
      <c r="AF177" s="56"/>
    </row>
    <row r="178" spans="3:32" x14ac:dyDescent="0.2">
      <c r="C178" s="56"/>
      <c r="D178" s="56"/>
      <c r="E178" s="56"/>
      <c r="F178" s="56"/>
      <c r="G178" s="56"/>
      <c r="H178" s="56"/>
      <c r="I178" s="56"/>
      <c r="J178" s="56"/>
      <c r="K178" s="56"/>
      <c r="L178" s="56"/>
      <c r="M178" s="56"/>
      <c r="N178" s="56"/>
      <c r="O178" s="56"/>
      <c r="P178" s="56"/>
      <c r="Q178" s="56"/>
      <c r="R178" s="56"/>
      <c r="S178" s="56"/>
      <c r="T178" s="56"/>
      <c r="U178" s="56"/>
      <c r="V178" s="56"/>
      <c r="W178" s="56"/>
      <c r="X178" s="56"/>
      <c r="Y178" s="56"/>
      <c r="Z178" s="56"/>
      <c r="AA178" s="56"/>
      <c r="AB178" s="56"/>
      <c r="AC178" s="56"/>
      <c r="AD178" s="56"/>
      <c r="AE178" s="56"/>
      <c r="AF178" s="56"/>
    </row>
    <row r="179" spans="3:32" x14ac:dyDescent="0.2">
      <c r="C179" s="56"/>
      <c r="D179" s="56"/>
      <c r="E179" s="56"/>
      <c r="F179" s="56"/>
      <c r="G179" s="56"/>
      <c r="H179" s="56"/>
      <c r="I179" s="56"/>
      <c r="J179" s="56"/>
      <c r="K179" s="56"/>
      <c r="L179" s="56"/>
      <c r="M179" s="56"/>
      <c r="N179" s="56"/>
      <c r="O179" s="56"/>
      <c r="P179" s="56"/>
      <c r="Q179" s="56"/>
      <c r="R179" s="56"/>
      <c r="S179" s="56"/>
      <c r="T179" s="56"/>
      <c r="U179" s="56"/>
      <c r="V179" s="56"/>
      <c r="W179" s="56"/>
      <c r="X179" s="56"/>
      <c r="Y179" s="56"/>
      <c r="Z179" s="56"/>
      <c r="AA179" s="56"/>
      <c r="AB179" s="56"/>
      <c r="AC179" s="56"/>
      <c r="AD179" s="56"/>
      <c r="AE179" s="56"/>
      <c r="AF179" s="56"/>
    </row>
    <row r="180" spans="3:32" x14ac:dyDescent="0.2">
      <c r="C180" s="56"/>
      <c r="D180" s="56"/>
      <c r="E180" s="56"/>
      <c r="F180" s="56"/>
      <c r="G180" s="56"/>
      <c r="H180" s="56"/>
      <c r="I180" s="56"/>
      <c r="J180" s="56"/>
      <c r="K180" s="56"/>
      <c r="L180" s="56"/>
      <c r="M180" s="56"/>
      <c r="N180" s="56"/>
      <c r="O180" s="56"/>
      <c r="P180" s="56"/>
      <c r="Q180" s="56"/>
      <c r="R180" s="56"/>
      <c r="S180" s="56"/>
      <c r="T180" s="56"/>
      <c r="U180" s="56"/>
      <c r="V180" s="56"/>
      <c r="W180" s="56"/>
      <c r="X180" s="56"/>
      <c r="Y180" s="56"/>
      <c r="Z180" s="56"/>
      <c r="AA180" s="56"/>
      <c r="AB180" s="56"/>
      <c r="AC180" s="56"/>
      <c r="AD180" s="56"/>
      <c r="AE180" s="56"/>
      <c r="AF180" s="56"/>
    </row>
    <row r="181" spans="3:32" x14ac:dyDescent="0.2">
      <c r="C181" s="56"/>
      <c r="D181" s="56"/>
      <c r="E181" s="56"/>
      <c r="F181" s="56"/>
      <c r="G181" s="56"/>
      <c r="H181" s="56"/>
      <c r="I181" s="56"/>
      <c r="J181" s="56"/>
      <c r="K181" s="56"/>
      <c r="L181" s="56"/>
      <c r="M181" s="56"/>
      <c r="N181" s="56"/>
      <c r="O181" s="56"/>
      <c r="P181" s="56"/>
      <c r="Q181" s="56"/>
      <c r="R181" s="56"/>
      <c r="S181" s="56"/>
      <c r="T181" s="56"/>
      <c r="U181" s="56"/>
      <c r="V181" s="56"/>
      <c r="W181" s="56"/>
      <c r="X181" s="56"/>
      <c r="Y181" s="56"/>
      <c r="Z181" s="56"/>
      <c r="AA181" s="56"/>
      <c r="AB181" s="56"/>
      <c r="AC181" s="56"/>
      <c r="AD181" s="56"/>
      <c r="AE181" s="56"/>
      <c r="AF181" s="56"/>
    </row>
    <row r="182" spans="3:32" x14ac:dyDescent="0.2">
      <c r="C182" s="56"/>
      <c r="D182" s="56"/>
      <c r="E182" s="56"/>
      <c r="F182" s="56"/>
      <c r="G182" s="56"/>
      <c r="H182" s="56"/>
      <c r="I182" s="56"/>
      <c r="J182" s="56"/>
      <c r="K182" s="56"/>
      <c r="L182" s="56"/>
      <c r="M182" s="56"/>
      <c r="N182" s="56"/>
      <c r="O182" s="56"/>
      <c r="P182" s="56"/>
      <c r="Q182" s="56"/>
      <c r="R182" s="56"/>
      <c r="S182" s="56"/>
      <c r="T182" s="56"/>
      <c r="U182" s="56"/>
      <c r="V182" s="56"/>
      <c r="W182" s="56"/>
      <c r="X182" s="56"/>
      <c r="Y182" s="56"/>
      <c r="Z182" s="56"/>
      <c r="AA182" s="56"/>
      <c r="AB182" s="56"/>
      <c r="AC182" s="56"/>
      <c r="AD182" s="56"/>
      <c r="AE182" s="56"/>
      <c r="AF182" s="56"/>
    </row>
    <row r="183" spans="3:32" x14ac:dyDescent="0.2">
      <c r="C183" s="56"/>
      <c r="D183" s="56"/>
      <c r="E183" s="56"/>
      <c r="F183" s="56"/>
      <c r="G183" s="56"/>
      <c r="H183" s="56"/>
      <c r="I183" s="56"/>
      <c r="J183" s="56"/>
      <c r="K183" s="56"/>
      <c r="L183" s="56"/>
      <c r="M183" s="56"/>
      <c r="N183" s="56"/>
      <c r="O183" s="56"/>
      <c r="P183" s="56"/>
      <c r="Q183" s="56"/>
      <c r="R183" s="56"/>
      <c r="S183" s="56"/>
      <c r="T183" s="56"/>
      <c r="U183" s="56"/>
      <c r="V183" s="56"/>
      <c r="W183" s="56"/>
      <c r="X183" s="56"/>
      <c r="Y183" s="56"/>
      <c r="Z183" s="56"/>
      <c r="AA183" s="56"/>
      <c r="AB183" s="56"/>
      <c r="AC183" s="56"/>
      <c r="AD183" s="56"/>
      <c r="AE183" s="56"/>
      <c r="AF183" s="56"/>
    </row>
    <row r="184" spans="3:32" x14ac:dyDescent="0.2">
      <c r="C184" s="56"/>
      <c r="D184" s="56"/>
      <c r="E184" s="56"/>
      <c r="F184" s="56"/>
      <c r="G184" s="56"/>
      <c r="H184" s="56"/>
      <c r="I184" s="56"/>
      <c r="J184" s="56"/>
      <c r="K184" s="56"/>
      <c r="L184" s="56"/>
      <c r="M184" s="56"/>
      <c r="N184" s="56"/>
      <c r="O184" s="56"/>
      <c r="P184" s="56"/>
      <c r="Q184" s="56"/>
      <c r="R184" s="56"/>
      <c r="S184" s="56"/>
      <c r="T184" s="56"/>
      <c r="U184" s="56"/>
      <c r="V184" s="56"/>
      <c r="W184" s="56"/>
      <c r="X184" s="56"/>
      <c r="Y184" s="56"/>
      <c r="Z184" s="56"/>
      <c r="AA184" s="56"/>
      <c r="AB184" s="56"/>
      <c r="AC184" s="56"/>
      <c r="AD184" s="56"/>
      <c r="AE184" s="56"/>
      <c r="AF184" s="56"/>
    </row>
    <row r="185" spans="3:32" x14ac:dyDescent="0.2">
      <c r="C185" s="56"/>
      <c r="D185" s="56"/>
      <c r="E185" s="56"/>
      <c r="F185" s="56"/>
      <c r="G185" s="56"/>
      <c r="H185" s="56"/>
      <c r="I185" s="56"/>
      <c r="J185" s="56"/>
      <c r="K185" s="56"/>
      <c r="L185" s="56"/>
      <c r="M185" s="56"/>
      <c r="N185" s="56"/>
      <c r="O185" s="56"/>
      <c r="P185" s="56"/>
      <c r="Q185" s="56"/>
      <c r="R185" s="56"/>
      <c r="S185" s="56"/>
      <c r="T185" s="56"/>
      <c r="U185" s="56"/>
      <c r="V185" s="56"/>
      <c r="W185" s="56"/>
      <c r="X185" s="56"/>
      <c r="Y185" s="56"/>
      <c r="Z185" s="56"/>
      <c r="AA185" s="56"/>
      <c r="AB185" s="56"/>
      <c r="AC185" s="56"/>
      <c r="AD185" s="56"/>
      <c r="AE185" s="56"/>
      <c r="AF185" s="56"/>
    </row>
    <row r="186" spans="3:32" x14ac:dyDescent="0.2">
      <c r="C186" s="56"/>
      <c r="D186" s="56"/>
      <c r="E186" s="56"/>
      <c r="F186" s="56"/>
      <c r="G186" s="56"/>
      <c r="H186" s="56"/>
      <c r="I186" s="56"/>
      <c r="J186" s="56"/>
      <c r="K186" s="56"/>
      <c r="L186" s="56"/>
      <c r="M186" s="56"/>
      <c r="N186" s="56"/>
      <c r="O186" s="56"/>
      <c r="P186" s="56"/>
      <c r="Q186" s="56"/>
      <c r="R186" s="56"/>
      <c r="S186" s="56"/>
      <c r="T186" s="56"/>
      <c r="U186" s="56"/>
      <c r="V186" s="56"/>
      <c r="W186" s="56"/>
      <c r="X186" s="56"/>
      <c r="Y186" s="56"/>
      <c r="Z186" s="56"/>
      <c r="AA186" s="56"/>
      <c r="AB186" s="56"/>
      <c r="AC186" s="56"/>
      <c r="AD186" s="56"/>
      <c r="AE186" s="56"/>
      <c r="AF186" s="56"/>
    </row>
    <row r="187" spans="3:32" x14ac:dyDescent="0.2">
      <c r="C187" s="56"/>
      <c r="D187" s="56"/>
      <c r="E187" s="56"/>
      <c r="F187" s="56"/>
      <c r="G187" s="56"/>
      <c r="H187" s="56"/>
      <c r="I187" s="56"/>
      <c r="J187" s="56"/>
      <c r="K187" s="56"/>
      <c r="L187" s="56"/>
      <c r="M187" s="56"/>
      <c r="N187" s="56"/>
      <c r="O187" s="56"/>
      <c r="P187" s="56"/>
      <c r="Q187" s="56"/>
      <c r="R187" s="56"/>
      <c r="S187" s="56"/>
      <c r="T187" s="56"/>
      <c r="U187" s="56"/>
      <c r="V187" s="56"/>
      <c r="W187" s="56"/>
      <c r="X187" s="56"/>
      <c r="Y187" s="56"/>
      <c r="Z187" s="56"/>
      <c r="AA187" s="56"/>
      <c r="AB187" s="56"/>
      <c r="AC187" s="56"/>
      <c r="AD187" s="56"/>
      <c r="AE187" s="56"/>
      <c r="AF187" s="56"/>
    </row>
    <row r="188" spans="3:32" x14ac:dyDescent="0.2">
      <c r="C188" s="56"/>
      <c r="D188" s="56"/>
      <c r="E188" s="56"/>
      <c r="F188" s="56"/>
      <c r="G188" s="56"/>
      <c r="H188" s="56"/>
      <c r="I188" s="56"/>
      <c r="J188" s="56"/>
      <c r="K188" s="56"/>
      <c r="L188" s="56"/>
      <c r="M188" s="56"/>
      <c r="N188" s="56"/>
      <c r="O188" s="56"/>
      <c r="P188" s="56"/>
      <c r="Q188" s="56"/>
      <c r="R188" s="56"/>
      <c r="S188" s="56"/>
      <c r="T188" s="56"/>
      <c r="U188" s="56"/>
      <c r="V188" s="56"/>
      <c r="W188" s="56"/>
      <c r="X188" s="56"/>
      <c r="Y188" s="56"/>
      <c r="Z188" s="56"/>
      <c r="AA188" s="56"/>
      <c r="AB188" s="56"/>
      <c r="AC188" s="56"/>
      <c r="AD188" s="56"/>
      <c r="AE188" s="56"/>
      <c r="AF188" s="56"/>
    </row>
    <row r="189" spans="3:32" x14ac:dyDescent="0.2">
      <c r="C189" s="56"/>
      <c r="D189" s="56"/>
      <c r="E189" s="56"/>
      <c r="F189" s="56"/>
      <c r="G189" s="56"/>
      <c r="H189" s="56"/>
      <c r="I189" s="56"/>
      <c r="J189" s="56"/>
      <c r="K189" s="56"/>
      <c r="L189" s="56"/>
      <c r="M189" s="56"/>
      <c r="N189" s="56"/>
      <c r="O189" s="56"/>
      <c r="P189" s="56"/>
      <c r="Q189" s="56"/>
      <c r="R189" s="56"/>
      <c r="S189" s="56"/>
      <c r="T189" s="56"/>
      <c r="U189" s="56"/>
      <c r="V189" s="56"/>
      <c r="W189" s="56"/>
      <c r="X189" s="56"/>
      <c r="Y189" s="56"/>
      <c r="Z189" s="56"/>
      <c r="AA189" s="56"/>
      <c r="AB189" s="56"/>
      <c r="AC189" s="56"/>
      <c r="AD189" s="56"/>
      <c r="AE189" s="56"/>
      <c r="AF189" s="56"/>
    </row>
    <row r="190" spans="3:32" x14ac:dyDescent="0.2">
      <c r="C190" s="56"/>
      <c r="D190" s="56"/>
      <c r="E190" s="56"/>
      <c r="F190" s="56"/>
      <c r="G190" s="56"/>
      <c r="H190" s="56"/>
      <c r="I190" s="56"/>
      <c r="J190" s="56"/>
      <c r="K190" s="56"/>
      <c r="L190" s="56"/>
      <c r="M190" s="56"/>
      <c r="N190" s="56"/>
      <c r="O190" s="56"/>
      <c r="P190" s="56"/>
      <c r="Q190" s="56"/>
      <c r="R190" s="56"/>
      <c r="S190" s="56"/>
      <c r="T190" s="56"/>
      <c r="U190" s="56"/>
      <c r="V190" s="56"/>
      <c r="W190" s="56"/>
      <c r="X190" s="56"/>
      <c r="Y190" s="56"/>
      <c r="Z190" s="56"/>
      <c r="AA190" s="56"/>
      <c r="AB190" s="56"/>
      <c r="AC190" s="56"/>
      <c r="AD190" s="56"/>
      <c r="AE190" s="56"/>
      <c r="AF190" s="56"/>
    </row>
    <row r="191" spans="3:32" x14ac:dyDescent="0.2">
      <c r="C191" s="56"/>
      <c r="D191" s="56"/>
      <c r="E191" s="56"/>
      <c r="F191" s="56"/>
      <c r="G191" s="56"/>
      <c r="H191" s="56"/>
      <c r="I191" s="56"/>
      <c r="J191" s="56"/>
      <c r="K191" s="56"/>
      <c r="L191" s="56"/>
      <c r="M191" s="56"/>
      <c r="N191" s="56"/>
      <c r="O191" s="56"/>
      <c r="P191" s="56"/>
      <c r="Q191" s="56"/>
      <c r="R191" s="56"/>
      <c r="S191" s="56"/>
      <c r="T191" s="56"/>
      <c r="U191" s="56"/>
      <c r="V191" s="56"/>
      <c r="W191" s="56"/>
      <c r="X191" s="56"/>
      <c r="Y191" s="56"/>
      <c r="Z191" s="56"/>
      <c r="AA191" s="56"/>
      <c r="AB191" s="56"/>
      <c r="AC191" s="56"/>
      <c r="AD191" s="56"/>
      <c r="AE191" s="56"/>
      <c r="AF191" s="56"/>
    </row>
    <row r="192" spans="3:32" x14ac:dyDescent="0.2">
      <c r="C192" s="56"/>
      <c r="D192" s="56"/>
      <c r="E192" s="56"/>
      <c r="F192" s="56"/>
      <c r="G192" s="56"/>
      <c r="H192" s="56"/>
      <c r="I192" s="56"/>
      <c r="J192" s="56"/>
      <c r="K192" s="56"/>
      <c r="L192" s="56"/>
      <c r="M192" s="56"/>
      <c r="N192" s="56"/>
      <c r="O192" s="56"/>
      <c r="P192" s="56"/>
      <c r="Q192" s="56"/>
      <c r="R192" s="56"/>
      <c r="S192" s="56"/>
      <c r="T192" s="56"/>
      <c r="U192" s="56"/>
      <c r="V192" s="56"/>
      <c r="W192" s="56"/>
      <c r="X192" s="56"/>
      <c r="Y192" s="56"/>
      <c r="Z192" s="56"/>
      <c r="AA192" s="56"/>
      <c r="AB192" s="56"/>
      <c r="AC192" s="56"/>
      <c r="AD192" s="56"/>
      <c r="AE192" s="56"/>
      <c r="AF192" s="56"/>
    </row>
    <row r="193" spans="3:32" x14ac:dyDescent="0.2">
      <c r="C193" s="56"/>
      <c r="D193" s="56"/>
      <c r="E193" s="56"/>
      <c r="F193" s="56"/>
      <c r="G193" s="56"/>
      <c r="H193" s="56"/>
      <c r="I193" s="56"/>
      <c r="J193" s="56"/>
      <c r="K193" s="56"/>
      <c r="L193" s="56"/>
      <c r="M193" s="56"/>
      <c r="N193" s="56"/>
      <c r="O193" s="56"/>
      <c r="P193" s="56"/>
      <c r="Q193" s="56"/>
      <c r="R193" s="56"/>
      <c r="S193" s="56"/>
      <c r="T193" s="56"/>
      <c r="U193" s="56"/>
      <c r="V193" s="56"/>
      <c r="W193" s="56"/>
      <c r="X193" s="56"/>
      <c r="Y193" s="56"/>
      <c r="Z193" s="56"/>
      <c r="AA193" s="56"/>
      <c r="AB193" s="56"/>
      <c r="AC193" s="56"/>
      <c r="AD193" s="56"/>
      <c r="AE193" s="56"/>
      <c r="AF193" s="56"/>
    </row>
    <row r="194" spans="3:32" x14ac:dyDescent="0.2">
      <c r="C194" s="56"/>
      <c r="D194" s="56"/>
      <c r="E194" s="56"/>
      <c r="F194" s="56"/>
      <c r="G194" s="56"/>
      <c r="H194" s="56"/>
      <c r="I194" s="56"/>
      <c r="J194" s="56"/>
      <c r="K194" s="56"/>
      <c r="L194" s="56"/>
      <c r="M194" s="56"/>
      <c r="N194" s="56"/>
      <c r="O194" s="56"/>
      <c r="P194" s="56"/>
      <c r="Q194" s="56"/>
      <c r="R194" s="56"/>
      <c r="S194" s="56"/>
      <c r="T194" s="56"/>
      <c r="U194" s="56"/>
      <c r="V194" s="56"/>
      <c r="W194" s="56"/>
      <c r="X194" s="56"/>
      <c r="Y194" s="56"/>
      <c r="Z194" s="56"/>
      <c r="AA194" s="56"/>
      <c r="AB194" s="56"/>
      <c r="AC194" s="56"/>
      <c r="AD194" s="56"/>
      <c r="AE194" s="56"/>
      <c r="AF194" s="56"/>
    </row>
    <row r="195" spans="3:32" x14ac:dyDescent="0.2">
      <c r="C195" s="56"/>
      <c r="D195" s="56"/>
      <c r="E195" s="56"/>
      <c r="F195" s="56"/>
      <c r="G195" s="56"/>
      <c r="H195" s="56"/>
      <c r="I195" s="56"/>
      <c r="J195" s="56"/>
      <c r="K195" s="56"/>
      <c r="L195" s="56"/>
      <c r="M195" s="56"/>
      <c r="N195" s="56"/>
      <c r="O195" s="56"/>
      <c r="P195" s="56"/>
      <c r="Q195" s="56"/>
      <c r="R195" s="56"/>
      <c r="S195" s="56"/>
      <c r="T195" s="56"/>
      <c r="U195" s="56"/>
      <c r="V195" s="56"/>
      <c r="W195" s="56"/>
      <c r="X195" s="56"/>
      <c r="Y195" s="56"/>
      <c r="Z195" s="56"/>
      <c r="AA195" s="56"/>
      <c r="AB195" s="56"/>
      <c r="AC195" s="56"/>
      <c r="AD195" s="56"/>
      <c r="AE195" s="56"/>
      <c r="AF195" s="56"/>
    </row>
    <row r="196" spans="3:32" x14ac:dyDescent="0.2">
      <c r="C196" s="56"/>
      <c r="D196" s="56"/>
      <c r="E196" s="56"/>
      <c r="F196" s="56"/>
      <c r="G196" s="56"/>
      <c r="H196" s="56"/>
      <c r="I196" s="56"/>
      <c r="J196" s="56"/>
      <c r="K196" s="56"/>
      <c r="L196" s="56"/>
      <c r="M196" s="56"/>
      <c r="N196" s="56"/>
      <c r="O196" s="56"/>
      <c r="P196" s="56"/>
      <c r="Q196" s="56"/>
      <c r="R196" s="56"/>
      <c r="S196" s="56"/>
      <c r="T196" s="56"/>
      <c r="U196" s="56"/>
      <c r="V196" s="56"/>
      <c r="W196" s="56"/>
      <c r="X196" s="56"/>
      <c r="Y196" s="56"/>
      <c r="Z196" s="56"/>
      <c r="AA196" s="56"/>
      <c r="AB196" s="56"/>
      <c r="AC196" s="56"/>
      <c r="AD196" s="56"/>
      <c r="AE196" s="56"/>
      <c r="AF196" s="56"/>
    </row>
    <row r="197" spans="3:32" x14ac:dyDescent="0.2">
      <c r="C197" s="56"/>
      <c r="D197" s="56"/>
      <c r="E197" s="56"/>
      <c r="F197" s="56"/>
      <c r="G197" s="56"/>
      <c r="H197" s="56"/>
      <c r="I197" s="56"/>
      <c r="J197" s="56"/>
      <c r="K197" s="56"/>
      <c r="L197" s="56"/>
      <c r="M197" s="56"/>
      <c r="N197" s="56"/>
      <c r="O197" s="56"/>
      <c r="P197" s="56"/>
      <c r="Q197" s="56"/>
      <c r="R197" s="56"/>
      <c r="S197" s="56"/>
      <c r="T197" s="56"/>
      <c r="U197" s="56"/>
      <c r="V197" s="56"/>
      <c r="W197" s="56"/>
      <c r="X197" s="56"/>
      <c r="Y197" s="56"/>
      <c r="Z197" s="56"/>
      <c r="AA197" s="56"/>
      <c r="AB197" s="56"/>
      <c r="AC197" s="56"/>
      <c r="AD197" s="56"/>
      <c r="AE197" s="56"/>
      <c r="AF197" s="56"/>
    </row>
    <row r="198" spans="3:32" x14ac:dyDescent="0.2">
      <c r="C198" s="56"/>
      <c r="D198" s="56"/>
      <c r="E198" s="56"/>
      <c r="F198" s="56"/>
      <c r="G198" s="56"/>
      <c r="H198" s="56"/>
      <c r="I198" s="56"/>
      <c r="J198" s="56"/>
      <c r="K198" s="56"/>
      <c r="L198" s="56"/>
      <c r="M198" s="56"/>
      <c r="N198" s="56"/>
      <c r="O198" s="56"/>
      <c r="P198" s="56"/>
      <c r="Q198" s="56"/>
      <c r="R198" s="56"/>
      <c r="S198" s="56"/>
      <c r="T198" s="56"/>
      <c r="U198" s="56"/>
      <c r="V198" s="56"/>
      <c r="W198" s="56"/>
      <c r="X198" s="56"/>
      <c r="Y198" s="56"/>
      <c r="Z198" s="56"/>
      <c r="AA198" s="56"/>
      <c r="AB198" s="56"/>
      <c r="AC198" s="56"/>
      <c r="AD198" s="56"/>
      <c r="AE198" s="56"/>
      <c r="AF198" s="56"/>
    </row>
    <row r="199" spans="3:32" x14ac:dyDescent="0.2">
      <c r="C199" s="56"/>
      <c r="D199" s="56"/>
      <c r="E199" s="56"/>
      <c r="F199" s="56"/>
      <c r="G199" s="56"/>
      <c r="H199" s="56"/>
      <c r="I199" s="56"/>
      <c r="J199" s="56"/>
      <c r="K199" s="56"/>
      <c r="L199" s="56"/>
      <c r="M199" s="56"/>
      <c r="N199" s="56"/>
      <c r="O199" s="56"/>
      <c r="P199" s="56"/>
      <c r="Q199" s="56"/>
      <c r="R199" s="56"/>
      <c r="S199" s="56"/>
      <c r="T199" s="56"/>
      <c r="U199" s="56"/>
      <c r="V199" s="56"/>
      <c r="W199" s="56"/>
      <c r="X199" s="56"/>
      <c r="Y199" s="56"/>
      <c r="Z199" s="56"/>
      <c r="AA199" s="56"/>
      <c r="AB199" s="56"/>
      <c r="AC199" s="56"/>
      <c r="AD199" s="56"/>
      <c r="AE199" s="56"/>
      <c r="AF199" s="56"/>
    </row>
    <row r="200" spans="3:32" x14ac:dyDescent="0.2">
      <c r="C200" s="56"/>
      <c r="D200" s="56"/>
      <c r="E200" s="56"/>
      <c r="F200" s="56"/>
      <c r="G200" s="56"/>
      <c r="H200" s="56"/>
      <c r="I200" s="56"/>
      <c r="J200" s="56"/>
      <c r="K200" s="56"/>
      <c r="L200" s="56"/>
      <c r="M200" s="56"/>
      <c r="N200" s="56"/>
      <c r="O200" s="56"/>
      <c r="P200" s="56"/>
      <c r="Q200" s="56"/>
      <c r="R200" s="56"/>
      <c r="S200" s="56"/>
      <c r="T200" s="56"/>
      <c r="U200" s="56"/>
      <c r="V200" s="56"/>
      <c r="W200" s="56"/>
      <c r="X200" s="56"/>
      <c r="Y200" s="56"/>
      <c r="Z200" s="56"/>
      <c r="AA200" s="56"/>
      <c r="AB200" s="56"/>
      <c r="AC200" s="56"/>
      <c r="AD200" s="56"/>
      <c r="AE200" s="56"/>
      <c r="AF200" s="56"/>
    </row>
    <row r="201" spans="3:32" x14ac:dyDescent="0.2">
      <c r="C201" s="56"/>
      <c r="D201" s="56"/>
      <c r="E201" s="56"/>
      <c r="F201" s="56"/>
      <c r="G201" s="56"/>
      <c r="H201" s="56"/>
      <c r="I201" s="56"/>
      <c r="J201" s="56"/>
      <c r="K201" s="56"/>
      <c r="L201" s="56"/>
      <c r="M201" s="56"/>
      <c r="N201" s="56"/>
      <c r="O201" s="56"/>
      <c r="P201" s="56"/>
      <c r="Q201" s="56"/>
      <c r="R201" s="56"/>
      <c r="S201" s="56"/>
      <c r="T201" s="56"/>
      <c r="U201" s="56"/>
      <c r="V201" s="56"/>
      <c r="W201" s="56"/>
      <c r="X201" s="56"/>
      <c r="Y201" s="56"/>
      <c r="Z201" s="56"/>
      <c r="AA201" s="56"/>
      <c r="AB201" s="56"/>
      <c r="AC201" s="56"/>
      <c r="AD201" s="56"/>
      <c r="AE201" s="56"/>
      <c r="AF201" s="56"/>
    </row>
    <row r="202" spans="3:32" x14ac:dyDescent="0.2">
      <c r="C202" s="56"/>
      <c r="D202" s="56"/>
      <c r="E202" s="56"/>
      <c r="F202" s="56"/>
      <c r="G202" s="56"/>
      <c r="H202" s="56"/>
      <c r="I202" s="56"/>
      <c r="J202" s="56"/>
      <c r="K202" s="56"/>
      <c r="L202" s="56"/>
      <c r="M202" s="56"/>
      <c r="N202" s="56"/>
      <c r="O202" s="56"/>
      <c r="P202" s="56"/>
      <c r="Q202" s="56"/>
      <c r="R202" s="56"/>
      <c r="S202" s="56"/>
      <c r="T202" s="56"/>
      <c r="U202" s="56"/>
      <c r="V202" s="56"/>
      <c r="W202" s="56"/>
      <c r="X202" s="56"/>
      <c r="Y202" s="56"/>
      <c r="Z202" s="56"/>
      <c r="AA202" s="56"/>
      <c r="AB202" s="56"/>
      <c r="AC202" s="56"/>
      <c r="AD202" s="56"/>
      <c r="AE202" s="56"/>
      <c r="AF202" s="56"/>
    </row>
    <row r="203" spans="3:32" x14ac:dyDescent="0.2">
      <c r="C203" s="56"/>
      <c r="D203" s="56"/>
      <c r="E203" s="56"/>
      <c r="F203" s="56"/>
      <c r="G203" s="56"/>
      <c r="H203" s="56"/>
      <c r="I203" s="56"/>
      <c r="J203" s="56"/>
      <c r="K203" s="56"/>
      <c r="L203" s="56"/>
      <c r="M203" s="56"/>
      <c r="N203" s="56"/>
      <c r="O203" s="56"/>
      <c r="P203" s="56"/>
      <c r="Q203" s="56"/>
      <c r="R203" s="56"/>
      <c r="S203" s="56"/>
      <c r="T203" s="56"/>
      <c r="U203" s="56"/>
      <c r="V203" s="56"/>
      <c r="W203" s="56"/>
      <c r="X203" s="56"/>
      <c r="Y203" s="56"/>
      <c r="Z203" s="56"/>
      <c r="AA203" s="56"/>
      <c r="AB203" s="56"/>
      <c r="AC203" s="56"/>
      <c r="AD203" s="56"/>
      <c r="AE203" s="56"/>
      <c r="AF203" s="56"/>
    </row>
    <row r="204" spans="3:32" x14ac:dyDescent="0.2">
      <c r="C204" s="56"/>
      <c r="D204" s="56"/>
      <c r="E204" s="56"/>
      <c r="F204" s="56"/>
      <c r="G204" s="56"/>
      <c r="H204" s="56"/>
      <c r="I204" s="56"/>
      <c r="J204" s="56"/>
      <c r="K204" s="56"/>
      <c r="L204" s="56"/>
      <c r="M204" s="56"/>
      <c r="N204" s="56"/>
      <c r="O204" s="56"/>
      <c r="P204" s="56"/>
      <c r="Q204" s="56"/>
      <c r="R204" s="56"/>
      <c r="S204" s="56"/>
      <c r="T204" s="56"/>
      <c r="U204" s="56"/>
      <c r="V204" s="56"/>
      <c r="W204" s="56"/>
      <c r="X204" s="56"/>
      <c r="Y204" s="56"/>
      <c r="Z204" s="56"/>
      <c r="AA204" s="56"/>
      <c r="AB204" s="56"/>
      <c r="AC204" s="56"/>
      <c r="AD204" s="56"/>
      <c r="AE204" s="56"/>
      <c r="AF204" s="56"/>
    </row>
    <row r="205" spans="3:32" x14ac:dyDescent="0.2">
      <c r="C205" s="56"/>
      <c r="D205" s="56"/>
      <c r="E205" s="56"/>
      <c r="F205" s="56"/>
      <c r="G205" s="56"/>
      <c r="H205" s="56"/>
      <c r="I205" s="56"/>
      <c r="J205" s="56"/>
      <c r="K205" s="56"/>
      <c r="L205" s="56"/>
      <c r="M205" s="56"/>
      <c r="N205" s="56"/>
      <c r="O205" s="56"/>
      <c r="P205" s="56"/>
      <c r="Q205" s="56"/>
      <c r="R205" s="56"/>
      <c r="S205" s="56"/>
      <c r="T205" s="56"/>
      <c r="U205" s="56"/>
      <c r="V205" s="56"/>
      <c r="W205" s="56"/>
      <c r="X205" s="56"/>
      <c r="Y205" s="56"/>
      <c r="Z205" s="56"/>
      <c r="AA205" s="56"/>
      <c r="AB205" s="56"/>
      <c r="AC205" s="56"/>
      <c r="AD205" s="56"/>
      <c r="AE205" s="56"/>
      <c r="AF205" s="56"/>
    </row>
    <row r="206" spans="3:32" x14ac:dyDescent="0.2">
      <c r="C206" s="56"/>
      <c r="D206" s="56"/>
      <c r="E206" s="56"/>
      <c r="F206" s="56"/>
      <c r="G206" s="56"/>
      <c r="H206" s="56"/>
      <c r="I206" s="56"/>
      <c r="J206" s="56"/>
      <c r="K206" s="56"/>
      <c r="L206" s="56"/>
      <c r="M206" s="56"/>
      <c r="N206" s="56"/>
      <c r="O206" s="56"/>
      <c r="P206" s="56"/>
      <c r="Q206" s="56"/>
      <c r="R206" s="56"/>
      <c r="S206" s="56"/>
      <c r="T206" s="56"/>
      <c r="U206" s="56"/>
      <c r="V206" s="56"/>
      <c r="W206" s="56"/>
      <c r="X206" s="56"/>
      <c r="Y206" s="56"/>
      <c r="Z206" s="56"/>
      <c r="AA206" s="56"/>
      <c r="AB206" s="56"/>
      <c r="AC206" s="56"/>
      <c r="AD206" s="56"/>
      <c r="AE206" s="56"/>
      <c r="AF206" s="56"/>
    </row>
    <row r="207" spans="3:32" x14ac:dyDescent="0.2">
      <c r="C207" s="56"/>
      <c r="D207" s="56"/>
      <c r="E207" s="56"/>
      <c r="F207" s="56"/>
      <c r="G207" s="56"/>
      <c r="H207" s="56"/>
      <c r="I207" s="56"/>
      <c r="J207" s="56"/>
      <c r="K207" s="56"/>
      <c r="L207" s="56"/>
      <c r="M207" s="56"/>
      <c r="N207" s="56"/>
      <c r="O207" s="56"/>
      <c r="P207" s="56"/>
      <c r="Q207" s="56"/>
      <c r="R207" s="56"/>
      <c r="S207" s="56"/>
      <c r="T207" s="56"/>
      <c r="U207" s="56"/>
      <c r="V207" s="56"/>
      <c r="W207" s="56"/>
      <c r="X207" s="56"/>
      <c r="Y207" s="56"/>
      <c r="Z207" s="56"/>
      <c r="AA207" s="56"/>
      <c r="AB207" s="56"/>
      <c r="AC207" s="56"/>
      <c r="AD207" s="56"/>
      <c r="AE207" s="56"/>
      <c r="AF207" s="56"/>
    </row>
    <row r="208" spans="3:32" x14ac:dyDescent="0.2">
      <c r="C208" s="56"/>
      <c r="D208" s="56"/>
      <c r="E208" s="56"/>
      <c r="F208" s="56"/>
      <c r="G208" s="56"/>
      <c r="H208" s="56"/>
      <c r="I208" s="56"/>
      <c r="J208" s="56"/>
      <c r="K208" s="56"/>
      <c r="L208" s="56"/>
      <c r="M208" s="56"/>
      <c r="N208" s="56"/>
      <c r="O208" s="56"/>
      <c r="P208" s="56"/>
      <c r="Q208" s="56"/>
      <c r="R208" s="56"/>
      <c r="S208" s="56"/>
      <c r="T208" s="56"/>
      <c r="U208" s="56"/>
      <c r="V208" s="56"/>
      <c r="W208" s="56"/>
      <c r="X208" s="56"/>
      <c r="Y208" s="56"/>
      <c r="Z208" s="56"/>
      <c r="AA208" s="56"/>
      <c r="AB208" s="56"/>
      <c r="AC208" s="56"/>
      <c r="AD208" s="56"/>
      <c r="AE208" s="56"/>
      <c r="AF208" s="56"/>
    </row>
    <row r="209" spans="3:32" x14ac:dyDescent="0.2">
      <c r="C209" s="56"/>
      <c r="D209" s="56"/>
      <c r="E209" s="56"/>
      <c r="F209" s="56"/>
      <c r="G209" s="56"/>
      <c r="H209" s="56"/>
      <c r="I209" s="56"/>
      <c r="J209" s="56"/>
      <c r="K209" s="56"/>
      <c r="L209" s="56"/>
      <c r="M209" s="56"/>
      <c r="N209" s="56"/>
      <c r="O209" s="56"/>
      <c r="P209" s="56"/>
      <c r="Q209" s="56"/>
      <c r="R209" s="56"/>
      <c r="S209" s="56"/>
      <c r="T209" s="56"/>
      <c r="U209" s="56"/>
      <c r="V209" s="56"/>
      <c r="W209" s="56"/>
      <c r="X209" s="56"/>
      <c r="Y209" s="56"/>
      <c r="Z209" s="56"/>
      <c r="AA209" s="56"/>
      <c r="AB209" s="56"/>
      <c r="AC209" s="56"/>
      <c r="AD209" s="56"/>
      <c r="AE209" s="56"/>
      <c r="AF209" s="56"/>
    </row>
    <row r="210" spans="3:32" x14ac:dyDescent="0.2">
      <c r="C210" s="56"/>
      <c r="D210" s="56"/>
      <c r="E210" s="56"/>
      <c r="F210" s="56"/>
      <c r="G210" s="56"/>
      <c r="H210" s="56"/>
      <c r="I210" s="56"/>
      <c r="J210" s="56"/>
      <c r="K210" s="56"/>
      <c r="L210" s="56"/>
      <c r="M210" s="56"/>
      <c r="N210" s="56"/>
      <c r="O210" s="56"/>
      <c r="P210" s="56"/>
      <c r="Q210" s="56"/>
      <c r="R210" s="56"/>
      <c r="S210" s="56"/>
      <c r="T210" s="56"/>
      <c r="U210" s="56"/>
      <c r="V210" s="56"/>
      <c r="W210" s="56"/>
      <c r="X210" s="56"/>
      <c r="Y210" s="56"/>
      <c r="Z210" s="56"/>
      <c r="AA210" s="56"/>
      <c r="AB210" s="56"/>
      <c r="AC210" s="56"/>
      <c r="AD210" s="56"/>
      <c r="AE210" s="56"/>
      <c r="AF210" s="56"/>
    </row>
    <row r="211" spans="3:32" x14ac:dyDescent="0.2">
      <c r="C211" s="56"/>
      <c r="D211" s="56"/>
      <c r="E211" s="56"/>
      <c r="F211" s="56"/>
      <c r="G211" s="56"/>
      <c r="H211" s="56"/>
      <c r="I211" s="56"/>
      <c r="J211" s="56"/>
      <c r="K211" s="56"/>
      <c r="L211" s="56"/>
      <c r="M211" s="56"/>
      <c r="N211" s="56"/>
      <c r="O211" s="56"/>
      <c r="P211" s="56"/>
      <c r="Q211" s="56"/>
      <c r="R211" s="56"/>
      <c r="S211" s="56"/>
      <c r="T211" s="56"/>
      <c r="U211" s="56"/>
      <c r="V211" s="56"/>
      <c r="W211" s="56"/>
      <c r="X211" s="56"/>
      <c r="Y211" s="56"/>
      <c r="Z211" s="56"/>
      <c r="AA211" s="56"/>
      <c r="AB211" s="56"/>
      <c r="AC211" s="56"/>
      <c r="AD211" s="56"/>
      <c r="AE211" s="56"/>
      <c r="AF211" s="56"/>
    </row>
    <row r="212" spans="3:32" x14ac:dyDescent="0.2">
      <c r="C212" s="56"/>
      <c r="D212" s="56"/>
      <c r="E212" s="56"/>
      <c r="F212" s="56"/>
      <c r="G212" s="56"/>
      <c r="H212" s="56"/>
      <c r="I212" s="56"/>
      <c r="J212" s="56"/>
      <c r="K212" s="56"/>
      <c r="L212" s="56"/>
      <c r="M212" s="56"/>
      <c r="N212" s="56"/>
      <c r="O212" s="56"/>
      <c r="P212" s="56"/>
      <c r="Q212" s="56"/>
      <c r="R212" s="56"/>
      <c r="S212" s="56"/>
      <c r="T212" s="56"/>
      <c r="U212" s="56"/>
      <c r="V212" s="56"/>
      <c r="W212" s="56"/>
      <c r="X212" s="56"/>
      <c r="Y212" s="56"/>
      <c r="Z212" s="56"/>
      <c r="AA212" s="56"/>
      <c r="AB212" s="56"/>
      <c r="AC212" s="56"/>
      <c r="AD212" s="56"/>
      <c r="AE212" s="56"/>
      <c r="AF212" s="56"/>
    </row>
    <row r="213" spans="3:32" x14ac:dyDescent="0.2">
      <c r="C213" s="56"/>
      <c r="D213" s="56"/>
      <c r="E213" s="56"/>
      <c r="F213" s="56"/>
      <c r="G213" s="56"/>
      <c r="H213" s="56"/>
      <c r="I213" s="56"/>
      <c r="J213" s="56"/>
      <c r="K213" s="56"/>
      <c r="L213" s="56"/>
      <c r="M213" s="56"/>
      <c r="N213" s="56"/>
      <c r="O213" s="56"/>
      <c r="P213" s="56"/>
      <c r="Q213" s="56"/>
      <c r="R213" s="56"/>
      <c r="S213" s="56"/>
      <c r="T213" s="56"/>
      <c r="U213" s="56"/>
      <c r="V213" s="56"/>
      <c r="W213" s="56"/>
      <c r="X213" s="56"/>
      <c r="Y213" s="56"/>
      <c r="Z213" s="56"/>
      <c r="AA213" s="56"/>
      <c r="AB213" s="56"/>
      <c r="AC213" s="56"/>
      <c r="AD213" s="56"/>
      <c r="AE213" s="56"/>
      <c r="AF213" s="56"/>
    </row>
    <row r="214" spans="3:32" x14ac:dyDescent="0.2">
      <c r="C214" s="56"/>
      <c r="D214" s="56"/>
      <c r="E214" s="56"/>
      <c r="F214" s="56"/>
      <c r="G214" s="56"/>
      <c r="H214" s="56"/>
      <c r="I214" s="56"/>
      <c r="J214" s="56"/>
      <c r="K214" s="56"/>
      <c r="L214" s="56"/>
      <c r="M214" s="56"/>
      <c r="N214" s="56"/>
      <c r="O214" s="56"/>
      <c r="P214" s="56"/>
      <c r="Q214" s="56"/>
      <c r="R214" s="56"/>
      <c r="S214" s="56"/>
      <c r="T214" s="56"/>
      <c r="U214" s="56"/>
      <c r="V214" s="56"/>
      <c r="W214" s="56"/>
      <c r="X214" s="56"/>
      <c r="Y214" s="56"/>
      <c r="Z214" s="56"/>
      <c r="AA214" s="56"/>
      <c r="AB214" s="56"/>
      <c r="AC214" s="56"/>
      <c r="AD214" s="56"/>
      <c r="AE214" s="56"/>
      <c r="AF214" s="56"/>
    </row>
    <row r="215" spans="3:32" x14ac:dyDescent="0.2">
      <c r="C215" s="56"/>
      <c r="D215" s="56"/>
      <c r="E215" s="56"/>
      <c r="F215" s="56"/>
      <c r="G215" s="56"/>
      <c r="H215" s="56"/>
      <c r="I215" s="56"/>
      <c r="J215" s="56"/>
      <c r="K215" s="56"/>
      <c r="L215" s="56"/>
      <c r="M215" s="56"/>
      <c r="N215" s="56"/>
      <c r="O215" s="56"/>
      <c r="P215" s="56"/>
      <c r="Q215" s="56"/>
      <c r="R215" s="56"/>
      <c r="S215" s="56"/>
      <c r="T215" s="56"/>
      <c r="U215" s="56"/>
      <c r="V215" s="56"/>
      <c r="W215" s="56"/>
      <c r="X215" s="56"/>
      <c r="Y215" s="56"/>
      <c r="Z215" s="56"/>
      <c r="AA215" s="56"/>
      <c r="AB215" s="56"/>
      <c r="AC215" s="56"/>
      <c r="AD215" s="56"/>
      <c r="AE215" s="56"/>
      <c r="AF215" s="56"/>
    </row>
    <row r="216" spans="3:32" x14ac:dyDescent="0.2">
      <c r="C216" s="56"/>
      <c r="D216" s="56"/>
      <c r="E216" s="56"/>
      <c r="F216" s="56"/>
      <c r="G216" s="56"/>
      <c r="H216" s="56"/>
      <c r="I216" s="56"/>
      <c r="J216" s="56"/>
      <c r="K216" s="56"/>
      <c r="L216" s="56"/>
      <c r="M216" s="56"/>
      <c r="N216" s="56"/>
      <c r="O216" s="56"/>
      <c r="P216" s="56"/>
      <c r="Q216" s="56"/>
      <c r="R216" s="56"/>
      <c r="S216" s="56"/>
      <c r="T216" s="56"/>
      <c r="U216" s="56"/>
      <c r="V216" s="56"/>
      <c r="W216" s="56"/>
      <c r="X216" s="56"/>
      <c r="Y216" s="56"/>
      <c r="Z216" s="56"/>
      <c r="AA216" s="56"/>
      <c r="AB216" s="56"/>
      <c r="AC216" s="56"/>
      <c r="AD216" s="56"/>
      <c r="AE216" s="56"/>
      <c r="AF216" s="56"/>
    </row>
    <row r="217" spans="3:32" x14ac:dyDescent="0.2">
      <c r="C217" s="56"/>
      <c r="D217" s="56"/>
      <c r="E217" s="56"/>
      <c r="F217" s="56"/>
      <c r="G217" s="56"/>
      <c r="H217" s="56"/>
      <c r="I217" s="56"/>
      <c r="J217" s="56"/>
      <c r="K217" s="56"/>
      <c r="L217" s="56"/>
      <c r="M217" s="56"/>
      <c r="N217" s="56"/>
      <c r="O217" s="56"/>
      <c r="P217" s="56"/>
      <c r="Q217" s="56"/>
      <c r="R217" s="56"/>
      <c r="S217" s="56"/>
      <c r="T217" s="56"/>
      <c r="U217" s="56"/>
      <c r="V217" s="56"/>
      <c r="W217" s="56"/>
      <c r="X217" s="56"/>
      <c r="Y217" s="56"/>
      <c r="Z217" s="56"/>
      <c r="AA217" s="56"/>
      <c r="AB217" s="56"/>
      <c r="AC217" s="56"/>
      <c r="AD217" s="56"/>
      <c r="AE217" s="56"/>
      <c r="AF217" s="56"/>
    </row>
    <row r="218" spans="3:32" x14ac:dyDescent="0.2">
      <c r="C218" s="56"/>
      <c r="D218" s="56"/>
      <c r="E218" s="56"/>
      <c r="F218" s="56"/>
      <c r="G218" s="56"/>
      <c r="H218" s="56"/>
      <c r="I218" s="56"/>
      <c r="J218" s="56"/>
      <c r="K218" s="56"/>
      <c r="L218" s="56"/>
      <c r="M218" s="56"/>
      <c r="N218" s="56"/>
      <c r="O218" s="56"/>
      <c r="P218" s="56"/>
      <c r="Q218" s="56"/>
      <c r="R218" s="56"/>
      <c r="S218" s="56"/>
      <c r="T218" s="56"/>
      <c r="U218" s="56"/>
      <c r="V218" s="56"/>
      <c r="W218" s="56"/>
      <c r="X218" s="56"/>
      <c r="Y218" s="56"/>
      <c r="Z218" s="56"/>
      <c r="AA218" s="56"/>
      <c r="AB218" s="56"/>
      <c r="AC218" s="56"/>
      <c r="AD218" s="56"/>
      <c r="AE218" s="56"/>
      <c r="AF218" s="56"/>
    </row>
    <row r="219" spans="3:32" x14ac:dyDescent="0.2">
      <c r="C219" s="56"/>
      <c r="D219" s="56"/>
      <c r="E219" s="56"/>
      <c r="F219" s="56"/>
      <c r="G219" s="56"/>
      <c r="H219" s="56"/>
      <c r="I219" s="56"/>
      <c r="J219" s="56"/>
      <c r="K219" s="56"/>
      <c r="L219" s="56"/>
      <c r="M219" s="56"/>
      <c r="N219" s="56"/>
      <c r="O219" s="56"/>
      <c r="P219" s="56"/>
      <c r="Q219" s="56"/>
      <c r="R219" s="56"/>
      <c r="S219" s="56"/>
      <c r="T219" s="56"/>
      <c r="U219" s="56"/>
      <c r="V219" s="56"/>
      <c r="W219" s="56"/>
      <c r="X219" s="56"/>
      <c r="Y219" s="56"/>
      <c r="Z219" s="56"/>
      <c r="AA219" s="56"/>
      <c r="AB219" s="56"/>
      <c r="AC219" s="56"/>
      <c r="AD219" s="56"/>
      <c r="AE219" s="56"/>
      <c r="AF219" s="56"/>
    </row>
  </sheetData>
  <mergeCells count="59">
    <mergeCell ref="F1:G1"/>
    <mergeCell ref="I1:J1"/>
    <mergeCell ref="B3:B5"/>
    <mergeCell ref="C3:AF3"/>
    <mergeCell ref="AG3:BJ3"/>
    <mergeCell ref="AG5:AI5"/>
    <mergeCell ref="AJ5:AO5"/>
    <mergeCell ref="AP5:AP6"/>
    <mergeCell ref="AQ5:AS5"/>
    <mergeCell ref="AT5:AY5"/>
    <mergeCell ref="AZ5:AZ6"/>
    <mergeCell ref="C5:E5"/>
    <mergeCell ref="F5:K5"/>
    <mergeCell ref="L5:L6"/>
    <mergeCell ref="M5:O5"/>
    <mergeCell ref="P5:U5"/>
    <mergeCell ref="V5:V6"/>
    <mergeCell ref="BK3:CN3"/>
    <mergeCell ref="DS3:EB4"/>
    <mergeCell ref="C4:L4"/>
    <mergeCell ref="M4:V4"/>
    <mergeCell ref="W4:AF4"/>
    <mergeCell ref="AG4:AP4"/>
    <mergeCell ref="AQ4:AZ4"/>
    <mergeCell ref="BA4:BJ4"/>
    <mergeCell ref="BK4:BT4"/>
    <mergeCell ref="BU4:CD4"/>
    <mergeCell ref="CE4:CN4"/>
    <mergeCell ref="CO3:DR3"/>
    <mergeCell ref="CO4:CX4"/>
    <mergeCell ref="CY4:DH4"/>
    <mergeCell ref="DI4:DR4"/>
    <mergeCell ref="W5:Y5"/>
    <mergeCell ref="Z5:AE5"/>
    <mergeCell ref="AF5:AF6"/>
    <mergeCell ref="BN5:BS5"/>
    <mergeCell ref="BT5:BT6"/>
    <mergeCell ref="BU5:BW5"/>
    <mergeCell ref="BX5:CC5"/>
    <mergeCell ref="BA5:BC5"/>
    <mergeCell ref="BD5:BI5"/>
    <mergeCell ref="BJ5:BJ6"/>
    <mergeCell ref="BK5:BM5"/>
    <mergeCell ref="DS5:DU5"/>
    <mergeCell ref="DV5:EA5"/>
    <mergeCell ref="EB5:EB6"/>
    <mergeCell ref="CD5:CD6"/>
    <mergeCell ref="CE5:CG5"/>
    <mergeCell ref="CH5:CM5"/>
    <mergeCell ref="CN5:CN6"/>
    <mergeCell ref="CO5:CQ5"/>
    <mergeCell ref="CR5:CW5"/>
    <mergeCell ref="CX5:CX6"/>
    <mergeCell ref="CY5:DA5"/>
    <mergeCell ref="DB5:DG5"/>
    <mergeCell ref="DH5:DH6"/>
    <mergeCell ref="DI5:DK5"/>
    <mergeCell ref="DL5:DQ5"/>
    <mergeCell ref="DR5:DR6"/>
  </mergeCells>
  <phoneticPr fontId="4"/>
  <pageMargins left="0.78740157480314965" right="0.31496062992125984" top="0.27559055118110237" bottom="0.39370078740157483" header="0.19685039370078741" footer="0.19685039370078741"/>
  <pageSetup paperSize="9" scale="45" orientation="landscape" r:id="rId1"/>
  <headerFooter alignWithMargins="0">
    <oddFooter>&amp;L&amp;20&amp;A&amp;C&amp;P/&amp;N</oddFooter>
  </headerFooter>
  <colBreaks count="3" manualBreakCount="3">
    <brk id="32" max="1048575" man="1"/>
    <brk id="62" max="1048575" man="1"/>
    <brk id="122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KM41"/>
  <sheetViews>
    <sheetView zoomScaleNormal="100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57" customWidth="1"/>
    <col min="2" max="2" width="9.77734375" style="57" customWidth="1"/>
    <col min="3" max="5" width="7.88671875" style="56" customWidth="1"/>
    <col min="6" max="6" width="8.109375" style="56" customWidth="1"/>
    <col min="7" max="11" width="7.88671875" style="56" customWidth="1"/>
    <col min="12" max="13" width="8.77734375" style="56" customWidth="1"/>
    <col min="14" max="33" width="7.88671875" style="56" customWidth="1"/>
    <col min="34" max="34" width="9.109375" style="56" customWidth="1"/>
    <col min="35" max="35" width="8.44140625" style="56" customWidth="1"/>
    <col min="36" max="55" width="7.88671875" style="56" customWidth="1"/>
    <col min="56" max="56" width="9.109375" style="56" customWidth="1"/>
    <col min="57" max="57" width="8.44140625" style="56" customWidth="1"/>
    <col min="58" max="77" width="7.88671875" style="56" customWidth="1"/>
    <col min="78" max="78" width="9.109375" style="56" customWidth="1"/>
    <col min="79" max="79" width="8.44140625" style="56" customWidth="1"/>
    <col min="80" max="86" width="7.88671875" style="56" customWidth="1"/>
    <col min="87" max="102" width="9" style="56"/>
    <col min="103" max="148" width="9" style="57"/>
    <col min="149" max="149" width="7.77734375" style="57" customWidth="1"/>
    <col min="150" max="159" width="9" style="57"/>
    <col min="160" max="160" width="8.109375" style="57" customWidth="1"/>
    <col min="161" max="16384" width="9" style="57"/>
  </cols>
  <sheetData>
    <row r="1" spans="2:299" ht="24" customHeight="1" x14ac:dyDescent="0.2">
      <c r="B1" s="6" t="s">
        <v>119</v>
      </c>
      <c r="F1" s="441">
        <f>第１表!F2</f>
        <v>7</v>
      </c>
      <c r="G1" s="441"/>
      <c r="H1" s="15">
        <f>第１表!G2</f>
        <v>1</v>
      </c>
      <c r="I1" s="440">
        <f>H1</f>
        <v>1</v>
      </c>
      <c r="J1" s="440"/>
    </row>
    <row r="2" spans="2:299" ht="24" customHeight="1" thickBot="1" x14ac:dyDescent="0.25">
      <c r="B2" s="7" t="s">
        <v>126</v>
      </c>
    </row>
    <row r="3" spans="2:299" ht="21" customHeight="1" thickBot="1" x14ac:dyDescent="0.25">
      <c r="B3" s="427" t="s">
        <v>38</v>
      </c>
      <c r="C3" s="422" t="s">
        <v>96</v>
      </c>
      <c r="D3" s="422"/>
      <c r="E3" s="422"/>
      <c r="F3" s="422"/>
      <c r="G3" s="422"/>
      <c r="H3" s="422"/>
      <c r="I3" s="422"/>
      <c r="J3" s="422"/>
      <c r="K3" s="422"/>
      <c r="L3" s="422"/>
      <c r="M3" s="422"/>
      <c r="N3" s="422"/>
      <c r="O3" s="422"/>
      <c r="P3" s="422"/>
      <c r="Q3" s="422"/>
      <c r="R3" s="422"/>
      <c r="S3" s="422"/>
      <c r="T3" s="422"/>
      <c r="U3" s="422"/>
      <c r="V3" s="422"/>
      <c r="W3" s="422"/>
      <c r="X3" s="422"/>
      <c r="Y3" s="422"/>
      <c r="Z3" s="422"/>
      <c r="AA3" s="422"/>
      <c r="AB3" s="422"/>
      <c r="AC3" s="422"/>
      <c r="AD3" s="422"/>
      <c r="AE3" s="422"/>
      <c r="AF3" s="422"/>
      <c r="AG3" s="422"/>
      <c r="AH3" s="422"/>
      <c r="AI3" s="422"/>
      <c r="AJ3" s="422"/>
      <c r="AK3" s="422"/>
      <c r="AL3" s="422"/>
      <c r="AM3" s="422"/>
      <c r="AN3" s="422"/>
      <c r="AO3" s="422"/>
      <c r="AP3" s="422"/>
      <c r="AQ3" s="422"/>
      <c r="AR3" s="422"/>
      <c r="AS3" s="422"/>
      <c r="AT3" s="422"/>
      <c r="AU3" s="422"/>
      <c r="AV3" s="422"/>
      <c r="AW3" s="422"/>
      <c r="AX3" s="422"/>
      <c r="AY3" s="422"/>
      <c r="AZ3" s="422"/>
      <c r="BA3" s="422"/>
      <c r="BB3" s="422"/>
      <c r="BC3" s="422"/>
      <c r="BD3" s="422"/>
      <c r="BE3" s="422"/>
      <c r="BF3" s="422"/>
      <c r="BG3" s="422"/>
      <c r="BH3" s="422"/>
      <c r="BI3" s="422"/>
      <c r="BJ3" s="422"/>
      <c r="BK3" s="422"/>
      <c r="BL3" s="422"/>
      <c r="BM3" s="422"/>
      <c r="BN3" s="422"/>
      <c r="BO3" s="422"/>
      <c r="BP3" s="422"/>
      <c r="BQ3" s="422"/>
      <c r="BR3" s="422"/>
      <c r="BS3" s="422"/>
      <c r="BT3" s="422"/>
      <c r="BU3" s="422"/>
      <c r="BV3" s="422"/>
      <c r="BW3" s="422"/>
      <c r="BX3" s="422"/>
      <c r="BY3" s="422"/>
      <c r="BZ3" s="422"/>
      <c r="CA3" s="422"/>
      <c r="CB3" s="422"/>
      <c r="CC3" s="422"/>
      <c r="CD3" s="422"/>
      <c r="CE3" s="422"/>
      <c r="CF3" s="422"/>
      <c r="CG3" s="422"/>
      <c r="CH3" s="422"/>
      <c r="CI3" s="422"/>
      <c r="CJ3" s="422"/>
      <c r="CK3" s="422"/>
      <c r="CL3" s="422"/>
      <c r="CM3" s="422"/>
      <c r="CN3" s="422"/>
      <c r="CO3" s="422"/>
      <c r="CP3" s="422"/>
      <c r="CQ3" s="422"/>
      <c r="CR3" s="422"/>
      <c r="CS3" s="422"/>
      <c r="CT3" s="422"/>
      <c r="CU3" s="422"/>
      <c r="CV3" s="422"/>
      <c r="CW3" s="423"/>
      <c r="CX3" s="422" t="s">
        <v>102</v>
      </c>
      <c r="CY3" s="422"/>
      <c r="CZ3" s="422"/>
      <c r="DA3" s="422"/>
      <c r="DB3" s="422"/>
      <c r="DC3" s="422"/>
      <c r="DD3" s="422"/>
      <c r="DE3" s="422"/>
      <c r="DF3" s="422"/>
      <c r="DG3" s="422"/>
      <c r="DH3" s="422"/>
      <c r="DI3" s="422"/>
      <c r="DJ3" s="422"/>
      <c r="DK3" s="422"/>
      <c r="DL3" s="422"/>
      <c r="DM3" s="422"/>
      <c r="DN3" s="422"/>
      <c r="DO3" s="422"/>
      <c r="DP3" s="422"/>
      <c r="DQ3" s="422"/>
      <c r="DR3" s="422"/>
      <c r="DS3" s="422"/>
      <c r="DT3" s="422"/>
      <c r="DU3" s="422"/>
      <c r="DV3" s="422"/>
      <c r="DW3" s="422"/>
      <c r="DX3" s="422"/>
      <c r="DY3" s="422"/>
      <c r="DZ3" s="422"/>
      <c r="EA3" s="422"/>
      <c r="EB3" s="422"/>
      <c r="EC3" s="422"/>
      <c r="ED3" s="422"/>
      <c r="EE3" s="422"/>
      <c r="EF3" s="422"/>
      <c r="EG3" s="422"/>
      <c r="EH3" s="422"/>
      <c r="EI3" s="422"/>
      <c r="EJ3" s="422"/>
      <c r="EK3" s="422"/>
      <c r="EL3" s="422"/>
      <c r="EM3" s="422"/>
      <c r="EN3" s="422"/>
      <c r="EO3" s="422"/>
      <c r="EP3" s="422"/>
      <c r="EQ3" s="422"/>
      <c r="ER3" s="422"/>
      <c r="ES3" s="422"/>
      <c r="ET3" s="422"/>
      <c r="EU3" s="422"/>
      <c r="EV3" s="422"/>
      <c r="EW3" s="422"/>
      <c r="EX3" s="422"/>
      <c r="EY3" s="422"/>
      <c r="EZ3" s="422"/>
      <c r="FA3" s="422"/>
      <c r="FB3" s="422"/>
      <c r="FC3" s="422"/>
      <c r="FD3" s="422"/>
      <c r="FE3" s="422"/>
      <c r="FF3" s="422"/>
      <c r="FG3" s="422"/>
      <c r="FH3" s="422"/>
      <c r="FI3" s="422"/>
      <c r="FJ3" s="422"/>
      <c r="FK3" s="422"/>
      <c r="FL3" s="422"/>
      <c r="FM3" s="422"/>
      <c r="FN3" s="422"/>
      <c r="FO3" s="422"/>
      <c r="FP3" s="422"/>
      <c r="FQ3" s="422"/>
      <c r="FR3" s="422"/>
      <c r="FS3" s="422"/>
      <c r="FT3" s="422"/>
      <c r="FU3" s="422"/>
      <c r="FV3" s="422"/>
      <c r="FW3" s="422"/>
      <c r="FX3" s="422"/>
      <c r="FY3" s="422"/>
      <c r="FZ3" s="422"/>
      <c r="GA3" s="422"/>
      <c r="GB3" s="422"/>
      <c r="GC3" s="422"/>
      <c r="GD3" s="422"/>
      <c r="GE3" s="422"/>
      <c r="GF3" s="422"/>
      <c r="GG3" s="422"/>
      <c r="GH3" s="422"/>
      <c r="GI3" s="422"/>
      <c r="GJ3" s="422"/>
      <c r="GK3" s="422"/>
      <c r="GL3" s="422"/>
      <c r="GM3" s="422"/>
      <c r="GN3" s="422"/>
      <c r="GO3" s="422"/>
      <c r="GP3" s="422"/>
      <c r="GQ3" s="422"/>
      <c r="GR3" s="423"/>
      <c r="GS3" s="422" t="s">
        <v>103</v>
      </c>
      <c r="GT3" s="422"/>
      <c r="GU3" s="422"/>
      <c r="GV3" s="422"/>
      <c r="GW3" s="422"/>
      <c r="GX3" s="422"/>
      <c r="GY3" s="422"/>
      <c r="GZ3" s="422"/>
      <c r="HA3" s="422"/>
      <c r="HB3" s="422"/>
      <c r="HC3" s="422"/>
      <c r="HD3" s="422"/>
      <c r="HE3" s="422"/>
      <c r="HF3" s="422"/>
      <c r="HG3" s="422"/>
      <c r="HH3" s="422"/>
      <c r="HI3" s="422"/>
      <c r="HJ3" s="422"/>
      <c r="HK3" s="422"/>
      <c r="HL3" s="422"/>
      <c r="HM3" s="422"/>
      <c r="HN3" s="422"/>
      <c r="HO3" s="422"/>
      <c r="HP3" s="422"/>
      <c r="HQ3" s="422"/>
      <c r="HR3" s="422"/>
      <c r="HS3" s="422"/>
      <c r="HT3" s="422"/>
      <c r="HU3" s="422"/>
      <c r="HV3" s="422"/>
      <c r="HW3" s="422"/>
      <c r="HX3" s="422"/>
      <c r="HY3" s="422"/>
      <c r="HZ3" s="422"/>
      <c r="IA3" s="422"/>
      <c r="IB3" s="422"/>
      <c r="IC3" s="422"/>
      <c r="ID3" s="422"/>
      <c r="IE3" s="422"/>
      <c r="IF3" s="422"/>
      <c r="IG3" s="422"/>
      <c r="IH3" s="422"/>
      <c r="II3" s="422"/>
      <c r="IJ3" s="422"/>
      <c r="IK3" s="422"/>
      <c r="IL3" s="422"/>
      <c r="IM3" s="422"/>
      <c r="IN3" s="422"/>
      <c r="IO3" s="422"/>
      <c r="IP3" s="422"/>
      <c r="IQ3" s="422"/>
      <c r="IR3" s="422"/>
      <c r="IS3" s="422"/>
      <c r="IT3" s="422"/>
      <c r="IU3" s="422"/>
      <c r="IV3" s="422"/>
      <c r="IW3" s="422"/>
      <c r="IX3" s="422"/>
      <c r="IY3" s="422"/>
      <c r="IZ3" s="422"/>
      <c r="JA3" s="422"/>
      <c r="JB3" s="422"/>
      <c r="JC3" s="422"/>
      <c r="JD3" s="422"/>
      <c r="JE3" s="422"/>
      <c r="JF3" s="422"/>
      <c r="JG3" s="422"/>
      <c r="JH3" s="422"/>
      <c r="JI3" s="422"/>
      <c r="JJ3" s="422"/>
      <c r="JK3" s="422"/>
      <c r="JL3" s="422"/>
      <c r="JM3" s="422"/>
      <c r="JN3" s="422"/>
      <c r="JO3" s="422"/>
      <c r="JP3" s="422"/>
      <c r="JQ3" s="422"/>
      <c r="JR3" s="422"/>
      <c r="JS3" s="422"/>
      <c r="JT3" s="422"/>
      <c r="JU3" s="422"/>
      <c r="JV3" s="422"/>
      <c r="JW3" s="422"/>
      <c r="JX3" s="422"/>
      <c r="JY3" s="422"/>
      <c r="JZ3" s="422"/>
      <c r="KA3" s="422"/>
      <c r="KB3" s="422"/>
      <c r="KC3" s="422"/>
      <c r="KD3" s="422"/>
      <c r="KE3" s="422"/>
      <c r="KF3" s="422"/>
      <c r="KG3" s="422"/>
      <c r="KH3" s="422"/>
      <c r="KI3" s="422"/>
      <c r="KJ3" s="422"/>
      <c r="KK3" s="422"/>
      <c r="KL3" s="422"/>
      <c r="KM3" s="423"/>
    </row>
    <row r="4" spans="2:299" ht="21" customHeight="1" thickBot="1" x14ac:dyDescent="0.25">
      <c r="B4" s="439"/>
      <c r="C4" s="424" t="s">
        <v>39</v>
      </c>
      <c r="D4" s="425"/>
      <c r="E4" s="425"/>
      <c r="F4" s="425"/>
      <c r="G4" s="425"/>
      <c r="H4" s="425"/>
      <c r="I4" s="425"/>
      <c r="J4" s="425"/>
      <c r="K4" s="425"/>
      <c r="L4" s="425"/>
      <c r="M4" s="425"/>
      <c r="N4" s="425"/>
      <c r="O4" s="425"/>
      <c r="P4" s="425"/>
      <c r="Q4" s="425"/>
      <c r="R4" s="425"/>
      <c r="S4" s="425"/>
      <c r="T4" s="425"/>
      <c r="U4" s="425"/>
      <c r="V4" s="425"/>
      <c r="W4" s="425"/>
      <c r="X4" s="425"/>
      <c r="Y4" s="425"/>
      <c r="Z4" s="425"/>
      <c r="AA4" s="425"/>
      <c r="AB4" s="425"/>
      <c r="AC4" s="425"/>
      <c r="AD4" s="425"/>
      <c r="AE4" s="425"/>
      <c r="AF4" s="425"/>
      <c r="AG4" s="425"/>
      <c r="AH4" s="425"/>
      <c r="AI4" s="425"/>
      <c r="AJ4" s="425"/>
      <c r="AK4" s="425"/>
      <c r="AL4" s="425"/>
      <c r="AM4" s="425"/>
      <c r="AN4" s="425"/>
      <c r="AO4" s="425"/>
      <c r="AP4" s="425"/>
      <c r="AQ4" s="425"/>
      <c r="AR4" s="425"/>
      <c r="AS4" s="425"/>
      <c r="AT4" s="425"/>
      <c r="AU4" s="425"/>
      <c r="AV4" s="425"/>
      <c r="AW4" s="425"/>
      <c r="AX4" s="425"/>
      <c r="AY4" s="425"/>
      <c r="AZ4" s="425"/>
      <c r="BA4" s="425"/>
      <c r="BB4" s="425"/>
      <c r="BC4" s="425"/>
      <c r="BD4" s="425"/>
      <c r="BE4" s="425"/>
      <c r="BF4" s="425"/>
      <c r="BG4" s="425"/>
      <c r="BH4" s="425"/>
      <c r="BI4" s="425"/>
      <c r="BJ4" s="425"/>
      <c r="BK4" s="425"/>
      <c r="BL4" s="425"/>
      <c r="BM4" s="425"/>
      <c r="BN4" s="425"/>
      <c r="BO4" s="425"/>
      <c r="BP4" s="425"/>
      <c r="BQ4" s="425"/>
      <c r="BR4" s="425"/>
      <c r="BS4" s="425"/>
      <c r="BT4" s="425"/>
      <c r="BU4" s="425"/>
      <c r="BV4" s="425"/>
      <c r="BW4" s="425"/>
      <c r="BX4" s="425"/>
      <c r="BY4" s="425"/>
      <c r="BZ4" s="425"/>
      <c r="CA4" s="426"/>
      <c r="CB4" s="427" t="s">
        <v>40</v>
      </c>
      <c r="CC4" s="428"/>
      <c r="CD4" s="428"/>
      <c r="CE4" s="428"/>
      <c r="CF4" s="428"/>
      <c r="CG4" s="428"/>
      <c r="CH4" s="428"/>
      <c r="CI4" s="428"/>
      <c r="CJ4" s="428"/>
      <c r="CK4" s="428"/>
      <c r="CL4" s="429"/>
      <c r="CM4" s="427" t="s">
        <v>41</v>
      </c>
      <c r="CN4" s="428"/>
      <c r="CO4" s="428"/>
      <c r="CP4" s="428"/>
      <c r="CQ4" s="428"/>
      <c r="CR4" s="428"/>
      <c r="CS4" s="428"/>
      <c r="CT4" s="428"/>
      <c r="CU4" s="428"/>
      <c r="CV4" s="428"/>
      <c r="CW4" s="429"/>
      <c r="CX4" s="424" t="s">
        <v>39</v>
      </c>
      <c r="CY4" s="425"/>
      <c r="CZ4" s="425"/>
      <c r="DA4" s="425"/>
      <c r="DB4" s="425"/>
      <c r="DC4" s="425"/>
      <c r="DD4" s="425"/>
      <c r="DE4" s="425"/>
      <c r="DF4" s="425"/>
      <c r="DG4" s="425"/>
      <c r="DH4" s="425"/>
      <c r="DI4" s="425"/>
      <c r="DJ4" s="425"/>
      <c r="DK4" s="425"/>
      <c r="DL4" s="425"/>
      <c r="DM4" s="425"/>
      <c r="DN4" s="425"/>
      <c r="DO4" s="425"/>
      <c r="DP4" s="425"/>
      <c r="DQ4" s="425"/>
      <c r="DR4" s="425"/>
      <c r="DS4" s="425"/>
      <c r="DT4" s="425"/>
      <c r="DU4" s="425"/>
      <c r="DV4" s="425"/>
      <c r="DW4" s="425"/>
      <c r="DX4" s="425"/>
      <c r="DY4" s="425"/>
      <c r="DZ4" s="425"/>
      <c r="EA4" s="425"/>
      <c r="EB4" s="425"/>
      <c r="EC4" s="425"/>
      <c r="ED4" s="425"/>
      <c r="EE4" s="425"/>
      <c r="EF4" s="425"/>
      <c r="EG4" s="425"/>
      <c r="EH4" s="425"/>
      <c r="EI4" s="425"/>
      <c r="EJ4" s="425"/>
      <c r="EK4" s="425"/>
      <c r="EL4" s="425"/>
      <c r="EM4" s="425"/>
      <c r="EN4" s="425"/>
      <c r="EO4" s="425"/>
      <c r="EP4" s="425"/>
      <c r="EQ4" s="425"/>
      <c r="ER4" s="425"/>
      <c r="ES4" s="425"/>
      <c r="ET4" s="425"/>
      <c r="EU4" s="425"/>
      <c r="EV4" s="425"/>
      <c r="EW4" s="425"/>
      <c r="EX4" s="425"/>
      <c r="EY4" s="425"/>
      <c r="EZ4" s="425"/>
      <c r="FA4" s="425"/>
      <c r="FB4" s="425"/>
      <c r="FC4" s="425"/>
      <c r="FD4" s="425"/>
      <c r="FE4" s="425"/>
      <c r="FF4" s="425"/>
      <c r="FG4" s="425"/>
      <c r="FH4" s="425"/>
      <c r="FI4" s="425"/>
      <c r="FJ4" s="425"/>
      <c r="FK4" s="425"/>
      <c r="FL4" s="425"/>
      <c r="FM4" s="425"/>
      <c r="FN4" s="425"/>
      <c r="FO4" s="425"/>
      <c r="FP4" s="425"/>
      <c r="FQ4" s="425"/>
      <c r="FR4" s="425"/>
      <c r="FS4" s="425"/>
      <c r="FT4" s="425"/>
      <c r="FU4" s="425"/>
      <c r="FV4" s="426"/>
      <c r="FW4" s="427" t="s">
        <v>40</v>
      </c>
      <c r="FX4" s="428"/>
      <c r="FY4" s="428"/>
      <c r="FZ4" s="428"/>
      <c r="GA4" s="428"/>
      <c r="GB4" s="428"/>
      <c r="GC4" s="428"/>
      <c r="GD4" s="428"/>
      <c r="GE4" s="428"/>
      <c r="GF4" s="428"/>
      <c r="GG4" s="429"/>
      <c r="GH4" s="427" t="s">
        <v>41</v>
      </c>
      <c r="GI4" s="428"/>
      <c r="GJ4" s="428"/>
      <c r="GK4" s="428"/>
      <c r="GL4" s="428"/>
      <c r="GM4" s="428"/>
      <c r="GN4" s="428"/>
      <c r="GO4" s="428"/>
      <c r="GP4" s="428"/>
      <c r="GQ4" s="428"/>
      <c r="GR4" s="429"/>
      <c r="GS4" s="424" t="s">
        <v>39</v>
      </c>
      <c r="GT4" s="425"/>
      <c r="GU4" s="425"/>
      <c r="GV4" s="425"/>
      <c r="GW4" s="425"/>
      <c r="GX4" s="425"/>
      <c r="GY4" s="425"/>
      <c r="GZ4" s="425"/>
      <c r="HA4" s="425"/>
      <c r="HB4" s="425"/>
      <c r="HC4" s="425"/>
      <c r="HD4" s="425"/>
      <c r="HE4" s="425"/>
      <c r="HF4" s="425"/>
      <c r="HG4" s="425"/>
      <c r="HH4" s="425"/>
      <c r="HI4" s="425"/>
      <c r="HJ4" s="425"/>
      <c r="HK4" s="425"/>
      <c r="HL4" s="425"/>
      <c r="HM4" s="425"/>
      <c r="HN4" s="425"/>
      <c r="HO4" s="425"/>
      <c r="HP4" s="425"/>
      <c r="HQ4" s="425"/>
      <c r="HR4" s="425"/>
      <c r="HS4" s="425"/>
      <c r="HT4" s="425"/>
      <c r="HU4" s="425"/>
      <c r="HV4" s="425"/>
      <c r="HW4" s="425"/>
      <c r="HX4" s="425"/>
      <c r="HY4" s="425"/>
      <c r="HZ4" s="425"/>
      <c r="IA4" s="425"/>
      <c r="IB4" s="425"/>
      <c r="IC4" s="425"/>
      <c r="ID4" s="425"/>
      <c r="IE4" s="425"/>
      <c r="IF4" s="425"/>
      <c r="IG4" s="425"/>
      <c r="IH4" s="425"/>
      <c r="II4" s="425"/>
      <c r="IJ4" s="425"/>
      <c r="IK4" s="425"/>
      <c r="IL4" s="425"/>
      <c r="IM4" s="425"/>
      <c r="IN4" s="425"/>
      <c r="IO4" s="425"/>
      <c r="IP4" s="425"/>
      <c r="IQ4" s="425"/>
      <c r="IR4" s="425"/>
      <c r="IS4" s="425"/>
      <c r="IT4" s="425"/>
      <c r="IU4" s="425"/>
      <c r="IV4" s="425"/>
      <c r="IW4" s="425"/>
      <c r="IX4" s="425"/>
      <c r="IY4" s="425"/>
      <c r="IZ4" s="425"/>
      <c r="JA4" s="425"/>
      <c r="JB4" s="425"/>
      <c r="JC4" s="425"/>
      <c r="JD4" s="425"/>
      <c r="JE4" s="425"/>
      <c r="JF4" s="425"/>
      <c r="JG4" s="425"/>
      <c r="JH4" s="425"/>
      <c r="JI4" s="425"/>
      <c r="JJ4" s="425"/>
      <c r="JK4" s="425"/>
      <c r="JL4" s="425"/>
      <c r="JM4" s="425"/>
      <c r="JN4" s="425"/>
      <c r="JO4" s="425"/>
      <c r="JP4" s="425"/>
      <c r="JQ4" s="426"/>
      <c r="JR4" s="427" t="s">
        <v>40</v>
      </c>
      <c r="JS4" s="428"/>
      <c r="JT4" s="428"/>
      <c r="JU4" s="428"/>
      <c r="JV4" s="428"/>
      <c r="JW4" s="428"/>
      <c r="JX4" s="428"/>
      <c r="JY4" s="428"/>
      <c r="JZ4" s="428"/>
      <c r="KA4" s="428"/>
      <c r="KB4" s="429"/>
      <c r="KC4" s="427" t="s">
        <v>41</v>
      </c>
      <c r="KD4" s="428"/>
      <c r="KE4" s="428"/>
      <c r="KF4" s="428"/>
      <c r="KG4" s="428"/>
      <c r="KH4" s="428"/>
      <c r="KI4" s="428"/>
      <c r="KJ4" s="428"/>
      <c r="KK4" s="428"/>
      <c r="KL4" s="428"/>
      <c r="KM4" s="429"/>
    </row>
    <row r="5" spans="2:299" ht="21" customHeight="1" thickBot="1" x14ac:dyDescent="0.25">
      <c r="B5" s="433"/>
      <c r="C5" s="433"/>
      <c r="D5" s="434"/>
      <c r="E5" s="434"/>
      <c r="F5" s="434"/>
      <c r="G5" s="434"/>
      <c r="H5" s="434"/>
      <c r="I5" s="434"/>
      <c r="J5" s="434"/>
      <c r="K5" s="434"/>
      <c r="L5" s="434"/>
      <c r="M5" s="435"/>
      <c r="N5" s="436" t="s">
        <v>97</v>
      </c>
      <c r="O5" s="437"/>
      <c r="P5" s="437"/>
      <c r="Q5" s="437"/>
      <c r="R5" s="437"/>
      <c r="S5" s="437"/>
      <c r="T5" s="437"/>
      <c r="U5" s="437"/>
      <c r="V5" s="437"/>
      <c r="W5" s="437"/>
      <c r="X5" s="438"/>
      <c r="Y5" s="436" t="s">
        <v>98</v>
      </c>
      <c r="Z5" s="437"/>
      <c r="AA5" s="437"/>
      <c r="AB5" s="437"/>
      <c r="AC5" s="437"/>
      <c r="AD5" s="437"/>
      <c r="AE5" s="437"/>
      <c r="AF5" s="437"/>
      <c r="AG5" s="437"/>
      <c r="AH5" s="437"/>
      <c r="AI5" s="438"/>
      <c r="AJ5" s="436" t="s">
        <v>99</v>
      </c>
      <c r="AK5" s="437"/>
      <c r="AL5" s="437"/>
      <c r="AM5" s="437"/>
      <c r="AN5" s="437"/>
      <c r="AO5" s="437"/>
      <c r="AP5" s="437"/>
      <c r="AQ5" s="437"/>
      <c r="AR5" s="437"/>
      <c r="AS5" s="437"/>
      <c r="AT5" s="438"/>
      <c r="AU5" s="436" t="s">
        <v>100</v>
      </c>
      <c r="AV5" s="437"/>
      <c r="AW5" s="437"/>
      <c r="AX5" s="437"/>
      <c r="AY5" s="437"/>
      <c r="AZ5" s="437"/>
      <c r="BA5" s="437"/>
      <c r="BB5" s="437"/>
      <c r="BC5" s="437"/>
      <c r="BD5" s="437"/>
      <c r="BE5" s="438"/>
      <c r="BF5" s="436" t="s">
        <v>159</v>
      </c>
      <c r="BG5" s="437"/>
      <c r="BH5" s="437"/>
      <c r="BI5" s="437"/>
      <c r="BJ5" s="437"/>
      <c r="BK5" s="437"/>
      <c r="BL5" s="437"/>
      <c r="BM5" s="437"/>
      <c r="BN5" s="437"/>
      <c r="BO5" s="437"/>
      <c r="BP5" s="438"/>
      <c r="BQ5" s="436" t="s">
        <v>101</v>
      </c>
      <c r="BR5" s="437"/>
      <c r="BS5" s="437"/>
      <c r="BT5" s="437"/>
      <c r="BU5" s="437"/>
      <c r="BV5" s="437"/>
      <c r="BW5" s="437"/>
      <c r="BX5" s="437"/>
      <c r="BY5" s="437"/>
      <c r="BZ5" s="437"/>
      <c r="CA5" s="438"/>
      <c r="CB5" s="430"/>
      <c r="CC5" s="431"/>
      <c r="CD5" s="431"/>
      <c r="CE5" s="431"/>
      <c r="CF5" s="431"/>
      <c r="CG5" s="431"/>
      <c r="CH5" s="431"/>
      <c r="CI5" s="431"/>
      <c r="CJ5" s="431"/>
      <c r="CK5" s="431"/>
      <c r="CL5" s="432"/>
      <c r="CM5" s="430"/>
      <c r="CN5" s="431"/>
      <c r="CO5" s="431"/>
      <c r="CP5" s="431"/>
      <c r="CQ5" s="431"/>
      <c r="CR5" s="431"/>
      <c r="CS5" s="431"/>
      <c r="CT5" s="431"/>
      <c r="CU5" s="431"/>
      <c r="CV5" s="431"/>
      <c r="CW5" s="432"/>
      <c r="CX5" s="433"/>
      <c r="CY5" s="434"/>
      <c r="CZ5" s="434"/>
      <c r="DA5" s="434"/>
      <c r="DB5" s="434"/>
      <c r="DC5" s="434"/>
      <c r="DD5" s="434"/>
      <c r="DE5" s="434"/>
      <c r="DF5" s="434"/>
      <c r="DG5" s="434"/>
      <c r="DH5" s="435"/>
      <c r="DI5" s="436" t="s">
        <v>97</v>
      </c>
      <c r="DJ5" s="437"/>
      <c r="DK5" s="437"/>
      <c r="DL5" s="437"/>
      <c r="DM5" s="437"/>
      <c r="DN5" s="437"/>
      <c r="DO5" s="437"/>
      <c r="DP5" s="437"/>
      <c r="DQ5" s="437"/>
      <c r="DR5" s="437"/>
      <c r="DS5" s="438"/>
      <c r="DT5" s="436" t="s">
        <v>98</v>
      </c>
      <c r="DU5" s="437"/>
      <c r="DV5" s="437"/>
      <c r="DW5" s="437"/>
      <c r="DX5" s="437"/>
      <c r="DY5" s="437"/>
      <c r="DZ5" s="437"/>
      <c r="EA5" s="437"/>
      <c r="EB5" s="437"/>
      <c r="EC5" s="437"/>
      <c r="ED5" s="438"/>
      <c r="EE5" s="436" t="s">
        <v>99</v>
      </c>
      <c r="EF5" s="437"/>
      <c r="EG5" s="437"/>
      <c r="EH5" s="437"/>
      <c r="EI5" s="437"/>
      <c r="EJ5" s="437"/>
      <c r="EK5" s="437"/>
      <c r="EL5" s="437"/>
      <c r="EM5" s="437"/>
      <c r="EN5" s="437"/>
      <c r="EO5" s="438"/>
      <c r="EP5" s="436" t="s">
        <v>100</v>
      </c>
      <c r="EQ5" s="437"/>
      <c r="ER5" s="437"/>
      <c r="ES5" s="437"/>
      <c r="ET5" s="437"/>
      <c r="EU5" s="437"/>
      <c r="EV5" s="437"/>
      <c r="EW5" s="437"/>
      <c r="EX5" s="437"/>
      <c r="EY5" s="437"/>
      <c r="EZ5" s="438"/>
      <c r="FA5" s="436" t="s">
        <v>159</v>
      </c>
      <c r="FB5" s="437"/>
      <c r="FC5" s="437"/>
      <c r="FD5" s="437"/>
      <c r="FE5" s="437"/>
      <c r="FF5" s="437"/>
      <c r="FG5" s="437"/>
      <c r="FH5" s="437"/>
      <c r="FI5" s="437"/>
      <c r="FJ5" s="437"/>
      <c r="FK5" s="438"/>
      <c r="FL5" s="436" t="s">
        <v>101</v>
      </c>
      <c r="FM5" s="437"/>
      <c r="FN5" s="437"/>
      <c r="FO5" s="437"/>
      <c r="FP5" s="437"/>
      <c r="FQ5" s="437"/>
      <c r="FR5" s="437"/>
      <c r="FS5" s="437"/>
      <c r="FT5" s="437"/>
      <c r="FU5" s="437"/>
      <c r="FV5" s="438"/>
      <c r="FW5" s="430"/>
      <c r="FX5" s="431"/>
      <c r="FY5" s="431"/>
      <c r="FZ5" s="431"/>
      <c r="GA5" s="431"/>
      <c r="GB5" s="431"/>
      <c r="GC5" s="431"/>
      <c r="GD5" s="431"/>
      <c r="GE5" s="431"/>
      <c r="GF5" s="431"/>
      <c r="GG5" s="432"/>
      <c r="GH5" s="430"/>
      <c r="GI5" s="431"/>
      <c r="GJ5" s="431"/>
      <c r="GK5" s="431"/>
      <c r="GL5" s="431"/>
      <c r="GM5" s="431"/>
      <c r="GN5" s="431"/>
      <c r="GO5" s="431"/>
      <c r="GP5" s="431"/>
      <c r="GQ5" s="431"/>
      <c r="GR5" s="432"/>
      <c r="GS5" s="433"/>
      <c r="GT5" s="434"/>
      <c r="GU5" s="434"/>
      <c r="GV5" s="434"/>
      <c r="GW5" s="434"/>
      <c r="GX5" s="434"/>
      <c r="GY5" s="434"/>
      <c r="GZ5" s="434"/>
      <c r="HA5" s="434"/>
      <c r="HB5" s="434"/>
      <c r="HC5" s="435"/>
      <c r="HD5" s="436" t="s">
        <v>97</v>
      </c>
      <c r="HE5" s="437"/>
      <c r="HF5" s="437"/>
      <c r="HG5" s="437"/>
      <c r="HH5" s="437"/>
      <c r="HI5" s="437"/>
      <c r="HJ5" s="437"/>
      <c r="HK5" s="437"/>
      <c r="HL5" s="437"/>
      <c r="HM5" s="437"/>
      <c r="HN5" s="438"/>
      <c r="HO5" s="436" t="s">
        <v>98</v>
      </c>
      <c r="HP5" s="437"/>
      <c r="HQ5" s="437"/>
      <c r="HR5" s="437"/>
      <c r="HS5" s="437"/>
      <c r="HT5" s="437"/>
      <c r="HU5" s="437"/>
      <c r="HV5" s="437"/>
      <c r="HW5" s="437"/>
      <c r="HX5" s="437"/>
      <c r="HY5" s="438"/>
      <c r="HZ5" s="436" t="s">
        <v>99</v>
      </c>
      <c r="IA5" s="437"/>
      <c r="IB5" s="437"/>
      <c r="IC5" s="437"/>
      <c r="ID5" s="437"/>
      <c r="IE5" s="437"/>
      <c r="IF5" s="437"/>
      <c r="IG5" s="437"/>
      <c r="IH5" s="437"/>
      <c r="II5" s="437"/>
      <c r="IJ5" s="438"/>
      <c r="IK5" s="436" t="s">
        <v>100</v>
      </c>
      <c r="IL5" s="437"/>
      <c r="IM5" s="437"/>
      <c r="IN5" s="437"/>
      <c r="IO5" s="437"/>
      <c r="IP5" s="437"/>
      <c r="IQ5" s="437"/>
      <c r="IR5" s="437"/>
      <c r="IS5" s="437"/>
      <c r="IT5" s="437"/>
      <c r="IU5" s="438"/>
      <c r="IV5" s="436" t="s">
        <v>159</v>
      </c>
      <c r="IW5" s="437"/>
      <c r="IX5" s="437"/>
      <c r="IY5" s="437"/>
      <c r="IZ5" s="437"/>
      <c r="JA5" s="437"/>
      <c r="JB5" s="437"/>
      <c r="JC5" s="437"/>
      <c r="JD5" s="437"/>
      <c r="JE5" s="437"/>
      <c r="JF5" s="438"/>
      <c r="JG5" s="436" t="s">
        <v>101</v>
      </c>
      <c r="JH5" s="437"/>
      <c r="JI5" s="437"/>
      <c r="JJ5" s="437"/>
      <c r="JK5" s="437"/>
      <c r="JL5" s="437"/>
      <c r="JM5" s="437"/>
      <c r="JN5" s="437"/>
      <c r="JO5" s="437"/>
      <c r="JP5" s="437"/>
      <c r="JQ5" s="438"/>
      <c r="JR5" s="430"/>
      <c r="JS5" s="431"/>
      <c r="JT5" s="431"/>
      <c r="JU5" s="431"/>
      <c r="JV5" s="431"/>
      <c r="JW5" s="431"/>
      <c r="JX5" s="431"/>
      <c r="JY5" s="431"/>
      <c r="JZ5" s="431"/>
      <c r="KA5" s="431"/>
      <c r="KB5" s="432"/>
      <c r="KC5" s="430"/>
      <c r="KD5" s="431"/>
      <c r="KE5" s="431"/>
      <c r="KF5" s="431"/>
      <c r="KG5" s="431"/>
      <c r="KH5" s="431"/>
      <c r="KI5" s="431"/>
      <c r="KJ5" s="431"/>
      <c r="KK5" s="431"/>
      <c r="KL5" s="431"/>
      <c r="KM5" s="432"/>
    </row>
    <row r="6" spans="2:299" ht="30" customHeight="1" thickBot="1" x14ac:dyDescent="0.25">
      <c r="B6" s="58" t="s">
        <v>42</v>
      </c>
      <c r="C6" s="59" t="s">
        <v>43</v>
      </c>
      <c r="D6" s="60" t="s">
        <v>44</v>
      </c>
      <c r="E6" s="61" t="s">
        <v>45</v>
      </c>
      <c r="F6" s="62" t="s">
        <v>46</v>
      </c>
      <c r="G6" s="60" t="s">
        <v>47</v>
      </c>
      <c r="H6" s="60" t="s">
        <v>48</v>
      </c>
      <c r="I6" s="60" t="s">
        <v>49</v>
      </c>
      <c r="J6" s="60" t="s">
        <v>50</v>
      </c>
      <c r="K6" s="60" t="s">
        <v>51</v>
      </c>
      <c r="L6" s="61" t="s">
        <v>45</v>
      </c>
      <c r="M6" s="63" t="s">
        <v>52</v>
      </c>
      <c r="N6" s="64" t="s">
        <v>43</v>
      </c>
      <c r="O6" s="65" t="s">
        <v>44</v>
      </c>
      <c r="P6" s="66" t="s">
        <v>45</v>
      </c>
      <c r="Q6" s="67" t="s">
        <v>46</v>
      </c>
      <c r="R6" s="65" t="s">
        <v>47</v>
      </c>
      <c r="S6" s="65" t="s">
        <v>48</v>
      </c>
      <c r="T6" s="65" t="s">
        <v>49</v>
      </c>
      <c r="U6" s="65" t="s">
        <v>50</v>
      </c>
      <c r="V6" s="65" t="s">
        <v>51</v>
      </c>
      <c r="W6" s="66" t="s">
        <v>45</v>
      </c>
      <c r="X6" s="68" t="s">
        <v>52</v>
      </c>
      <c r="Y6" s="64" t="s">
        <v>43</v>
      </c>
      <c r="Z6" s="65" t="s">
        <v>44</v>
      </c>
      <c r="AA6" s="66" t="s">
        <v>45</v>
      </c>
      <c r="AB6" s="67" t="s">
        <v>46</v>
      </c>
      <c r="AC6" s="65" t="s">
        <v>47</v>
      </c>
      <c r="AD6" s="65" t="s">
        <v>48</v>
      </c>
      <c r="AE6" s="65" t="s">
        <v>49</v>
      </c>
      <c r="AF6" s="65" t="s">
        <v>50</v>
      </c>
      <c r="AG6" s="65" t="s">
        <v>51</v>
      </c>
      <c r="AH6" s="66" t="s">
        <v>45</v>
      </c>
      <c r="AI6" s="69" t="s">
        <v>52</v>
      </c>
      <c r="AJ6" s="64" t="s">
        <v>43</v>
      </c>
      <c r="AK6" s="65" t="s">
        <v>44</v>
      </c>
      <c r="AL6" s="66" t="s">
        <v>45</v>
      </c>
      <c r="AM6" s="67" t="s">
        <v>46</v>
      </c>
      <c r="AN6" s="65" t="s">
        <v>47</v>
      </c>
      <c r="AO6" s="65" t="s">
        <v>48</v>
      </c>
      <c r="AP6" s="65" t="s">
        <v>49</v>
      </c>
      <c r="AQ6" s="65" t="s">
        <v>50</v>
      </c>
      <c r="AR6" s="65" t="s">
        <v>51</v>
      </c>
      <c r="AS6" s="66" t="s">
        <v>45</v>
      </c>
      <c r="AT6" s="69" t="s">
        <v>52</v>
      </c>
      <c r="AU6" s="64" t="s">
        <v>43</v>
      </c>
      <c r="AV6" s="65" t="s">
        <v>44</v>
      </c>
      <c r="AW6" s="66" t="s">
        <v>45</v>
      </c>
      <c r="AX6" s="67" t="s">
        <v>46</v>
      </c>
      <c r="AY6" s="65" t="s">
        <v>47</v>
      </c>
      <c r="AZ6" s="65" t="s">
        <v>48</v>
      </c>
      <c r="BA6" s="65" t="s">
        <v>49</v>
      </c>
      <c r="BB6" s="65" t="s">
        <v>50</v>
      </c>
      <c r="BC6" s="65" t="s">
        <v>51</v>
      </c>
      <c r="BD6" s="66" t="s">
        <v>45</v>
      </c>
      <c r="BE6" s="69" t="s">
        <v>52</v>
      </c>
      <c r="BF6" s="64" t="s">
        <v>43</v>
      </c>
      <c r="BG6" s="65" t="s">
        <v>44</v>
      </c>
      <c r="BH6" s="66" t="s">
        <v>45</v>
      </c>
      <c r="BI6" s="67" t="s">
        <v>46</v>
      </c>
      <c r="BJ6" s="65" t="s">
        <v>47</v>
      </c>
      <c r="BK6" s="65" t="s">
        <v>48</v>
      </c>
      <c r="BL6" s="65" t="s">
        <v>49</v>
      </c>
      <c r="BM6" s="65" t="s">
        <v>50</v>
      </c>
      <c r="BN6" s="65" t="s">
        <v>51</v>
      </c>
      <c r="BO6" s="66" t="s">
        <v>45</v>
      </c>
      <c r="BP6" s="69" t="s">
        <v>52</v>
      </c>
      <c r="BQ6" s="64" t="s">
        <v>43</v>
      </c>
      <c r="BR6" s="65" t="s">
        <v>44</v>
      </c>
      <c r="BS6" s="66" t="s">
        <v>45</v>
      </c>
      <c r="BT6" s="67" t="s">
        <v>46</v>
      </c>
      <c r="BU6" s="65" t="s">
        <v>47</v>
      </c>
      <c r="BV6" s="65" t="s">
        <v>48</v>
      </c>
      <c r="BW6" s="65" t="s">
        <v>49</v>
      </c>
      <c r="BX6" s="65" t="s">
        <v>50</v>
      </c>
      <c r="BY6" s="65" t="s">
        <v>51</v>
      </c>
      <c r="BZ6" s="66" t="s">
        <v>45</v>
      </c>
      <c r="CA6" s="69" t="s">
        <v>52</v>
      </c>
      <c r="CB6" s="64" t="s">
        <v>43</v>
      </c>
      <c r="CC6" s="65" t="s">
        <v>44</v>
      </c>
      <c r="CD6" s="66" t="s">
        <v>45</v>
      </c>
      <c r="CE6" s="67" t="s">
        <v>46</v>
      </c>
      <c r="CF6" s="65" t="s">
        <v>47</v>
      </c>
      <c r="CG6" s="65" t="s">
        <v>48</v>
      </c>
      <c r="CH6" s="65" t="s">
        <v>49</v>
      </c>
      <c r="CI6" s="65" t="s">
        <v>50</v>
      </c>
      <c r="CJ6" s="65" t="s">
        <v>51</v>
      </c>
      <c r="CK6" s="66" t="s">
        <v>45</v>
      </c>
      <c r="CL6" s="69" t="s">
        <v>52</v>
      </c>
      <c r="CM6" s="64" t="s">
        <v>43</v>
      </c>
      <c r="CN6" s="65" t="s">
        <v>44</v>
      </c>
      <c r="CO6" s="66" t="s">
        <v>45</v>
      </c>
      <c r="CP6" s="67" t="s">
        <v>46</v>
      </c>
      <c r="CQ6" s="65" t="s">
        <v>47</v>
      </c>
      <c r="CR6" s="65" t="s">
        <v>48</v>
      </c>
      <c r="CS6" s="65" t="s">
        <v>49</v>
      </c>
      <c r="CT6" s="65" t="s">
        <v>50</v>
      </c>
      <c r="CU6" s="65" t="s">
        <v>51</v>
      </c>
      <c r="CV6" s="66" t="s">
        <v>45</v>
      </c>
      <c r="CW6" s="69" t="s">
        <v>52</v>
      </c>
      <c r="CX6" s="59" t="s">
        <v>43</v>
      </c>
      <c r="CY6" s="60" t="s">
        <v>44</v>
      </c>
      <c r="CZ6" s="61" t="s">
        <v>45</v>
      </c>
      <c r="DA6" s="62" t="s">
        <v>46</v>
      </c>
      <c r="DB6" s="60" t="s">
        <v>47</v>
      </c>
      <c r="DC6" s="60" t="s">
        <v>48</v>
      </c>
      <c r="DD6" s="60" t="s">
        <v>49</v>
      </c>
      <c r="DE6" s="60" t="s">
        <v>50</v>
      </c>
      <c r="DF6" s="60" t="s">
        <v>51</v>
      </c>
      <c r="DG6" s="61" t="s">
        <v>45</v>
      </c>
      <c r="DH6" s="63" t="s">
        <v>52</v>
      </c>
      <c r="DI6" s="64" t="s">
        <v>43</v>
      </c>
      <c r="DJ6" s="65" t="s">
        <v>44</v>
      </c>
      <c r="DK6" s="66" t="s">
        <v>45</v>
      </c>
      <c r="DL6" s="67" t="s">
        <v>46</v>
      </c>
      <c r="DM6" s="65" t="s">
        <v>47</v>
      </c>
      <c r="DN6" s="65" t="s">
        <v>48</v>
      </c>
      <c r="DO6" s="65" t="s">
        <v>49</v>
      </c>
      <c r="DP6" s="65" t="s">
        <v>50</v>
      </c>
      <c r="DQ6" s="65" t="s">
        <v>51</v>
      </c>
      <c r="DR6" s="66" t="s">
        <v>45</v>
      </c>
      <c r="DS6" s="69" t="s">
        <v>52</v>
      </c>
      <c r="DT6" s="64" t="s">
        <v>43</v>
      </c>
      <c r="DU6" s="65" t="s">
        <v>44</v>
      </c>
      <c r="DV6" s="66" t="s">
        <v>45</v>
      </c>
      <c r="DW6" s="67" t="s">
        <v>46</v>
      </c>
      <c r="DX6" s="65" t="s">
        <v>47</v>
      </c>
      <c r="DY6" s="65" t="s">
        <v>48</v>
      </c>
      <c r="DZ6" s="65" t="s">
        <v>49</v>
      </c>
      <c r="EA6" s="65" t="s">
        <v>50</v>
      </c>
      <c r="EB6" s="65" t="s">
        <v>51</v>
      </c>
      <c r="EC6" s="66" t="s">
        <v>45</v>
      </c>
      <c r="ED6" s="69" t="s">
        <v>52</v>
      </c>
      <c r="EE6" s="64" t="s">
        <v>43</v>
      </c>
      <c r="EF6" s="65" t="s">
        <v>44</v>
      </c>
      <c r="EG6" s="66" t="s">
        <v>45</v>
      </c>
      <c r="EH6" s="67" t="s">
        <v>46</v>
      </c>
      <c r="EI6" s="65" t="s">
        <v>47</v>
      </c>
      <c r="EJ6" s="65" t="s">
        <v>48</v>
      </c>
      <c r="EK6" s="65" t="s">
        <v>49</v>
      </c>
      <c r="EL6" s="65" t="s">
        <v>50</v>
      </c>
      <c r="EM6" s="65" t="s">
        <v>51</v>
      </c>
      <c r="EN6" s="66" t="s">
        <v>45</v>
      </c>
      <c r="EO6" s="69" t="s">
        <v>52</v>
      </c>
      <c r="EP6" s="64" t="s">
        <v>43</v>
      </c>
      <c r="EQ6" s="65" t="s">
        <v>44</v>
      </c>
      <c r="ER6" s="66" t="s">
        <v>45</v>
      </c>
      <c r="ES6" s="67" t="s">
        <v>46</v>
      </c>
      <c r="ET6" s="65" t="s">
        <v>47</v>
      </c>
      <c r="EU6" s="65" t="s">
        <v>48</v>
      </c>
      <c r="EV6" s="65" t="s">
        <v>49</v>
      </c>
      <c r="EW6" s="65" t="s">
        <v>50</v>
      </c>
      <c r="EX6" s="65" t="s">
        <v>51</v>
      </c>
      <c r="EY6" s="66" t="s">
        <v>45</v>
      </c>
      <c r="EZ6" s="69" t="s">
        <v>52</v>
      </c>
      <c r="FA6" s="64" t="s">
        <v>43</v>
      </c>
      <c r="FB6" s="65" t="s">
        <v>44</v>
      </c>
      <c r="FC6" s="66" t="s">
        <v>45</v>
      </c>
      <c r="FD6" s="67" t="s">
        <v>46</v>
      </c>
      <c r="FE6" s="65" t="s">
        <v>47</v>
      </c>
      <c r="FF6" s="65" t="s">
        <v>48</v>
      </c>
      <c r="FG6" s="65" t="s">
        <v>49</v>
      </c>
      <c r="FH6" s="65" t="s">
        <v>50</v>
      </c>
      <c r="FI6" s="65" t="s">
        <v>51</v>
      </c>
      <c r="FJ6" s="66" t="s">
        <v>45</v>
      </c>
      <c r="FK6" s="69" t="s">
        <v>52</v>
      </c>
      <c r="FL6" s="64" t="s">
        <v>43</v>
      </c>
      <c r="FM6" s="65" t="s">
        <v>44</v>
      </c>
      <c r="FN6" s="66" t="s">
        <v>45</v>
      </c>
      <c r="FO6" s="67" t="s">
        <v>46</v>
      </c>
      <c r="FP6" s="65" t="s">
        <v>47</v>
      </c>
      <c r="FQ6" s="65" t="s">
        <v>48</v>
      </c>
      <c r="FR6" s="65" t="s">
        <v>49</v>
      </c>
      <c r="FS6" s="65" t="s">
        <v>50</v>
      </c>
      <c r="FT6" s="65" t="s">
        <v>51</v>
      </c>
      <c r="FU6" s="66" t="s">
        <v>45</v>
      </c>
      <c r="FV6" s="69" t="s">
        <v>52</v>
      </c>
      <c r="FW6" s="64" t="s">
        <v>43</v>
      </c>
      <c r="FX6" s="65" t="s">
        <v>44</v>
      </c>
      <c r="FY6" s="66" t="s">
        <v>45</v>
      </c>
      <c r="FZ6" s="67" t="s">
        <v>46</v>
      </c>
      <c r="GA6" s="65" t="s">
        <v>47</v>
      </c>
      <c r="GB6" s="65" t="s">
        <v>48</v>
      </c>
      <c r="GC6" s="65" t="s">
        <v>49</v>
      </c>
      <c r="GD6" s="65" t="s">
        <v>50</v>
      </c>
      <c r="GE6" s="65" t="s">
        <v>51</v>
      </c>
      <c r="GF6" s="66" t="s">
        <v>45</v>
      </c>
      <c r="GG6" s="69" t="s">
        <v>52</v>
      </c>
      <c r="GH6" s="64" t="s">
        <v>43</v>
      </c>
      <c r="GI6" s="65" t="s">
        <v>44</v>
      </c>
      <c r="GJ6" s="66" t="s">
        <v>45</v>
      </c>
      <c r="GK6" s="67" t="s">
        <v>46</v>
      </c>
      <c r="GL6" s="65" t="s">
        <v>47</v>
      </c>
      <c r="GM6" s="65" t="s">
        <v>48</v>
      </c>
      <c r="GN6" s="65" t="s">
        <v>49</v>
      </c>
      <c r="GO6" s="65" t="s">
        <v>50</v>
      </c>
      <c r="GP6" s="65" t="s">
        <v>51</v>
      </c>
      <c r="GQ6" s="66" t="s">
        <v>45</v>
      </c>
      <c r="GR6" s="69" t="s">
        <v>52</v>
      </c>
      <c r="GS6" s="59" t="s">
        <v>43</v>
      </c>
      <c r="GT6" s="60" t="s">
        <v>44</v>
      </c>
      <c r="GU6" s="61" t="s">
        <v>45</v>
      </c>
      <c r="GV6" s="62" t="s">
        <v>46</v>
      </c>
      <c r="GW6" s="60" t="s">
        <v>47</v>
      </c>
      <c r="GX6" s="60" t="s">
        <v>48</v>
      </c>
      <c r="GY6" s="60" t="s">
        <v>49</v>
      </c>
      <c r="GZ6" s="60" t="s">
        <v>50</v>
      </c>
      <c r="HA6" s="60" t="s">
        <v>51</v>
      </c>
      <c r="HB6" s="61" t="s">
        <v>45</v>
      </c>
      <c r="HC6" s="63" t="s">
        <v>52</v>
      </c>
      <c r="HD6" s="64" t="s">
        <v>43</v>
      </c>
      <c r="HE6" s="65" t="s">
        <v>44</v>
      </c>
      <c r="HF6" s="66" t="s">
        <v>45</v>
      </c>
      <c r="HG6" s="67" t="s">
        <v>46</v>
      </c>
      <c r="HH6" s="65" t="s">
        <v>47</v>
      </c>
      <c r="HI6" s="65" t="s">
        <v>48</v>
      </c>
      <c r="HJ6" s="65" t="s">
        <v>49</v>
      </c>
      <c r="HK6" s="65" t="s">
        <v>50</v>
      </c>
      <c r="HL6" s="65" t="s">
        <v>51</v>
      </c>
      <c r="HM6" s="66" t="s">
        <v>45</v>
      </c>
      <c r="HN6" s="69" t="s">
        <v>52</v>
      </c>
      <c r="HO6" s="64" t="s">
        <v>43</v>
      </c>
      <c r="HP6" s="65" t="s">
        <v>44</v>
      </c>
      <c r="HQ6" s="66" t="s">
        <v>45</v>
      </c>
      <c r="HR6" s="67" t="s">
        <v>46</v>
      </c>
      <c r="HS6" s="65" t="s">
        <v>47</v>
      </c>
      <c r="HT6" s="65" t="s">
        <v>48</v>
      </c>
      <c r="HU6" s="65" t="s">
        <v>49</v>
      </c>
      <c r="HV6" s="65" t="s">
        <v>50</v>
      </c>
      <c r="HW6" s="65" t="s">
        <v>51</v>
      </c>
      <c r="HX6" s="66" t="s">
        <v>45</v>
      </c>
      <c r="HY6" s="69" t="s">
        <v>52</v>
      </c>
      <c r="HZ6" s="64" t="s">
        <v>43</v>
      </c>
      <c r="IA6" s="65" t="s">
        <v>44</v>
      </c>
      <c r="IB6" s="66" t="s">
        <v>45</v>
      </c>
      <c r="IC6" s="67" t="s">
        <v>46</v>
      </c>
      <c r="ID6" s="65" t="s">
        <v>47</v>
      </c>
      <c r="IE6" s="65" t="s">
        <v>48</v>
      </c>
      <c r="IF6" s="65" t="s">
        <v>49</v>
      </c>
      <c r="IG6" s="65" t="s">
        <v>50</v>
      </c>
      <c r="IH6" s="65" t="s">
        <v>51</v>
      </c>
      <c r="II6" s="66" t="s">
        <v>45</v>
      </c>
      <c r="IJ6" s="69" t="s">
        <v>52</v>
      </c>
      <c r="IK6" s="64" t="s">
        <v>43</v>
      </c>
      <c r="IL6" s="65" t="s">
        <v>44</v>
      </c>
      <c r="IM6" s="66" t="s">
        <v>45</v>
      </c>
      <c r="IN6" s="67" t="s">
        <v>46</v>
      </c>
      <c r="IO6" s="65" t="s">
        <v>47</v>
      </c>
      <c r="IP6" s="65" t="s">
        <v>48</v>
      </c>
      <c r="IQ6" s="65" t="s">
        <v>49</v>
      </c>
      <c r="IR6" s="65" t="s">
        <v>50</v>
      </c>
      <c r="IS6" s="65" t="s">
        <v>51</v>
      </c>
      <c r="IT6" s="66" t="s">
        <v>45</v>
      </c>
      <c r="IU6" s="69" t="s">
        <v>52</v>
      </c>
      <c r="IV6" s="64" t="s">
        <v>43</v>
      </c>
      <c r="IW6" s="65" t="s">
        <v>44</v>
      </c>
      <c r="IX6" s="66" t="s">
        <v>45</v>
      </c>
      <c r="IY6" s="67" t="s">
        <v>46</v>
      </c>
      <c r="IZ6" s="65" t="s">
        <v>47</v>
      </c>
      <c r="JA6" s="65" t="s">
        <v>48</v>
      </c>
      <c r="JB6" s="65" t="s">
        <v>49</v>
      </c>
      <c r="JC6" s="65" t="s">
        <v>50</v>
      </c>
      <c r="JD6" s="65" t="s">
        <v>51</v>
      </c>
      <c r="JE6" s="66" t="s">
        <v>45</v>
      </c>
      <c r="JF6" s="69" t="s">
        <v>52</v>
      </c>
      <c r="JG6" s="64" t="s">
        <v>43</v>
      </c>
      <c r="JH6" s="65" t="s">
        <v>44</v>
      </c>
      <c r="JI6" s="66" t="s">
        <v>45</v>
      </c>
      <c r="JJ6" s="67" t="s">
        <v>46</v>
      </c>
      <c r="JK6" s="65" t="s">
        <v>47</v>
      </c>
      <c r="JL6" s="65" t="s">
        <v>48</v>
      </c>
      <c r="JM6" s="65" t="s">
        <v>49</v>
      </c>
      <c r="JN6" s="65" t="s">
        <v>50</v>
      </c>
      <c r="JO6" s="65" t="s">
        <v>51</v>
      </c>
      <c r="JP6" s="66" t="s">
        <v>45</v>
      </c>
      <c r="JQ6" s="69" t="s">
        <v>52</v>
      </c>
      <c r="JR6" s="64" t="s">
        <v>43</v>
      </c>
      <c r="JS6" s="65" t="s">
        <v>44</v>
      </c>
      <c r="JT6" s="66" t="s">
        <v>45</v>
      </c>
      <c r="JU6" s="67" t="s">
        <v>46</v>
      </c>
      <c r="JV6" s="65" t="s">
        <v>47</v>
      </c>
      <c r="JW6" s="65" t="s">
        <v>48</v>
      </c>
      <c r="JX6" s="65" t="s">
        <v>49</v>
      </c>
      <c r="JY6" s="65" t="s">
        <v>50</v>
      </c>
      <c r="JZ6" s="65" t="s">
        <v>51</v>
      </c>
      <c r="KA6" s="66" t="s">
        <v>45</v>
      </c>
      <c r="KB6" s="69" t="s">
        <v>52</v>
      </c>
      <c r="KC6" s="64" t="s">
        <v>43</v>
      </c>
      <c r="KD6" s="65" t="s">
        <v>44</v>
      </c>
      <c r="KE6" s="66" t="s">
        <v>45</v>
      </c>
      <c r="KF6" s="67" t="s">
        <v>46</v>
      </c>
      <c r="KG6" s="65" t="s">
        <v>47</v>
      </c>
      <c r="KH6" s="65" t="s">
        <v>48</v>
      </c>
      <c r="KI6" s="65" t="s">
        <v>49</v>
      </c>
      <c r="KJ6" s="65" t="s">
        <v>50</v>
      </c>
      <c r="KK6" s="65" t="s">
        <v>51</v>
      </c>
      <c r="KL6" s="66" t="s">
        <v>45</v>
      </c>
      <c r="KM6" s="69" t="s">
        <v>52</v>
      </c>
    </row>
    <row r="7" spans="2:299" s="56" customFormat="1" ht="21" customHeight="1" x14ac:dyDescent="0.2">
      <c r="B7" s="70" t="s">
        <v>4</v>
      </c>
      <c r="C7" s="71">
        <v>21449</v>
      </c>
      <c r="D7" s="72">
        <v>22019</v>
      </c>
      <c r="E7" s="73">
        <v>43468</v>
      </c>
      <c r="F7" s="398">
        <v>0</v>
      </c>
      <c r="G7" s="72">
        <v>31830</v>
      </c>
      <c r="H7" s="72">
        <v>32086</v>
      </c>
      <c r="I7" s="72">
        <v>21054</v>
      </c>
      <c r="J7" s="72">
        <v>17412</v>
      </c>
      <c r="K7" s="72">
        <v>10300</v>
      </c>
      <c r="L7" s="74">
        <v>112682</v>
      </c>
      <c r="M7" s="75">
        <v>156150</v>
      </c>
      <c r="N7" s="76">
        <v>829</v>
      </c>
      <c r="O7" s="77">
        <v>999</v>
      </c>
      <c r="P7" s="78">
        <v>1828</v>
      </c>
      <c r="Q7" s="398">
        <v>0</v>
      </c>
      <c r="R7" s="77">
        <v>1263</v>
      </c>
      <c r="S7" s="77">
        <v>1633</v>
      </c>
      <c r="T7" s="77">
        <v>1063</v>
      </c>
      <c r="U7" s="77">
        <v>944</v>
      </c>
      <c r="V7" s="77">
        <v>681</v>
      </c>
      <c r="W7" s="78">
        <v>5584</v>
      </c>
      <c r="X7" s="79">
        <v>7412</v>
      </c>
      <c r="Y7" s="76">
        <v>1731</v>
      </c>
      <c r="Z7" s="77">
        <v>2171</v>
      </c>
      <c r="AA7" s="78">
        <v>3902</v>
      </c>
      <c r="AB7" s="398">
        <v>0</v>
      </c>
      <c r="AC7" s="77">
        <v>2630</v>
      </c>
      <c r="AD7" s="77">
        <v>3091</v>
      </c>
      <c r="AE7" s="77">
        <v>2011</v>
      </c>
      <c r="AF7" s="77">
        <v>1826</v>
      </c>
      <c r="AG7" s="77">
        <v>1299</v>
      </c>
      <c r="AH7" s="78">
        <v>10857</v>
      </c>
      <c r="AI7" s="79">
        <v>14759</v>
      </c>
      <c r="AJ7" s="76">
        <v>3371</v>
      </c>
      <c r="AK7" s="77">
        <v>3716</v>
      </c>
      <c r="AL7" s="78">
        <v>7087</v>
      </c>
      <c r="AM7" s="398">
        <v>0</v>
      </c>
      <c r="AN7" s="77">
        <v>4938</v>
      </c>
      <c r="AO7" s="77">
        <v>5411</v>
      </c>
      <c r="AP7" s="77">
        <v>3459</v>
      </c>
      <c r="AQ7" s="77">
        <v>3009</v>
      </c>
      <c r="AR7" s="77">
        <v>1943</v>
      </c>
      <c r="AS7" s="78">
        <v>18760</v>
      </c>
      <c r="AT7" s="79">
        <v>25847</v>
      </c>
      <c r="AU7" s="76">
        <v>5674</v>
      </c>
      <c r="AV7" s="77">
        <v>5578</v>
      </c>
      <c r="AW7" s="78">
        <v>11252</v>
      </c>
      <c r="AX7" s="398">
        <v>0</v>
      </c>
      <c r="AY7" s="77">
        <v>8276</v>
      </c>
      <c r="AZ7" s="77">
        <v>7733</v>
      </c>
      <c r="BA7" s="77">
        <v>4902</v>
      </c>
      <c r="BB7" s="77">
        <v>3944</v>
      </c>
      <c r="BC7" s="77">
        <v>2416</v>
      </c>
      <c r="BD7" s="78">
        <v>27271</v>
      </c>
      <c r="BE7" s="79">
        <v>38523</v>
      </c>
      <c r="BF7" s="76">
        <v>6093</v>
      </c>
      <c r="BG7" s="77">
        <v>5601</v>
      </c>
      <c r="BH7" s="78">
        <v>11694</v>
      </c>
      <c r="BI7" s="398">
        <v>0</v>
      </c>
      <c r="BJ7" s="77">
        <v>8633</v>
      </c>
      <c r="BK7" s="77">
        <v>7802</v>
      </c>
      <c r="BL7" s="77">
        <v>5209</v>
      </c>
      <c r="BM7" s="77">
        <v>3992</v>
      </c>
      <c r="BN7" s="77">
        <v>2189</v>
      </c>
      <c r="BO7" s="78">
        <v>27825</v>
      </c>
      <c r="BP7" s="79">
        <v>39519</v>
      </c>
      <c r="BQ7" s="76">
        <v>3751</v>
      </c>
      <c r="BR7" s="77">
        <v>3954</v>
      </c>
      <c r="BS7" s="78">
        <v>7705</v>
      </c>
      <c r="BT7" s="398">
        <v>0</v>
      </c>
      <c r="BU7" s="77">
        <v>6090</v>
      </c>
      <c r="BV7" s="77">
        <v>6416</v>
      </c>
      <c r="BW7" s="77">
        <v>4410</v>
      </c>
      <c r="BX7" s="77">
        <v>3697</v>
      </c>
      <c r="BY7" s="77">
        <v>1772</v>
      </c>
      <c r="BZ7" s="78">
        <v>22385</v>
      </c>
      <c r="CA7" s="79">
        <v>30090</v>
      </c>
      <c r="CB7" s="76">
        <v>507</v>
      </c>
      <c r="CC7" s="77">
        <v>874</v>
      </c>
      <c r="CD7" s="78">
        <v>1381</v>
      </c>
      <c r="CE7" s="398">
        <v>0</v>
      </c>
      <c r="CF7" s="77">
        <v>865</v>
      </c>
      <c r="CG7" s="77">
        <v>1479</v>
      </c>
      <c r="CH7" s="77">
        <v>904</v>
      </c>
      <c r="CI7" s="77">
        <v>828</v>
      </c>
      <c r="CJ7" s="77">
        <v>767</v>
      </c>
      <c r="CK7" s="78">
        <v>4843</v>
      </c>
      <c r="CL7" s="79">
        <v>6224</v>
      </c>
      <c r="CM7" s="76">
        <v>21956</v>
      </c>
      <c r="CN7" s="77">
        <v>22893</v>
      </c>
      <c r="CO7" s="78">
        <v>44849</v>
      </c>
      <c r="CP7" s="398">
        <v>0</v>
      </c>
      <c r="CQ7" s="77">
        <v>32695</v>
      </c>
      <c r="CR7" s="77">
        <v>33565</v>
      </c>
      <c r="CS7" s="77">
        <v>21958</v>
      </c>
      <c r="CT7" s="77">
        <v>18240</v>
      </c>
      <c r="CU7" s="77">
        <v>11067</v>
      </c>
      <c r="CV7" s="78">
        <v>117525</v>
      </c>
      <c r="CW7" s="79">
        <v>162374</v>
      </c>
      <c r="CX7" s="80">
        <v>41349</v>
      </c>
      <c r="CY7" s="72">
        <v>48809</v>
      </c>
      <c r="CZ7" s="73">
        <v>90158</v>
      </c>
      <c r="DA7" s="398">
        <v>0</v>
      </c>
      <c r="DB7" s="72">
        <v>58747</v>
      </c>
      <c r="DC7" s="72">
        <v>55813</v>
      </c>
      <c r="DD7" s="72">
        <v>40119</v>
      </c>
      <c r="DE7" s="72">
        <v>39141</v>
      </c>
      <c r="DF7" s="72">
        <v>24928</v>
      </c>
      <c r="DG7" s="74">
        <v>218748</v>
      </c>
      <c r="DH7" s="75">
        <v>308906</v>
      </c>
      <c r="DI7" s="76">
        <v>865</v>
      </c>
      <c r="DJ7" s="77">
        <v>1101</v>
      </c>
      <c r="DK7" s="78">
        <v>1966</v>
      </c>
      <c r="DL7" s="398">
        <v>0</v>
      </c>
      <c r="DM7" s="77">
        <v>947</v>
      </c>
      <c r="DN7" s="77">
        <v>1077</v>
      </c>
      <c r="DO7" s="77">
        <v>711</v>
      </c>
      <c r="DP7" s="77">
        <v>669</v>
      </c>
      <c r="DQ7" s="77">
        <v>570</v>
      </c>
      <c r="DR7" s="78">
        <v>3974</v>
      </c>
      <c r="DS7" s="79">
        <v>5940</v>
      </c>
      <c r="DT7" s="76">
        <v>2305</v>
      </c>
      <c r="DU7" s="77">
        <v>2889</v>
      </c>
      <c r="DV7" s="78">
        <v>5194</v>
      </c>
      <c r="DW7" s="398">
        <v>0</v>
      </c>
      <c r="DX7" s="77">
        <v>2484</v>
      </c>
      <c r="DY7" s="77">
        <v>2664</v>
      </c>
      <c r="DZ7" s="77">
        <v>1607</v>
      </c>
      <c r="EA7" s="77">
        <v>1574</v>
      </c>
      <c r="EB7" s="77">
        <v>1280</v>
      </c>
      <c r="EC7" s="78">
        <v>9609</v>
      </c>
      <c r="ED7" s="79">
        <v>14803</v>
      </c>
      <c r="EE7" s="76">
        <v>6358</v>
      </c>
      <c r="EF7" s="77">
        <v>7004</v>
      </c>
      <c r="EG7" s="78">
        <v>13362</v>
      </c>
      <c r="EH7" s="398">
        <v>0</v>
      </c>
      <c r="EI7" s="77">
        <v>6693</v>
      </c>
      <c r="EJ7" s="77">
        <v>5956</v>
      </c>
      <c r="EK7" s="77">
        <v>3520</v>
      </c>
      <c r="EL7" s="77">
        <v>3478</v>
      </c>
      <c r="EM7" s="77">
        <v>2566</v>
      </c>
      <c r="EN7" s="78">
        <v>22213</v>
      </c>
      <c r="EO7" s="79">
        <v>35575</v>
      </c>
      <c r="EP7" s="76">
        <v>12772</v>
      </c>
      <c r="EQ7" s="77">
        <v>13686</v>
      </c>
      <c r="ER7" s="78">
        <v>26458</v>
      </c>
      <c r="ES7" s="398">
        <v>0</v>
      </c>
      <c r="ET7" s="77">
        <v>14668</v>
      </c>
      <c r="EU7" s="77">
        <v>12015</v>
      </c>
      <c r="EV7" s="77">
        <v>7733</v>
      </c>
      <c r="EW7" s="77">
        <v>6786</v>
      </c>
      <c r="EX7" s="77">
        <v>4711</v>
      </c>
      <c r="EY7" s="78">
        <v>45913</v>
      </c>
      <c r="EZ7" s="79">
        <v>72371</v>
      </c>
      <c r="FA7" s="76">
        <v>12384</v>
      </c>
      <c r="FB7" s="77">
        <v>14217</v>
      </c>
      <c r="FC7" s="78">
        <v>26601</v>
      </c>
      <c r="FD7" s="398">
        <v>0</v>
      </c>
      <c r="FE7" s="77">
        <v>17759</v>
      </c>
      <c r="FF7" s="77">
        <v>15749</v>
      </c>
      <c r="FG7" s="77">
        <v>10694</v>
      </c>
      <c r="FH7" s="77">
        <v>9831</v>
      </c>
      <c r="FI7" s="77">
        <v>6181</v>
      </c>
      <c r="FJ7" s="78">
        <v>60214</v>
      </c>
      <c r="FK7" s="79">
        <v>86815</v>
      </c>
      <c r="FL7" s="76">
        <v>6665</v>
      </c>
      <c r="FM7" s="77">
        <v>9912</v>
      </c>
      <c r="FN7" s="78">
        <v>16577</v>
      </c>
      <c r="FO7" s="398">
        <v>0</v>
      </c>
      <c r="FP7" s="77">
        <v>16196</v>
      </c>
      <c r="FQ7" s="77">
        <v>18352</v>
      </c>
      <c r="FR7" s="77">
        <v>15854</v>
      </c>
      <c r="FS7" s="77">
        <v>16803</v>
      </c>
      <c r="FT7" s="77">
        <v>9620</v>
      </c>
      <c r="FU7" s="78">
        <v>76825</v>
      </c>
      <c r="FV7" s="79">
        <v>93402</v>
      </c>
      <c r="FW7" s="76">
        <v>369</v>
      </c>
      <c r="FX7" s="77">
        <v>760</v>
      </c>
      <c r="FY7" s="78">
        <v>1129</v>
      </c>
      <c r="FZ7" s="398">
        <v>0</v>
      </c>
      <c r="GA7" s="77">
        <v>692</v>
      </c>
      <c r="GB7" s="77">
        <v>1113</v>
      </c>
      <c r="GC7" s="77">
        <v>613</v>
      </c>
      <c r="GD7" s="77">
        <v>591</v>
      </c>
      <c r="GE7" s="77">
        <v>643</v>
      </c>
      <c r="GF7" s="78">
        <v>3652</v>
      </c>
      <c r="GG7" s="79">
        <v>4781</v>
      </c>
      <c r="GH7" s="76">
        <v>41718</v>
      </c>
      <c r="GI7" s="77">
        <v>49569</v>
      </c>
      <c r="GJ7" s="78">
        <v>91287</v>
      </c>
      <c r="GK7" s="398">
        <v>0</v>
      </c>
      <c r="GL7" s="77">
        <v>59439</v>
      </c>
      <c r="GM7" s="77">
        <v>56926</v>
      </c>
      <c r="GN7" s="77">
        <v>40732</v>
      </c>
      <c r="GO7" s="77">
        <v>39732</v>
      </c>
      <c r="GP7" s="77">
        <v>25571</v>
      </c>
      <c r="GQ7" s="78">
        <v>222400</v>
      </c>
      <c r="GR7" s="79">
        <v>313687</v>
      </c>
      <c r="GS7" s="80">
        <v>62798</v>
      </c>
      <c r="GT7" s="72">
        <v>70828</v>
      </c>
      <c r="GU7" s="73">
        <v>133626</v>
      </c>
      <c r="GV7" s="398">
        <v>0</v>
      </c>
      <c r="GW7" s="72">
        <v>90577</v>
      </c>
      <c r="GX7" s="72">
        <v>87899</v>
      </c>
      <c r="GY7" s="72">
        <v>61173</v>
      </c>
      <c r="GZ7" s="72">
        <v>56553</v>
      </c>
      <c r="HA7" s="72">
        <v>35228</v>
      </c>
      <c r="HB7" s="74">
        <v>331430</v>
      </c>
      <c r="HC7" s="75">
        <v>465056</v>
      </c>
      <c r="HD7" s="76">
        <v>1694</v>
      </c>
      <c r="HE7" s="77">
        <v>2100</v>
      </c>
      <c r="HF7" s="78">
        <v>3794</v>
      </c>
      <c r="HG7" s="401">
        <v>0</v>
      </c>
      <c r="HH7" s="77">
        <v>2210</v>
      </c>
      <c r="HI7" s="77">
        <v>2710</v>
      </c>
      <c r="HJ7" s="77">
        <v>1774</v>
      </c>
      <c r="HK7" s="77">
        <v>1613</v>
      </c>
      <c r="HL7" s="77">
        <v>1251</v>
      </c>
      <c r="HM7" s="78">
        <v>9558</v>
      </c>
      <c r="HN7" s="79">
        <v>13352</v>
      </c>
      <c r="HO7" s="76">
        <v>4036</v>
      </c>
      <c r="HP7" s="77">
        <v>5060</v>
      </c>
      <c r="HQ7" s="78">
        <v>9096</v>
      </c>
      <c r="HR7" s="398">
        <v>0</v>
      </c>
      <c r="HS7" s="77">
        <v>5114</v>
      </c>
      <c r="HT7" s="77">
        <v>5755</v>
      </c>
      <c r="HU7" s="77">
        <v>3618</v>
      </c>
      <c r="HV7" s="77">
        <v>3400</v>
      </c>
      <c r="HW7" s="77">
        <v>2579</v>
      </c>
      <c r="HX7" s="78">
        <v>20466</v>
      </c>
      <c r="HY7" s="79">
        <v>29562</v>
      </c>
      <c r="HZ7" s="76">
        <v>9729</v>
      </c>
      <c r="IA7" s="77">
        <v>10720</v>
      </c>
      <c r="IB7" s="78">
        <v>20449</v>
      </c>
      <c r="IC7" s="398">
        <v>0</v>
      </c>
      <c r="ID7" s="77">
        <v>11631</v>
      </c>
      <c r="IE7" s="77">
        <v>11367</v>
      </c>
      <c r="IF7" s="77">
        <v>6979</v>
      </c>
      <c r="IG7" s="77">
        <v>6487</v>
      </c>
      <c r="IH7" s="77">
        <v>4509</v>
      </c>
      <c r="II7" s="78">
        <v>40973</v>
      </c>
      <c r="IJ7" s="79">
        <v>61422</v>
      </c>
      <c r="IK7" s="76">
        <v>18446</v>
      </c>
      <c r="IL7" s="77">
        <v>19264</v>
      </c>
      <c r="IM7" s="78">
        <v>37710</v>
      </c>
      <c r="IN7" s="398">
        <v>0</v>
      </c>
      <c r="IO7" s="77">
        <v>22944</v>
      </c>
      <c r="IP7" s="77">
        <v>19748</v>
      </c>
      <c r="IQ7" s="77">
        <v>12635</v>
      </c>
      <c r="IR7" s="77">
        <v>10730</v>
      </c>
      <c r="IS7" s="77">
        <v>7127</v>
      </c>
      <c r="IT7" s="78">
        <v>73184</v>
      </c>
      <c r="IU7" s="79">
        <v>110894</v>
      </c>
      <c r="IV7" s="76">
        <v>18477</v>
      </c>
      <c r="IW7" s="77">
        <v>19818</v>
      </c>
      <c r="IX7" s="78">
        <v>38295</v>
      </c>
      <c r="IY7" s="398">
        <v>0</v>
      </c>
      <c r="IZ7" s="77">
        <v>26392</v>
      </c>
      <c r="JA7" s="77">
        <v>23551</v>
      </c>
      <c r="JB7" s="77">
        <v>15903</v>
      </c>
      <c r="JC7" s="77">
        <v>13823</v>
      </c>
      <c r="JD7" s="77">
        <v>8370</v>
      </c>
      <c r="JE7" s="78">
        <v>88039</v>
      </c>
      <c r="JF7" s="79">
        <v>126334</v>
      </c>
      <c r="JG7" s="76">
        <v>10416</v>
      </c>
      <c r="JH7" s="77">
        <v>13866</v>
      </c>
      <c r="JI7" s="78">
        <v>24282</v>
      </c>
      <c r="JJ7" s="398">
        <v>0</v>
      </c>
      <c r="JK7" s="77">
        <v>22286</v>
      </c>
      <c r="JL7" s="77">
        <v>24768</v>
      </c>
      <c r="JM7" s="77">
        <v>20264</v>
      </c>
      <c r="JN7" s="77">
        <v>20500</v>
      </c>
      <c r="JO7" s="77">
        <v>11392</v>
      </c>
      <c r="JP7" s="78">
        <v>99210</v>
      </c>
      <c r="JQ7" s="79">
        <v>123492</v>
      </c>
      <c r="JR7" s="76">
        <v>876</v>
      </c>
      <c r="JS7" s="77">
        <v>1634</v>
      </c>
      <c r="JT7" s="78">
        <v>2510</v>
      </c>
      <c r="JU7" s="398">
        <v>0</v>
      </c>
      <c r="JV7" s="77">
        <v>1557</v>
      </c>
      <c r="JW7" s="77">
        <v>2592</v>
      </c>
      <c r="JX7" s="77">
        <v>1517</v>
      </c>
      <c r="JY7" s="77">
        <v>1419</v>
      </c>
      <c r="JZ7" s="77">
        <v>1410</v>
      </c>
      <c r="KA7" s="78">
        <v>8495</v>
      </c>
      <c r="KB7" s="79">
        <v>11005</v>
      </c>
      <c r="KC7" s="76">
        <v>63674</v>
      </c>
      <c r="KD7" s="77">
        <v>72462</v>
      </c>
      <c r="KE7" s="78">
        <v>136136</v>
      </c>
      <c r="KF7" s="398">
        <v>0</v>
      </c>
      <c r="KG7" s="77">
        <v>92134</v>
      </c>
      <c r="KH7" s="77">
        <v>90491</v>
      </c>
      <c r="KI7" s="77">
        <v>62690</v>
      </c>
      <c r="KJ7" s="77">
        <v>57972</v>
      </c>
      <c r="KK7" s="77">
        <v>36638</v>
      </c>
      <c r="KL7" s="78">
        <v>339925</v>
      </c>
      <c r="KM7" s="79">
        <v>476061</v>
      </c>
    </row>
    <row r="8" spans="2:299" s="56" customFormat="1" ht="21" customHeight="1" x14ac:dyDescent="0.2">
      <c r="B8" s="81" t="s">
        <v>5</v>
      </c>
      <c r="C8" s="82">
        <v>8301</v>
      </c>
      <c r="D8" s="83">
        <v>10469</v>
      </c>
      <c r="E8" s="84">
        <v>18770</v>
      </c>
      <c r="F8" s="399">
        <v>0</v>
      </c>
      <c r="G8" s="83">
        <v>10580</v>
      </c>
      <c r="H8" s="83">
        <v>14260</v>
      </c>
      <c r="I8" s="83">
        <v>8841</v>
      </c>
      <c r="J8" s="83">
        <v>7260</v>
      </c>
      <c r="K8" s="83">
        <v>4352</v>
      </c>
      <c r="L8" s="85">
        <v>45293</v>
      </c>
      <c r="M8" s="86">
        <v>64063</v>
      </c>
      <c r="N8" s="87">
        <v>285</v>
      </c>
      <c r="O8" s="88">
        <v>471</v>
      </c>
      <c r="P8" s="89">
        <v>756</v>
      </c>
      <c r="Q8" s="399">
        <v>0</v>
      </c>
      <c r="R8" s="88">
        <v>400</v>
      </c>
      <c r="S8" s="88">
        <v>734</v>
      </c>
      <c r="T8" s="88">
        <v>459</v>
      </c>
      <c r="U8" s="88">
        <v>415</v>
      </c>
      <c r="V8" s="88">
        <v>287</v>
      </c>
      <c r="W8" s="89">
        <v>2295</v>
      </c>
      <c r="X8" s="90">
        <v>3051</v>
      </c>
      <c r="Y8" s="87">
        <v>653</v>
      </c>
      <c r="Z8" s="88">
        <v>1009</v>
      </c>
      <c r="AA8" s="89">
        <v>1662</v>
      </c>
      <c r="AB8" s="399">
        <v>0</v>
      </c>
      <c r="AC8" s="88">
        <v>774</v>
      </c>
      <c r="AD8" s="88">
        <v>1400</v>
      </c>
      <c r="AE8" s="88">
        <v>844</v>
      </c>
      <c r="AF8" s="88">
        <v>753</v>
      </c>
      <c r="AG8" s="88">
        <v>558</v>
      </c>
      <c r="AH8" s="89">
        <v>4329</v>
      </c>
      <c r="AI8" s="90">
        <v>5991</v>
      </c>
      <c r="AJ8" s="87">
        <v>1267</v>
      </c>
      <c r="AK8" s="88">
        <v>1762</v>
      </c>
      <c r="AL8" s="89">
        <v>3029</v>
      </c>
      <c r="AM8" s="399">
        <v>0</v>
      </c>
      <c r="AN8" s="88">
        <v>1565</v>
      </c>
      <c r="AO8" s="88">
        <v>2370</v>
      </c>
      <c r="AP8" s="88">
        <v>1426</v>
      </c>
      <c r="AQ8" s="88">
        <v>1229</v>
      </c>
      <c r="AR8" s="88">
        <v>783</v>
      </c>
      <c r="AS8" s="89">
        <v>7373</v>
      </c>
      <c r="AT8" s="90">
        <v>10402</v>
      </c>
      <c r="AU8" s="87">
        <v>2153</v>
      </c>
      <c r="AV8" s="88">
        <v>2590</v>
      </c>
      <c r="AW8" s="89">
        <v>4743</v>
      </c>
      <c r="AX8" s="399">
        <v>0</v>
      </c>
      <c r="AY8" s="88">
        <v>2685</v>
      </c>
      <c r="AZ8" s="88">
        <v>3285</v>
      </c>
      <c r="BA8" s="88">
        <v>2010</v>
      </c>
      <c r="BB8" s="88">
        <v>1589</v>
      </c>
      <c r="BC8" s="88">
        <v>1010</v>
      </c>
      <c r="BD8" s="89">
        <v>10579</v>
      </c>
      <c r="BE8" s="90">
        <v>15322</v>
      </c>
      <c r="BF8" s="87">
        <v>2356</v>
      </c>
      <c r="BG8" s="88">
        <v>2641</v>
      </c>
      <c r="BH8" s="89">
        <v>4997</v>
      </c>
      <c r="BI8" s="399">
        <v>0</v>
      </c>
      <c r="BJ8" s="88">
        <v>2953</v>
      </c>
      <c r="BK8" s="88">
        <v>3483</v>
      </c>
      <c r="BL8" s="88">
        <v>2152</v>
      </c>
      <c r="BM8" s="88">
        <v>1659</v>
      </c>
      <c r="BN8" s="88">
        <v>930</v>
      </c>
      <c r="BO8" s="89">
        <v>11177</v>
      </c>
      <c r="BP8" s="90">
        <v>16174</v>
      </c>
      <c r="BQ8" s="87">
        <v>1587</v>
      </c>
      <c r="BR8" s="88">
        <v>1996</v>
      </c>
      <c r="BS8" s="89">
        <v>3583</v>
      </c>
      <c r="BT8" s="399">
        <v>0</v>
      </c>
      <c r="BU8" s="88">
        <v>2203</v>
      </c>
      <c r="BV8" s="88">
        <v>2988</v>
      </c>
      <c r="BW8" s="88">
        <v>1950</v>
      </c>
      <c r="BX8" s="88">
        <v>1615</v>
      </c>
      <c r="BY8" s="88">
        <v>784</v>
      </c>
      <c r="BZ8" s="89">
        <v>9540</v>
      </c>
      <c r="CA8" s="90">
        <v>13123</v>
      </c>
      <c r="CB8" s="87">
        <v>182</v>
      </c>
      <c r="CC8" s="88">
        <v>403</v>
      </c>
      <c r="CD8" s="89">
        <v>585</v>
      </c>
      <c r="CE8" s="399">
        <v>0</v>
      </c>
      <c r="CF8" s="88">
        <v>230</v>
      </c>
      <c r="CG8" s="88">
        <v>688</v>
      </c>
      <c r="CH8" s="88">
        <v>375</v>
      </c>
      <c r="CI8" s="88">
        <v>342</v>
      </c>
      <c r="CJ8" s="88">
        <v>336</v>
      </c>
      <c r="CK8" s="89">
        <v>1971</v>
      </c>
      <c r="CL8" s="90">
        <v>2556</v>
      </c>
      <c r="CM8" s="87">
        <v>8483</v>
      </c>
      <c r="CN8" s="88">
        <v>10872</v>
      </c>
      <c r="CO8" s="89">
        <v>19355</v>
      </c>
      <c r="CP8" s="399">
        <v>0</v>
      </c>
      <c r="CQ8" s="88">
        <v>10810</v>
      </c>
      <c r="CR8" s="88">
        <v>14948</v>
      </c>
      <c r="CS8" s="88">
        <v>9216</v>
      </c>
      <c r="CT8" s="88">
        <v>7602</v>
      </c>
      <c r="CU8" s="88">
        <v>4688</v>
      </c>
      <c r="CV8" s="89">
        <v>47264</v>
      </c>
      <c r="CW8" s="90">
        <v>66619</v>
      </c>
      <c r="CX8" s="91">
        <v>15795</v>
      </c>
      <c r="CY8" s="83">
        <v>21787</v>
      </c>
      <c r="CZ8" s="84">
        <v>37582</v>
      </c>
      <c r="DA8" s="399">
        <v>0</v>
      </c>
      <c r="DB8" s="83">
        <v>20417</v>
      </c>
      <c r="DC8" s="83">
        <v>25619</v>
      </c>
      <c r="DD8" s="83">
        <v>16907</v>
      </c>
      <c r="DE8" s="83">
        <v>16148</v>
      </c>
      <c r="DF8" s="83">
        <v>10152</v>
      </c>
      <c r="DG8" s="85">
        <v>89243</v>
      </c>
      <c r="DH8" s="86">
        <v>126825</v>
      </c>
      <c r="DI8" s="87">
        <v>336</v>
      </c>
      <c r="DJ8" s="88">
        <v>475</v>
      </c>
      <c r="DK8" s="89">
        <v>811</v>
      </c>
      <c r="DL8" s="399">
        <v>0</v>
      </c>
      <c r="DM8" s="88">
        <v>279</v>
      </c>
      <c r="DN8" s="88">
        <v>487</v>
      </c>
      <c r="DO8" s="88">
        <v>288</v>
      </c>
      <c r="DP8" s="88">
        <v>286</v>
      </c>
      <c r="DQ8" s="88">
        <v>215</v>
      </c>
      <c r="DR8" s="89">
        <v>1555</v>
      </c>
      <c r="DS8" s="90">
        <v>2366</v>
      </c>
      <c r="DT8" s="87">
        <v>827</v>
      </c>
      <c r="DU8" s="88">
        <v>1282</v>
      </c>
      <c r="DV8" s="89">
        <v>2109</v>
      </c>
      <c r="DW8" s="399">
        <v>0</v>
      </c>
      <c r="DX8" s="88">
        <v>763</v>
      </c>
      <c r="DY8" s="88">
        <v>1173</v>
      </c>
      <c r="DZ8" s="88">
        <v>644</v>
      </c>
      <c r="EA8" s="88">
        <v>652</v>
      </c>
      <c r="EB8" s="88">
        <v>536</v>
      </c>
      <c r="EC8" s="89">
        <v>3768</v>
      </c>
      <c r="ED8" s="90">
        <v>5877</v>
      </c>
      <c r="EE8" s="87">
        <v>2368</v>
      </c>
      <c r="EF8" s="88">
        <v>3000</v>
      </c>
      <c r="EG8" s="89">
        <v>5368</v>
      </c>
      <c r="EH8" s="399">
        <v>0</v>
      </c>
      <c r="EI8" s="88">
        <v>2160</v>
      </c>
      <c r="EJ8" s="88">
        <v>2648</v>
      </c>
      <c r="EK8" s="88">
        <v>1426</v>
      </c>
      <c r="EL8" s="88">
        <v>1396</v>
      </c>
      <c r="EM8" s="88">
        <v>1057</v>
      </c>
      <c r="EN8" s="89">
        <v>8687</v>
      </c>
      <c r="EO8" s="90">
        <v>14055</v>
      </c>
      <c r="EP8" s="87">
        <v>4851</v>
      </c>
      <c r="EQ8" s="88">
        <v>5999</v>
      </c>
      <c r="ER8" s="89">
        <v>10850</v>
      </c>
      <c r="ES8" s="399">
        <v>0</v>
      </c>
      <c r="ET8" s="88">
        <v>5113</v>
      </c>
      <c r="EU8" s="88">
        <v>5401</v>
      </c>
      <c r="EV8" s="88">
        <v>3116</v>
      </c>
      <c r="EW8" s="88">
        <v>2751</v>
      </c>
      <c r="EX8" s="88">
        <v>1859</v>
      </c>
      <c r="EY8" s="89">
        <v>18240</v>
      </c>
      <c r="EZ8" s="90">
        <v>29090</v>
      </c>
      <c r="FA8" s="87">
        <v>4780</v>
      </c>
      <c r="FB8" s="88">
        <v>6438</v>
      </c>
      <c r="FC8" s="89">
        <v>11218</v>
      </c>
      <c r="FD8" s="399">
        <v>0</v>
      </c>
      <c r="FE8" s="88">
        <v>6471</v>
      </c>
      <c r="FF8" s="88">
        <v>7362</v>
      </c>
      <c r="FG8" s="88">
        <v>4553</v>
      </c>
      <c r="FH8" s="88">
        <v>4150</v>
      </c>
      <c r="FI8" s="88">
        <v>2531</v>
      </c>
      <c r="FJ8" s="89">
        <v>25067</v>
      </c>
      <c r="FK8" s="90">
        <v>36285</v>
      </c>
      <c r="FL8" s="87">
        <v>2633</v>
      </c>
      <c r="FM8" s="88">
        <v>4593</v>
      </c>
      <c r="FN8" s="89">
        <v>7226</v>
      </c>
      <c r="FO8" s="399">
        <v>0</v>
      </c>
      <c r="FP8" s="88">
        <v>5631</v>
      </c>
      <c r="FQ8" s="88">
        <v>8548</v>
      </c>
      <c r="FR8" s="88">
        <v>6880</v>
      </c>
      <c r="FS8" s="88">
        <v>6913</v>
      </c>
      <c r="FT8" s="88">
        <v>3954</v>
      </c>
      <c r="FU8" s="89">
        <v>31926</v>
      </c>
      <c r="FV8" s="90">
        <v>39152</v>
      </c>
      <c r="FW8" s="87">
        <v>149</v>
      </c>
      <c r="FX8" s="88">
        <v>324</v>
      </c>
      <c r="FY8" s="89">
        <v>473</v>
      </c>
      <c r="FZ8" s="399">
        <v>0</v>
      </c>
      <c r="GA8" s="88">
        <v>197</v>
      </c>
      <c r="GB8" s="88">
        <v>531</v>
      </c>
      <c r="GC8" s="88">
        <v>237</v>
      </c>
      <c r="GD8" s="88">
        <v>248</v>
      </c>
      <c r="GE8" s="88">
        <v>276</v>
      </c>
      <c r="GF8" s="89">
        <v>1489</v>
      </c>
      <c r="GG8" s="90">
        <v>1962</v>
      </c>
      <c r="GH8" s="87">
        <v>15944</v>
      </c>
      <c r="GI8" s="88">
        <v>22111</v>
      </c>
      <c r="GJ8" s="89">
        <v>38055</v>
      </c>
      <c r="GK8" s="399">
        <v>0</v>
      </c>
      <c r="GL8" s="88">
        <v>20614</v>
      </c>
      <c r="GM8" s="88">
        <v>26150</v>
      </c>
      <c r="GN8" s="88">
        <v>17144</v>
      </c>
      <c r="GO8" s="88">
        <v>16396</v>
      </c>
      <c r="GP8" s="88">
        <v>10428</v>
      </c>
      <c r="GQ8" s="89">
        <v>90732</v>
      </c>
      <c r="GR8" s="90">
        <v>128787</v>
      </c>
      <c r="GS8" s="91">
        <v>24096</v>
      </c>
      <c r="GT8" s="83">
        <v>32256</v>
      </c>
      <c r="GU8" s="84">
        <v>56352</v>
      </c>
      <c r="GV8" s="399">
        <v>0</v>
      </c>
      <c r="GW8" s="83">
        <v>30997</v>
      </c>
      <c r="GX8" s="83">
        <v>39879</v>
      </c>
      <c r="GY8" s="83">
        <v>25748</v>
      </c>
      <c r="GZ8" s="83">
        <v>23408</v>
      </c>
      <c r="HA8" s="83">
        <v>14504</v>
      </c>
      <c r="HB8" s="85">
        <v>134536</v>
      </c>
      <c r="HC8" s="86">
        <v>190888</v>
      </c>
      <c r="HD8" s="87">
        <v>621</v>
      </c>
      <c r="HE8" s="88">
        <v>946</v>
      </c>
      <c r="HF8" s="89">
        <v>1567</v>
      </c>
      <c r="HG8" s="402">
        <v>0</v>
      </c>
      <c r="HH8" s="88">
        <v>679</v>
      </c>
      <c r="HI8" s="88">
        <v>1221</v>
      </c>
      <c r="HJ8" s="88">
        <v>747</v>
      </c>
      <c r="HK8" s="88">
        <v>701</v>
      </c>
      <c r="HL8" s="88">
        <v>502</v>
      </c>
      <c r="HM8" s="89">
        <v>3850</v>
      </c>
      <c r="HN8" s="90">
        <v>5417</v>
      </c>
      <c r="HO8" s="87">
        <v>1480</v>
      </c>
      <c r="HP8" s="88">
        <v>2291</v>
      </c>
      <c r="HQ8" s="89">
        <v>3771</v>
      </c>
      <c r="HR8" s="399">
        <v>0</v>
      </c>
      <c r="HS8" s="88">
        <v>1537</v>
      </c>
      <c r="HT8" s="88">
        <v>2573</v>
      </c>
      <c r="HU8" s="88">
        <v>1488</v>
      </c>
      <c r="HV8" s="88">
        <v>1405</v>
      </c>
      <c r="HW8" s="88">
        <v>1094</v>
      </c>
      <c r="HX8" s="89">
        <v>8097</v>
      </c>
      <c r="HY8" s="90">
        <v>11868</v>
      </c>
      <c r="HZ8" s="87">
        <v>3635</v>
      </c>
      <c r="IA8" s="88">
        <v>4762</v>
      </c>
      <c r="IB8" s="89">
        <v>8397</v>
      </c>
      <c r="IC8" s="399">
        <v>0</v>
      </c>
      <c r="ID8" s="88">
        <v>3725</v>
      </c>
      <c r="IE8" s="88">
        <v>5018</v>
      </c>
      <c r="IF8" s="88">
        <v>2852</v>
      </c>
      <c r="IG8" s="88">
        <v>2625</v>
      </c>
      <c r="IH8" s="88">
        <v>1840</v>
      </c>
      <c r="II8" s="89">
        <v>16060</v>
      </c>
      <c r="IJ8" s="90">
        <v>24457</v>
      </c>
      <c r="IK8" s="87">
        <v>7004</v>
      </c>
      <c r="IL8" s="88">
        <v>8589</v>
      </c>
      <c r="IM8" s="89">
        <v>15593</v>
      </c>
      <c r="IN8" s="399">
        <v>0</v>
      </c>
      <c r="IO8" s="88">
        <v>7798</v>
      </c>
      <c r="IP8" s="88">
        <v>8686</v>
      </c>
      <c r="IQ8" s="88">
        <v>5126</v>
      </c>
      <c r="IR8" s="88">
        <v>4340</v>
      </c>
      <c r="IS8" s="88">
        <v>2869</v>
      </c>
      <c r="IT8" s="89">
        <v>28819</v>
      </c>
      <c r="IU8" s="90">
        <v>44412</v>
      </c>
      <c r="IV8" s="87">
        <v>7136</v>
      </c>
      <c r="IW8" s="88">
        <v>9079</v>
      </c>
      <c r="IX8" s="89">
        <v>16215</v>
      </c>
      <c r="IY8" s="399">
        <v>0</v>
      </c>
      <c r="IZ8" s="88">
        <v>9424</v>
      </c>
      <c r="JA8" s="88">
        <v>10845</v>
      </c>
      <c r="JB8" s="88">
        <v>6705</v>
      </c>
      <c r="JC8" s="88">
        <v>5809</v>
      </c>
      <c r="JD8" s="88">
        <v>3461</v>
      </c>
      <c r="JE8" s="89">
        <v>36244</v>
      </c>
      <c r="JF8" s="90">
        <v>52459</v>
      </c>
      <c r="JG8" s="87">
        <v>4220</v>
      </c>
      <c r="JH8" s="88">
        <v>6589</v>
      </c>
      <c r="JI8" s="89">
        <v>10809</v>
      </c>
      <c r="JJ8" s="399">
        <v>0</v>
      </c>
      <c r="JK8" s="88">
        <v>7834</v>
      </c>
      <c r="JL8" s="88">
        <v>11536</v>
      </c>
      <c r="JM8" s="88">
        <v>8830</v>
      </c>
      <c r="JN8" s="88">
        <v>8528</v>
      </c>
      <c r="JO8" s="88">
        <v>4738</v>
      </c>
      <c r="JP8" s="89">
        <v>41466</v>
      </c>
      <c r="JQ8" s="90">
        <v>52275</v>
      </c>
      <c r="JR8" s="87">
        <v>331</v>
      </c>
      <c r="JS8" s="88">
        <v>727</v>
      </c>
      <c r="JT8" s="89">
        <v>1058</v>
      </c>
      <c r="JU8" s="399">
        <v>0</v>
      </c>
      <c r="JV8" s="88">
        <v>427</v>
      </c>
      <c r="JW8" s="88">
        <v>1219</v>
      </c>
      <c r="JX8" s="88">
        <v>612</v>
      </c>
      <c r="JY8" s="88">
        <v>590</v>
      </c>
      <c r="JZ8" s="88">
        <v>612</v>
      </c>
      <c r="KA8" s="89">
        <v>3460</v>
      </c>
      <c r="KB8" s="90">
        <v>4518</v>
      </c>
      <c r="KC8" s="87">
        <v>24427</v>
      </c>
      <c r="KD8" s="88">
        <v>32983</v>
      </c>
      <c r="KE8" s="89">
        <v>57410</v>
      </c>
      <c r="KF8" s="399">
        <v>0</v>
      </c>
      <c r="KG8" s="88">
        <v>31424</v>
      </c>
      <c r="KH8" s="88">
        <v>41098</v>
      </c>
      <c r="KI8" s="88">
        <v>26360</v>
      </c>
      <c r="KJ8" s="88">
        <v>23998</v>
      </c>
      <c r="KK8" s="88">
        <v>15116</v>
      </c>
      <c r="KL8" s="89">
        <v>137996</v>
      </c>
      <c r="KM8" s="90">
        <v>195406</v>
      </c>
    </row>
    <row r="9" spans="2:299" s="56" customFormat="1" ht="21" customHeight="1" x14ac:dyDescent="0.2">
      <c r="B9" s="92" t="s">
        <v>6</v>
      </c>
      <c r="C9" s="82">
        <v>2930</v>
      </c>
      <c r="D9" s="83">
        <v>2488</v>
      </c>
      <c r="E9" s="84">
        <v>5418</v>
      </c>
      <c r="F9" s="399">
        <v>0</v>
      </c>
      <c r="G9" s="83">
        <v>5132</v>
      </c>
      <c r="H9" s="83">
        <v>4259</v>
      </c>
      <c r="I9" s="83">
        <v>2861</v>
      </c>
      <c r="J9" s="83">
        <v>2327</v>
      </c>
      <c r="K9" s="83">
        <v>1529</v>
      </c>
      <c r="L9" s="85">
        <v>16108</v>
      </c>
      <c r="M9" s="86">
        <v>21526</v>
      </c>
      <c r="N9" s="87">
        <v>153</v>
      </c>
      <c r="O9" s="88">
        <v>148</v>
      </c>
      <c r="P9" s="89">
        <v>301</v>
      </c>
      <c r="Q9" s="399">
        <v>0</v>
      </c>
      <c r="R9" s="88">
        <v>252</v>
      </c>
      <c r="S9" s="88">
        <v>253</v>
      </c>
      <c r="T9" s="88">
        <v>175</v>
      </c>
      <c r="U9" s="88">
        <v>132</v>
      </c>
      <c r="V9" s="88">
        <v>104</v>
      </c>
      <c r="W9" s="89">
        <v>916</v>
      </c>
      <c r="X9" s="90">
        <v>1217</v>
      </c>
      <c r="Y9" s="87">
        <v>278</v>
      </c>
      <c r="Z9" s="88">
        <v>274</v>
      </c>
      <c r="AA9" s="89">
        <v>552</v>
      </c>
      <c r="AB9" s="399">
        <v>0</v>
      </c>
      <c r="AC9" s="88">
        <v>506</v>
      </c>
      <c r="AD9" s="88">
        <v>433</v>
      </c>
      <c r="AE9" s="88">
        <v>317</v>
      </c>
      <c r="AF9" s="88">
        <v>279</v>
      </c>
      <c r="AG9" s="88">
        <v>190</v>
      </c>
      <c r="AH9" s="89">
        <v>1725</v>
      </c>
      <c r="AI9" s="90">
        <v>2277</v>
      </c>
      <c r="AJ9" s="87">
        <v>515</v>
      </c>
      <c r="AK9" s="88">
        <v>424</v>
      </c>
      <c r="AL9" s="89">
        <v>939</v>
      </c>
      <c r="AM9" s="399">
        <v>0</v>
      </c>
      <c r="AN9" s="88">
        <v>840</v>
      </c>
      <c r="AO9" s="88">
        <v>756</v>
      </c>
      <c r="AP9" s="88">
        <v>481</v>
      </c>
      <c r="AQ9" s="88">
        <v>422</v>
      </c>
      <c r="AR9" s="88">
        <v>324</v>
      </c>
      <c r="AS9" s="89">
        <v>2823</v>
      </c>
      <c r="AT9" s="90">
        <v>3762</v>
      </c>
      <c r="AU9" s="87">
        <v>737</v>
      </c>
      <c r="AV9" s="88">
        <v>610</v>
      </c>
      <c r="AW9" s="89">
        <v>1347</v>
      </c>
      <c r="AX9" s="399">
        <v>0</v>
      </c>
      <c r="AY9" s="88">
        <v>1293</v>
      </c>
      <c r="AZ9" s="88">
        <v>1001</v>
      </c>
      <c r="BA9" s="88">
        <v>642</v>
      </c>
      <c r="BB9" s="88">
        <v>521</v>
      </c>
      <c r="BC9" s="88">
        <v>339</v>
      </c>
      <c r="BD9" s="89">
        <v>3796</v>
      </c>
      <c r="BE9" s="90">
        <v>5143</v>
      </c>
      <c r="BF9" s="87">
        <v>796</v>
      </c>
      <c r="BG9" s="88">
        <v>603</v>
      </c>
      <c r="BH9" s="89">
        <v>1399</v>
      </c>
      <c r="BI9" s="399">
        <v>0</v>
      </c>
      <c r="BJ9" s="88">
        <v>1302</v>
      </c>
      <c r="BK9" s="88">
        <v>991</v>
      </c>
      <c r="BL9" s="88">
        <v>672</v>
      </c>
      <c r="BM9" s="88">
        <v>473</v>
      </c>
      <c r="BN9" s="88">
        <v>319</v>
      </c>
      <c r="BO9" s="89">
        <v>3757</v>
      </c>
      <c r="BP9" s="90">
        <v>5156</v>
      </c>
      <c r="BQ9" s="87">
        <v>451</v>
      </c>
      <c r="BR9" s="88">
        <v>429</v>
      </c>
      <c r="BS9" s="89">
        <v>880</v>
      </c>
      <c r="BT9" s="399">
        <v>0</v>
      </c>
      <c r="BU9" s="88">
        <v>939</v>
      </c>
      <c r="BV9" s="88">
        <v>825</v>
      </c>
      <c r="BW9" s="88">
        <v>574</v>
      </c>
      <c r="BX9" s="88">
        <v>500</v>
      </c>
      <c r="BY9" s="88">
        <v>253</v>
      </c>
      <c r="BZ9" s="89">
        <v>3091</v>
      </c>
      <c r="CA9" s="90">
        <v>3971</v>
      </c>
      <c r="CB9" s="87">
        <v>82</v>
      </c>
      <c r="CC9" s="88">
        <v>101</v>
      </c>
      <c r="CD9" s="89">
        <v>183</v>
      </c>
      <c r="CE9" s="399">
        <v>0</v>
      </c>
      <c r="CF9" s="88">
        <v>181</v>
      </c>
      <c r="CG9" s="88">
        <v>203</v>
      </c>
      <c r="CH9" s="88">
        <v>128</v>
      </c>
      <c r="CI9" s="88">
        <v>122</v>
      </c>
      <c r="CJ9" s="88">
        <v>136</v>
      </c>
      <c r="CK9" s="89">
        <v>770</v>
      </c>
      <c r="CL9" s="90">
        <v>953</v>
      </c>
      <c r="CM9" s="87">
        <v>3012</v>
      </c>
      <c r="CN9" s="88">
        <v>2589</v>
      </c>
      <c r="CO9" s="89">
        <v>5601</v>
      </c>
      <c r="CP9" s="399">
        <v>0</v>
      </c>
      <c r="CQ9" s="88">
        <v>5313</v>
      </c>
      <c r="CR9" s="88">
        <v>4462</v>
      </c>
      <c r="CS9" s="88">
        <v>2989</v>
      </c>
      <c r="CT9" s="88">
        <v>2449</v>
      </c>
      <c r="CU9" s="88">
        <v>1665</v>
      </c>
      <c r="CV9" s="89">
        <v>16878</v>
      </c>
      <c r="CW9" s="90">
        <v>22479</v>
      </c>
      <c r="CX9" s="91">
        <v>5572</v>
      </c>
      <c r="CY9" s="83">
        <v>5787</v>
      </c>
      <c r="CZ9" s="84">
        <v>11359</v>
      </c>
      <c r="DA9" s="399">
        <v>0</v>
      </c>
      <c r="DB9" s="83">
        <v>9132</v>
      </c>
      <c r="DC9" s="83">
        <v>7159</v>
      </c>
      <c r="DD9" s="83">
        <v>5251</v>
      </c>
      <c r="DE9" s="83">
        <v>5180</v>
      </c>
      <c r="DF9" s="83">
        <v>3554</v>
      </c>
      <c r="DG9" s="85">
        <v>30276</v>
      </c>
      <c r="DH9" s="86">
        <v>41635</v>
      </c>
      <c r="DI9" s="87">
        <v>121</v>
      </c>
      <c r="DJ9" s="88">
        <v>139</v>
      </c>
      <c r="DK9" s="89">
        <v>260</v>
      </c>
      <c r="DL9" s="399">
        <v>0</v>
      </c>
      <c r="DM9" s="88">
        <v>170</v>
      </c>
      <c r="DN9" s="88">
        <v>131</v>
      </c>
      <c r="DO9" s="88">
        <v>98</v>
      </c>
      <c r="DP9" s="88">
        <v>93</v>
      </c>
      <c r="DQ9" s="88">
        <v>80</v>
      </c>
      <c r="DR9" s="89">
        <v>572</v>
      </c>
      <c r="DS9" s="90">
        <v>832</v>
      </c>
      <c r="DT9" s="87">
        <v>329</v>
      </c>
      <c r="DU9" s="88">
        <v>325</v>
      </c>
      <c r="DV9" s="89">
        <v>654</v>
      </c>
      <c r="DW9" s="399">
        <v>0</v>
      </c>
      <c r="DX9" s="88">
        <v>415</v>
      </c>
      <c r="DY9" s="88">
        <v>340</v>
      </c>
      <c r="DZ9" s="88">
        <v>230</v>
      </c>
      <c r="EA9" s="88">
        <v>217</v>
      </c>
      <c r="EB9" s="88">
        <v>190</v>
      </c>
      <c r="EC9" s="89">
        <v>1392</v>
      </c>
      <c r="ED9" s="90">
        <v>2046</v>
      </c>
      <c r="EE9" s="87">
        <v>853</v>
      </c>
      <c r="EF9" s="88">
        <v>836</v>
      </c>
      <c r="EG9" s="89">
        <v>1689</v>
      </c>
      <c r="EH9" s="399">
        <v>0</v>
      </c>
      <c r="EI9" s="88">
        <v>1056</v>
      </c>
      <c r="EJ9" s="88">
        <v>750</v>
      </c>
      <c r="EK9" s="88">
        <v>440</v>
      </c>
      <c r="EL9" s="88">
        <v>435</v>
      </c>
      <c r="EM9" s="88">
        <v>346</v>
      </c>
      <c r="EN9" s="89">
        <v>3027</v>
      </c>
      <c r="EO9" s="90">
        <v>4716</v>
      </c>
      <c r="EP9" s="87">
        <v>1710</v>
      </c>
      <c r="EQ9" s="88">
        <v>1597</v>
      </c>
      <c r="ER9" s="89">
        <v>3307</v>
      </c>
      <c r="ES9" s="399">
        <v>0</v>
      </c>
      <c r="ET9" s="88">
        <v>2203</v>
      </c>
      <c r="EU9" s="88">
        <v>1510</v>
      </c>
      <c r="EV9" s="88">
        <v>996</v>
      </c>
      <c r="EW9" s="88">
        <v>872</v>
      </c>
      <c r="EX9" s="88">
        <v>658</v>
      </c>
      <c r="EY9" s="89">
        <v>6239</v>
      </c>
      <c r="EZ9" s="90">
        <v>9546</v>
      </c>
      <c r="FA9" s="87">
        <v>1655</v>
      </c>
      <c r="FB9" s="88">
        <v>1694</v>
      </c>
      <c r="FC9" s="89">
        <v>3349</v>
      </c>
      <c r="FD9" s="399">
        <v>0</v>
      </c>
      <c r="FE9" s="88">
        <v>2748</v>
      </c>
      <c r="FF9" s="88">
        <v>2047</v>
      </c>
      <c r="FG9" s="88">
        <v>1423</v>
      </c>
      <c r="FH9" s="88">
        <v>1271</v>
      </c>
      <c r="FI9" s="88">
        <v>861</v>
      </c>
      <c r="FJ9" s="89">
        <v>8350</v>
      </c>
      <c r="FK9" s="90">
        <v>11699</v>
      </c>
      <c r="FL9" s="87">
        <v>904</v>
      </c>
      <c r="FM9" s="88">
        <v>1196</v>
      </c>
      <c r="FN9" s="89">
        <v>2100</v>
      </c>
      <c r="FO9" s="399">
        <v>0</v>
      </c>
      <c r="FP9" s="88">
        <v>2540</v>
      </c>
      <c r="FQ9" s="88">
        <v>2381</v>
      </c>
      <c r="FR9" s="88">
        <v>2064</v>
      </c>
      <c r="FS9" s="88">
        <v>2292</v>
      </c>
      <c r="FT9" s="88">
        <v>1419</v>
      </c>
      <c r="FU9" s="89">
        <v>10696</v>
      </c>
      <c r="FV9" s="90">
        <v>12796</v>
      </c>
      <c r="FW9" s="87">
        <v>63</v>
      </c>
      <c r="FX9" s="88">
        <v>96</v>
      </c>
      <c r="FY9" s="89">
        <v>159</v>
      </c>
      <c r="FZ9" s="399">
        <v>0</v>
      </c>
      <c r="GA9" s="88">
        <v>133</v>
      </c>
      <c r="GB9" s="88">
        <v>131</v>
      </c>
      <c r="GC9" s="88">
        <v>88</v>
      </c>
      <c r="GD9" s="88">
        <v>89</v>
      </c>
      <c r="GE9" s="88">
        <v>98</v>
      </c>
      <c r="GF9" s="89">
        <v>539</v>
      </c>
      <c r="GG9" s="90">
        <v>698</v>
      </c>
      <c r="GH9" s="87">
        <v>5635</v>
      </c>
      <c r="GI9" s="88">
        <v>5883</v>
      </c>
      <c r="GJ9" s="89">
        <v>11518</v>
      </c>
      <c r="GK9" s="399">
        <v>0</v>
      </c>
      <c r="GL9" s="88">
        <v>9265</v>
      </c>
      <c r="GM9" s="88">
        <v>7290</v>
      </c>
      <c r="GN9" s="88">
        <v>5339</v>
      </c>
      <c r="GO9" s="88">
        <v>5269</v>
      </c>
      <c r="GP9" s="88">
        <v>3652</v>
      </c>
      <c r="GQ9" s="89">
        <v>30815</v>
      </c>
      <c r="GR9" s="90">
        <v>42333</v>
      </c>
      <c r="GS9" s="91">
        <v>8502</v>
      </c>
      <c r="GT9" s="83">
        <v>8275</v>
      </c>
      <c r="GU9" s="84">
        <v>16777</v>
      </c>
      <c r="GV9" s="399">
        <v>0</v>
      </c>
      <c r="GW9" s="83">
        <v>14264</v>
      </c>
      <c r="GX9" s="83">
        <v>11418</v>
      </c>
      <c r="GY9" s="83">
        <v>8112</v>
      </c>
      <c r="GZ9" s="83">
        <v>7507</v>
      </c>
      <c r="HA9" s="83">
        <v>5083</v>
      </c>
      <c r="HB9" s="85">
        <v>46384</v>
      </c>
      <c r="HC9" s="86">
        <v>63161</v>
      </c>
      <c r="HD9" s="87">
        <v>274</v>
      </c>
      <c r="HE9" s="88">
        <v>287</v>
      </c>
      <c r="HF9" s="89">
        <v>561</v>
      </c>
      <c r="HG9" s="402">
        <v>0</v>
      </c>
      <c r="HH9" s="88">
        <v>422</v>
      </c>
      <c r="HI9" s="88">
        <v>384</v>
      </c>
      <c r="HJ9" s="88">
        <v>273</v>
      </c>
      <c r="HK9" s="88">
        <v>225</v>
      </c>
      <c r="HL9" s="88">
        <v>184</v>
      </c>
      <c r="HM9" s="89">
        <v>1488</v>
      </c>
      <c r="HN9" s="90">
        <v>2049</v>
      </c>
      <c r="HO9" s="87">
        <v>607</v>
      </c>
      <c r="HP9" s="88">
        <v>599</v>
      </c>
      <c r="HQ9" s="89">
        <v>1206</v>
      </c>
      <c r="HR9" s="399">
        <v>0</v>
      </c>
      <c r="HS9" s="88">
        <v>921</v>
      </c>
      <c r="HT9" s="88">
        <v>773</v>
      </c>
      <c r="HU9" s="88">
        <v>547</v>
      </c>
      <c r="HV9" s="88">
        <v>496</v>
      </c>
      <c r="HW9" s="88">
        <v>380</v>
      </c>
      <c r="HX9" s="89">
        <v>3117</v>
      </c>
      <c r="HY9" s="90">
        <v>4323</v>
      </c>
      <c r="HZ9" s="87">
        <v>1368</v>
      </c>
      <c r="IA9" s="88">
        <v>1260</v>
      </c>
      <c r="IB9" s="89">
        <v>2628</v>
      </c>
      <c r="IC9" s="399">
        <v>0</v>
      </c>
      <c r="ID9" s="88">
        <v>1896</v>
      </c>
      <c r="IE9" s="88">
        <v>1506</v>
      </c>
      <c r="IF9" s="88">
        <v>921</v>
      </c>
      <c r="IG9" s="88">
        <v>857</v>
      </c>
      <c r="IH9" s="88">
        <v>670</v>
      </c>
      <c r="II9" s="89">
        <v>5850</v>
      </c>
      <c r="IJ9" s="90">
        <v>8478</v>
      </c>
      <c r="IK9" s="87">
        <v>2447</v>
      </c>
      <c r="IL9" s="88">
        <v>2207</v>
      </c>
      <c r="IM9" s="89">
        <v>4654</v>
      </c>
      <c r="IN9" s="399">
        <v>0</v>
      </c>
      <c r="IO9" s="88">
        <v>3496</v>
      </c>
      <c r="IP9" s="88">
        <v>2511</v>
      </c>
      <c r="IQ9" s="88">
        <v>1638</v>
      </c>
      <c r="IR9" s="88">
        <v>1393</v>
      </c>
      <c r="IS9" s="88">
        <v>997</v>
      </c>
      <c r="IT9" s="89">
        <v>10035</v>
      </c>
      <c r="IU9" s="90">
        <v>14689</v>
      </c>
      <c r="IV9" s="87">
        <v>2451</v>
      </c>
      <c r="IW9" s="88">
        <v>2297</v>
      </c>
      <c r="IX9" s="89">
        <v>4748</v>
      </c>
      <c r="IY9" s="399">
        <v>0</v>
      </c>
      <c r="IZ9" s="88">
        <v>4050</v>
      </c>
      <c r="JA9" s="88">
        <v>3038</v>
      </c>
      <c r="JB9" s="88">
        <v>2095</v>
      </c>
      <c r="JC9" s="88">
        <v>1744</v>
      </c>
      <c r="JD9" s="88">
        <v>1180</v>
      </c>
      <c r="JE9" s="89">
        <v>12107</v>
      </c>
      <c r="JF9" s="90">
        <v>16855</v>
      </c>
      <c r="JG9" s="87">
        <v>1355</v>
      </c>
      <c r="JH9" s="88">
        <v>1625</v>
      </c>
      <c r="JI9" s="89">
        <v>2980</v>
      </c>
      <c r="JJ9" s="399">
        <v>0</v>
      </c>
      <c r="JK9" s="88">
        <v>3479</v>
      </c>
      <c r="JL9" s="88">
        <v>3206</v>
      </c>
      <c r="JM9" s="88">
        <v>2638</v>
      </c>
      <c r="JN9" s="88">
        <v>2792</v>
      </c>
      <c r="JO9" s="88">
        <v>1672</v>
      </c>
      <c r="JP9" s="89">
        <v>13787</v>
      </c>
      <c r="JQ9" s="90">
        <v>16767</v>
      </c>
      <c r="JR9" s="87">
        <v>145</v>
      </c>
      <c r="JS9" s="88">
        <v>197</v>
      </c>
      <c r="JT9" s="89">
        <v>342</v>
      </c>
      <c r="JU9" s="399">
        <v>0</v>
      </c>
      <c r="JV9" s="88">
        <v>314</v>
      </c>
      <c r="JW9" s="88">
        <v>334</v>
      </c>
      <c r="JX9" s="88">
        <v>216</v>
      </c>
      <c r="JY9" s="88">
        <v>211</v>
      </c>
      <c r="JZ9" s="88">
        <v>234</v>
      </c>
      <c r="KA9" s="89">
        <v>1309</v>
      </c>
      <c r="KB9" s="90">
        <v>1651</v>
      </c>
      <c r="KC9" s="87">
        <v>8647</v>
      </c>
      <c r="KD9" s="88">
        <v>8472</v>
      </c>
      <c r="KE9" s="89">
        <v>17119</v>
      </c>
      <c r="KF9" s="399">
        <v>0</v>
      </c>
      <c r="KG9" s="88">
        <v>14578</v>
      </c>
      <c r="KH9" s="88">
        <v>11752</v>
      </c>
      <c r="KI9" s="88">
        <v>8328</v>
      </c>
      <c r="KJ9" s="88">
        <v>7718</v>
      </c>
      <c r="KK9" s="88">
        <v>5317</v>
      </c>
      <c r="KL9" s="89">
        <v>47693</v>
      </c>
      <c r="KM9" s="90">
        <v>64812</v>
      </c>
    </row>
    <row r="10" spans="2:299" s="56" customFormat="1" ht="21" customHeight="1" x14ac:dyDescent="0.2">
      <c r="B10" s="92" t="s">
        <v>14</v>
      </c>
      <c r="C10" s="82">
        <v>1702</v>
      </c>
      <c r="D10" s="83">
        <v>2046</v>
      </c>
      <c r="E10" s="84">
        <v>3748</v>
      </c>
      <c r="F10" s="399">
        <v>0</v>
      </c>
      <c r="G10" s="83">
        <v>2362</v>
      </c>
      <c r="H10" s="83">
        <v>2704</v>
      </c>
      <c r="I10" s="83">
        <v>1955</v>
      </c>
      <c r="J10" s="83">
        <v>1565</v>
      </c>
      <c r="K10" s="83">
        <v>863</v>
      </c>
      <c r="L10" s="85">
        <v>9449</v>
      </c>
      <c r="M10" s="86">
        <v>13197</v>
      </c>
      <c r="N10" s="87">
        <v>70</v>
      </c>
      <c r="O10" s="88">
        <v>89</v>
      </c>
      <c r="P10" s="89">
        <v>159</v>
      </c>
      <c r="Q10" s="399">
        <v>0</v>
      </c>
      <c r="R10" s="88">
        <v>90</v>
      </c>
      <c r="S10" s="88">
        <v>133</v>
      </c>
      <c r="T10" s="88">
        <v>93</v>
      </c>
      <c r="U10" s="88">
        <v>96</v>
      </c>
      <c r="V10" s="88">
        <v>56</v>
      </c>
      <c r="W10" s="89">
        <v>468</v>
      </c>
      <c r="X10" s="90">
        <v>627</v>
      </c>
      <c r="Y10" s="87">
        <v>157</v>
      </c>
      <c r="Z10" s="88">
        <v>248</v>
      </c>
      <c r="AA10" s="89">
        <v>405</v>
      </c>
      <c r="AB10" s="399">
        <v>0</v>
      </c>
      <c r="AC10" s="88">
        <v>179</v>
      </c>
      <c r="AD10" s="88">
        <v>232</v>
      </c>
      <c r="AE10" s="88">
        <v>190</v>
      </c>
      <c r="AF10" s="88">
        <v>161</v>
      </c>
      <c r="AG10" s="88">
        <v>110</v>
      </c>
      <c r="AH10" s="89">
        <v>872</v>
      </c>
      <c r="AI10" s="90">
        <v>1277</v>
      </c>
      <c r="AJ10" s="87">
        <v>257</v>
      </c>
      <c r="AK10" s="88">
        <v>365</v>
      </c>
      <c r="AL10" s="89">
        <v>622</v>
      </c>
      <c r="AM10" s="399">
        <v>0</v>
      </c>
      <c r="AN10" s="88">
        <v>364</v>
      </c>
      <c r="AO10" s="88">
        <v>465</v>
      </c>
      <c r="AP10" s="88">
        <v>330</v>
      </c>
      <c r="AQ10" s="88">
        <v>281</v>
      </c>
      <c r="AR10" s="88">
        <v>173</v>
      </c>
      <c r="AS10" s="89">
        <v>1613</v>
      </c>
      <c r="AT10" s="90">
        <v>2235</v>
      </c>
      <c r="AU10" s="87">
        <v>482</v>
      </c>
      <c r="AV10" s="88">
        <v>560</v>
      </c>
      <c r="AW10" s="89">
        <v>1042</v>
      </c>
      <c r="AX10" s="399">
        <v>0</v>
      </c>
      <c r="AY10" s="88">
        <v>659</v>
      </c>
      <c r="AZ10" s="88">
        <v>712</v>
      </c>
      <c r="BA10" s="88">
        <v>480</v>
      </c>
      <c r="BB10" s="88">
        <v>390</v>
      </c>
      <c r="BC10" s="88">
        <v>221</v>
      </c>
      <c r="BD10" s="89">
        <v>2462</v>
      </c>
      <c r="BE10" s="90">
        <v>3504</v>
      </c>
      <c r="BF10" s="87">
        <v>496</v>
      </c>
      <c r="BG10" s="88">
        <v>517</v>
      </c>
      <c r="BH10" s="89">
        <v>1013</v>
      </c>
      <c r="BI10" s="399">
        <v>0</v>
      </c>
      <c r="BJ10" s="88">
        <v>666</v>
      </c>
      <c r="BK10" s="88">
        <v>682</v>
      </c>
      <c r="BL10" s="88">
        <v>497</v>
      </c>
      <c r="BM10" s="88">
        <v>352</v>
      </c>
      <c r="BN10" s="88">
        <v>174</v>
      </c>
      <c r="BO10" s="89">
        <v>2371</v>
      </c>
      <c r="BP10" s="90">
        <v>3384</v>
      </c>
      <c r="BQ10" s="87">
        <v>240</v>
      </c>
      <c r="BR10" s="88">
        <v>267</v>
      </c>
      <c r="BS10" s="89">
        <v>507</v>
      </c>
      <c r="BT10" s="399">
        <v>0</v>
      </c>
      <c r="BU10" s="88">
        <v>404</v>
      </c>
      <c r="BV10" s="88">
        <v>480</v>
      </c>
      <c r="BW10" s="88">
        <v>365</v>
      </c>
      <c r="BX10" s="88">
        <v>285</v>
      </c>
      <c r="BY10" s="88">
        <v>129</v>
      </c>
      <c r="BZ10" s="89">
        <v>1663</v>
      </c>
      <c r="CA10" s="90">
        <v>2170</v>
      </c>
      <c r="CB10" s="87">
        <v>36</v>
      </c>
      <c r="CC10" s="88">
        <v>96</v>
      </c>
      <c r="CD10" s="89">
        <v>132</v>
      </c>
      <c r="CE10" s="399">
        <v>0</v>
      </c>
      <c r="CF10" s="88">
        <v>45</v>
      </c>
      <c r="CG10" s="88">
        <v>135</v>
      </c>
      <c r="CH10" s="88">
        <v>74</v>
      </c>
      <c r="CI10" s="88">
        <v>83</v>
      </c>
      <c r="CJ10" s="88">
        <v>64</v>
      </c>
      <c r="CK10" s="89">
        <v>401</v>
      </c>
      <c r="CL10" s="90">
        <v>533</v>
      </c>
      <c r="CM10" s="87">
        <v>1738</v>
      </c>
      <c r="CN10" s="88">
        <v>2142</v>
      </c>
      <c r="CO10" s="89">
        <v>3880</v>
      </c>
      <c r="CP10" s="399">
        <v>0</v>
      </c>
      <c r="CQ10" s="88">
        <v>2407</v>
      </c>
      <c r="CR10" s="88">
        <v>2839</v>
      </c>
      <c r="CS10" s="88">
        <v>2029</v>
      </c>
      <c r="CT10" s="88">
        <v>1648</v>
      </c>
      <c r="CU10" s="88">
        <v>927</v>
      </c>
      <c r="CV10" s="89">
        <v>9850</v>
      </c>
      <c r="CW10" s="90">
        <v>13730</v>
      </c>
      <c r="CX10" s="91">
        <v>3147</v>
      </c>
      <c r="CY10" s="83">
        <v>4350</v>
      </c>
      <c r="CZ10" s="84">
        <v>7497</v>
      </c>
      <c r="DA10" s="399">
        <v>0</v>
      </c>
      <c r="DB10" s="83">
        <v>4061</v>
      </c>
      <c r="DC10" s="83">
        <v>4456</v>
      </c>
      <c r="DD10" s="83">
        <v>3374</v>
      </c>
      <c r="DE10" s="83">
        <v>3138</v>
      </c>
      <c r="DF10" s="83">
        <v>1867</v>
      </c>
      <c r="DG10" s="85">
        <v>16896</v>
      </c>
      <c r="DH10" s="86">
        <v>24393</v>
      </c>
      <c r="DI10" s="87">
        <v>71</v>
      </c>
      <c r="DJ10" s="88">
        <v>96</v>
      </c>
      <c r="DK10" s="89">
        <v>167</v>
      </c>
      <c r="DL10" s="399">
        <v>0</v>
      </c>
      <c r="DM10" s="88">
        <v>60</v>
      </c>
      <c r="DN10" s="88">
        <v>104</v>
      </c>
      <c r="DO10" s="88">
        <v>68</v>
      </c>
      <c r="DP10" s="88">
        <v>73</v>
      </c>
      <c r="DQ10" s="88">
        <v>51</v>
      </c>
      <c r="DR10" s="89">
        <v>356</v>
      </c>
      <c r="DS10" s="90">
        <v>523</v>
      </c>
      <c r="DT10" s="87">
        <v>203</v>
      </c>
      <c r="DU10" s="88">
        <v>283</v>
      </c>
      <c r="DV10" s="89">
        <v>486</v>
      </c>
      <c r="DW10" s="399">
        <v>0</v>
      </c>
      <c r="DX10" s="88">
        <v>178</v>
      </c>
      <c r="DY10" s="88">
        <v>245</v>
      </c>
      <c r="DZ10" s="88">
        <v>151</v>
      </c>
      <c r="EA10" s="88">
        <v>125</v>
      </c>
      <c r="EB10" s="88">
        <v>103</v>
      </c>
      <c r="EC10" s="89">
        <v>802</v>
      </c>
      <c r="ED10" s="90">
        <v>1288</v>
      </c>
      <c r="EE10" s="87">
        <v>557</v>
      </c>
      <c r="EF10" s="88">
        <v>722</v>
      </c>
      <c r="EG10" s="89">
        <v>1279</v>
      </c>
      <c r="EH10" s="399">
        <v>0</v>
      </c>
      <c r="EI10" s="88">
        <v>492</v>
      </c>
      <c r="EJ10" s="88">
        <v>564</v>
      </c>
      <c r="EK10" s="88">
        <v>330</v>
      </c>
      <c r="EL10" s="88">
        <v>333</v>
      </c>
      <c r="EM10" s="88">
        <v>230</v>
      </c>
      <c r="EN10" s="89">
        <v>1949</v>
      </c>
      <c r="EO10" s="90">
        <v>3228</v>
      </c>
      <c r="EP10" s="87">
        <v>1018</v>
      </c>
      <c r="EQ10" s="88">
        <v>1345</v>
      </c>
      <c r="ER10" s="89">
        <v>2363</v>
      </c>
      <c r="ES10" s="399">
        <v>0</v>
      </c>
      <c r="ET10" s="88">
        <v>1175</v>
      </c>
      <c r="EU10" s="88">
        <v>1082</v>
      </c>
      <c r="EV10" s="88">
        <v>781</v>
      </c>
      <c r="EW10" s="88">
        <v>580</v>
      </c>
      <c r="EX10" s="88">
        <v>387</v>
      </c>
      <c r="EY10" s="89">
        <v>4005</v>
      </c>
      <c r="EZ10" s="90">
        <v>6368</v>
      </c>
      <c r="FA10" s="87">
        <v>869</v>
      </c>
      <c r="FB10" s="88">
        <v>1187</v>
      </c>
      <c r="FC10" s="89">
        <v>2056</v>
      </c>
      <c r="FD10" s="399">
        <v>0</v>
      </c>
      <c r="FE10" s="88">
        <v>1217</v>
      </c>
      <c r="FF10" s="88">
        <v>1213</v>
      </c>
      <c r="FG10" s="88">
        <v>873</v>
      </c>
      <c r="FH10" s="88">
        <v>832</v>
      </c>
      <c r="FI10" s="88">
        <v>457</v>
      </c>
      <c r="FJ10" s="89">
        <v>4592</v>
      </c>
      <c r="FK10" s="90">
        <v>6648</v>
      </c>
      <c r="FL10" s="87">
        <v>429</v>
      </c>
      <c r="FM10" s="88">
        <v>717</v>
      </c>
      <c r="FN10" s="89">
        <v>1146</v>
      </c>
      <c r="FO10" s="399">
        <v>0</v>
      </c>
      <c r="FP10" s="88">
        <v>939</v>
      </c>
      <c r="FQ10" s="88">
        <v>1248</v>
      </c>
      <c r="FR10" s="88">
        <v>1171</v>
      </c>
      <c r="FS10" s="88">
        <v>1195</v>
      </c>
      <c r="FT10" s="88">
        <v>639</v>
      </c>
      <c r="FU10" s="89">
        <v>5192</v>
      </c>
      <c r="FV10" s="90">
        <v>6338</v>
      </c>
      <c r="FW10" s="87">
        <v>27</v>
      </c>
      <c r="FX10" s="88">
        <v>84</v>
      </c>
      <c r="FY10" s="89">
        <v>111</v>
      </c>
      <c r="FZ10" s="399">
        <v>0</v>
      </c>
      <c r="GA10" s="88">
        <v>51</v>
      </c>
      <c r="GB10" s="88">
        <v>89</v>
      </c>
      <c r="GC10" s="88">
        <v>58</v>
      </c>
      <c r="GD10" s="88">
        <v>54</v>
      </c>
      <c r="GE10" s="88">
        <v>50</v>
      </c>
      <c r="GF10" s="89">
        <v>302</v>
      </c>
      <c r="GG10" s="90">
        <v>413</v>
      </c>
      <c r="GH10" s="87">
        <v>3174</v>
      </c>
      <c r="GI10" s="88">
        <v>4434</v>
      </c>
      <c r="GJ10" s="89">
        <v>7608</v>
      </c>
      <c r="GK10" s="399">
        <v>0</v>
      </c>
      <c r="GL10" s="88">
        <v>4112</v>
      </c>
      <c r="GM10" s="88">
        <v>4545</v>
      </c>
      <c r="GN10" s="88">
        <v>3432</v>
      </c>
      <c r="GO10" s="88">
        <v>3192</v>
      </c>
      <c r="GP10" s="88">
        <v>1917</v>
      </c>
      <c r="GQ10" s="89">
        <v>17198</v>
      </c>
      <c r="GR10" s="90">
        <v>24806</v>
      </c>
      <c r="GS10" s="91">
        <v>4849</v>
      </c>
      <c r="GT10" s="83">
        <v>6396</v>
      </c>
      <c r="GU10" s="84">
        <v>11245</v>
      </c>
      <c r="GV10" s="399">
        <v>0</v>
      </c>
      <c r="GW10" s="83">
        <v>6423</v>
      </c>
      <c r="GX10" s="83">
        <v>7160</v>
      </c>
      <c r="GY10" s="83">
        <v>5329</v>
      </c>
      <c r="GZ10" s="83">
        <v>4703</v>
      </c>
      <c r="HA10" s="83">
        <v>2730</v>
      </c>
      <c r="HB10" s="85">
        <v>26345</v>
      </c>
      <c r="HC10" s="86">
        <v>37590</v>
      </c>
      <c r="HD10" s="87">
        <v>141</v>
      </c>
      <c r="HE10" s="88">
        <v>185</v>
      </c>
      <c r="HF10" s="89">
        <v>326</v>
      </c>
      <c r="HG10" s="402">
        <v>0</v>
      </c>
      <c r="HH10" s="88">
        <v>150</v>
      </c>
      <c r="HI10" s="88">
        <v>237</v>
      </c>
      <c r="HJ10" s="88">
        <v>161</v>
      </c>
      <c r="HK10" s="88">
        <v>169</v>
      </c>
      <c r="HL10" s="88">
        <v>107</v>
      </c>
      <c r="HM10" s="89">
        <v>824</v>
      </c>
      <c r="HN10" s="90">
        <v>1150</v>
      </c>
      <c r="HO10" s="87">
        <v>360</v>
      </c>
      <c r="HP10" s="88">
        <v>531</v>
      </c>
      <c r="HQ10" s="89">
        <v>891</v>
      </c>
      <c r="HR10" s="399">
        <v>0</v>
      </c>
      <c r="HS10" s="88">
        <v>357</v>
      </c>
      <c r="HT10" s="88">
        <v>477</v>
      </c>
      <c r="HU10" s="88">
        <v>341</v>
      </c>
      <c r="HV10" s="88">
        <v>286</v>
      </c>
      <c r="HW10" s="88">
        <v>213</v>
      </c>
      <c r="HX10" s="89">
        <v>1674</v>
      </c>
      <c r="HY10" s="90">
        <v>2565</v>
      </c>
      <c r="HZ10" s="87">
        <v>814</v>
      </c>
      <c r="IA10" s="88">
        <v>1087</v>
      </c>
      <c r="IB10" s="89">
        <v>1901</v>
      </c>
      <c r="IC10" s="399">
        <v>0</v>
      </c>
      <c r="ID10" s="88">
        <v>856</v>
      </c>
      <c r="IE10" s="88">
        <v>1029</v>
      </c>
      <c r="IF10" s="88">
        <v>660</v>
      </c>
      <c r="IG10" s="88">
        <v>614</v>
      </c>
      <c r="IH10" s="88">
        <v>403</v>
      </c>
      <c r="II10" s="89">
        <v>3562</v>
      </c>
      <c r="IJ10" s="90">
        <v>5463</v>
      </c>
      <c r="IK10" s="87">
        <v>1500</v>
      </c>
      <c r="IL10" s="88">
        <v>1905</v>
      </c>
      <c r="IM10" s="89">
        <v>3405</v>
      </c>
      <c r="IN10" s="399">
        <v>0</v>
      </c>
      <c r="IO10" s="88">
        <v>1834</v>
      </c>
      <c r="IP10" s="88">
        <v>1794</v>
      </c>
      <c r="IQ10" s="88">
        <v>1261</v>
      </c>
      <c r="IR10" s="88">
        <v>970</v>
      </c>
      <c r="IS10" s="88">
        <v>608</v>
      </c>
      <c r="IT10" s="89">
        <v>6467</v>
      </c>
      <c r="IU10" s="90">
        <v>9872</v>
      </c>
      <c r="IV10" s="87">
        <v>1365</v>
      </c>
      <c r="IW10" s="88">
        <v>1704</v>
      </c>
      <c r="IX10" s="89">
        <v>3069</v>
      </c>
      <c r="IY10" s="399">
        <v>0</v>
      </c>
      <c r="IZ10" s="88">
        <v>1883</v>
      </c>
      <c r="JA10" s="88">
        <v>1895</v>
      </c>
      <c r="JB10" s="88">
        <v>1370</v>
      </c>
      <c r="JC10" s="88">
        <v>1184</v>
      </c>
      <c r="JD10" s="88">
        <v>631</v>
      </c>
      <c r="JE10" s="89">
        <v>6963</v>
      </c>
      <c r="JF10" s="90">
        <v>10032</v>
      </c>
      <c r="JG10" s="87">
        <v>669</v>
      </c>
      <c r="JH10" s="88">
        <v>984</v>
      </c>
      <c r="JI10" s="89">
        <v>1653</v>
      </c>
      <c r="JJ10" s="399">
        <v>0</v>
      </c>
      <c r="JK10" s="88">
        <v>1343</v>
      </c>
      <c r="JL10" s="88">
        <v>1728</v>
      </c>
      <c r="JM10" s="88">
        <v>1536</v>
      </c>
      <c r="JN10" s="88">
        <v>1480</v>
      </c>
      <c r="JO10" s="88">
        <v>768</v>
      </c>
      <c r="JP10" s="89">
        <v>6855</v>
      </c>
      <c r="JQ10" s="90">
        <v>8508</v>
      </c>
      <c r="JR10" s="87">
        <v>63</v>
      </c>
      <c r="JS10" s="88">
        <v>180</v>
      </c>
      <c r="JT10" s="89">
        <v>243</v>
      </c>
      <c r="JU10" s="399">
        <v>0</v>
      </c>
      <c r="JV10" s="88">
        <v>96</v>
      </c>
      <c r="JW10" s="88">
        <v>224</v>
      </c>
      <c r="JX10" s="88">
        <v>132</v>
      </c>
      <c r="JY10" s="88">
        <v>137</v>
      </c>
      <c r="JZ10" s="88">
        <v>114</v>
      </c>
      <c r="KA10" s="89">
        <v>703</v>
      </c>
      <c r="KB10" s="90">
        <v>946</v>
      </c>
      <c r="KC10" s="87">
        <v>4912</v>
      </c>
      <c r="KD10" s="88">
        <v>6576</v>
      </c>
      <c r="KE10" s="89">
        <v>11488</v>
      </c>
      <c r="KF10" s="399">
        <v>0</v>
      </c>
      <c r="KG10" s="88">
        <v>6519</v>
      </c>
      <c r="KH10" s="88">
        <v>7384</v>
      </c>
      <c r="KI10" s="88">
        <v>5461</v>
      </c>
      <c r="KJ10" s="88">
        <v>4840</v>
      </c>
      <c r="KK10" s="88">
        <v>2844</v>
      </c>
      <c r="KL10" s="89">
        <v>27048</v>
      </c>
      <c r="KM10" s="90">
        <v>38536</v>
      </c>
    </row>
    <row r="11" spans="2:299" s="56" customFormat="1" ht="21" customHeight="1" x14ac:dyDescent="0.2">
      <c r="B11" s="92" t="s">
        <v>7</v>
      </c>
      <c r="C11" s="82">
        <v>1085</v>
      </c>
      <c r="D11" s="83">
        <v>821</v>
      </c>
      <c r="E11" s="84">
        <v>1906</v>
      </c>
      <c r="F11" s="399">
        <v>0</v>
      </c>
      <c r="G11" s="83">
        <v>2407</v>
      </c>
      <c r="H11" s="83">
        <v>1483</v>
      </c>
      <c r="I11" s="83">
        <v>913</v>
      </c>
      <c r="J11" s="83">
        <v>838</v>
      </c>
      <c r="K11" s="83">
        <v>458</v>
      </c>
      <c r="L11" s="85">
        <v>6099</v>
      </c>
      <c r="M11" s="86">
        <v>8005</v>
      </c>
      <c r="N11" s="87">
        <v>49</v>
      </c>
      <c r="O11" s="88">
        <v>24</v>
      </c>
      <c r="P11" s="89">
        <v>73</v>
      </c>
      <c r="Q11" s="399">
        <v>0</v>
      </c>
      <c r="R11" s="88">
        <v>93</v>
      </c>
      <c r="S11" s="88">
        <v>66</v>
      </c>
      <c r="T11" s="88">
        <v>37</v>
      </c>
      <c r="U11" s="88">
        <v>37</v>
      </c>
      <c r="V11" s="88">
        <v>29</v>
      </c>
      <c r="W11" s="89">
        <v>262</v>
      </c>
      <c r="X11" s="90">
        <v>335</v>
      </c>
      <c r="Y11" s="87">
        <v>56</v>
      </c>
      <c r="Z11" s="88">
        <v>74</v>
      </c>
      <c r="AA11" s="89">
        <v>130</v>
      </c>
      <c r="AB11" s="399">
        <v>0</v>
      </c>
      <c r="AC11" s="88">
        <v>215</v>
      </c>
      <c r="AD11" s="88">
        <v>137</v>
      </c>
      <c r="AE11" s="88">
        <v>71</v>
      </c>
      <c r="AF11" s="88">
        <v>77</v>
      </c>
      <c r="AG11" s="88">
        <v>53</v>
      </c>
      <c r="AH11" s="89">
        <v>553</v>
      </c>
      <c r="AI11" s="90">
        <v>683</v>
      </c>
      <c r="AJ11" s="87">
        <v>168</v>
      </c>
      <c r="AK11" s="88">
        <v>123</v>
      </c>
      <c r="AL11" s="89">
        <v>291</v>
      </c>
      <c r="AM11" s="399">
        <v>0</v>
      </c>
      <c r="AN11" s="88">
        <v>383</v>
      </c>
      <c r="AO11" s="88">
        <v>243</v>
      </c>
      <c r="AP11" s="88">
        <v>149</v>
      </c>
      <c r="AQ11" s="88">
        <v>151</v>
      </c>
      <c r="AR11" s="88">
        <v>89</v>
      </c>
      <c r="AS11" s="89">
        <v>1015</v>
      </c>
      <c r="AT11" s="90">
        <v>1306</v>
      </c>
      <c r="AU11" s="87">
        <v>296</v>
      </c>
      <c r="AV11" s="88">
        <v>226</v>
      </c>
      <c r="AW11" s="89">
        <v>522</v>
      </c>
      <c r="AX11" s="399">
        <v>0</v>
      </c>
      <c r="AY11" s="88">
        <v>608</v>
      </c>
      <c r="AZ11" s="88">
        <v>364</v>
      </c>
      <c r="BA11" s="88">
        <v>226</v>
      </c>
      <c r="BB11" s="88">
        <v>186</v>
      </c>
      <c r="BC11" s="88">
        <v>118</v>
      </c>
      <c r="BD11" s="89">
        <v>1502</v>
      </c>
      <c r="BE11" s="90">
        <v>2024</v>
      </c>
      <c r="BF11" s="87">
        <v>311</v>
      </c>
      <c r="BG11" s="88">
        <v>219</v>
      </c>
      <c r="BH11" s="89">
        <v>530</v>
      </c>
      <c r="BI11" s="399">
        <v>0</v>
      </c>
      <c r="BJ11" s="88">
        <v>652</v>
      </c>
      <c r="BK11" s="88">
        <v>366</v>
      </c>
      <c r="BL11" s="88">
        <v>238</v>
      </c>
      <c r="BM11" s="88">
        <v>216</v>
      </c>
      <c r="BN11" s="88">
        <v>97</v>
      </c>
      <c r="BO11" s="89">
        <v>1569</v>
      </c>
      <c r="BP11" s="90">
        <v>2099</v>
      </c>
      <c r="BQ11" s="87">
        <v>205</v>
      </c>
      <c r="BR11" s="88">
        <v>155</v>
      </c>
      <c r="BS11" s="89">
        <v>360</v>
      </c>
      <c r="BT11" s="399">
        <v>0</v>
      </c>
      <c r="BU11" s="88">
        <v>456</v>
      </c>
      <c r="BV11" s="88">
        <v>307</v>
      </c>
      <c r="BW11" s="88">
        <v>192</v>
      </c>
      <c r="BX11" s="88">
        <v>171</v>
      </c>
      <c r="BY11" s="88">
        <v>72</v>
      </c>
      <c r="BZ11" s="89">
        <v>1198</v>
      </c>
      <c r="CA11" s="90">
        <v>1558</v>
      </c>
      <c r="CB11" s="87">
        <v>20</v>
      </c>
      <c r="CC11" s="88">
        <v>25</v>
      </c>
      <c r="CD11" s="89">
        <v>45</v>
      </c>
      <c r="CE11" s="399">
        <v>0</v>
      </c>
      <c r="CF11" s="88">
        <v>74</v>
      </c>
      <c r="CG11" s="88">
        <v>58</v>
      </c>
      <c r="CH11" s="88">
        <v>41</v>
      </c>
      <c r="CI11" s="88">
        <v>34</v>
      </c>
      <c r="CJ11" s="88">
        <v>24</v>
      </c>
      <c r="CK11" s="89">
        <v>231</v>
      </c>
      <c r="CL11" s="90">
        <v>276</v>
      </c>
      <c r="CM11" s="87">
        <v>1105</v>
      </c>
      <c r="CN11" s="88">
        <v>846</v>
      </c>
      <c r="CO11" s="89">
        <v>1951</v>
      </c>
      <c r="CP11" s="399">
        <v>0</v>
      </c>
      <c r="CQ11" s="88">
        <v>2481</v>
      </c>
      <c r="CR11" s="88">
        <v>1541</v>
      </c>
      <c r="CS11" s="88">
        <v>954</v>
      </c>
      <c r="CT11" s="88">
        <v>872</v>
      </c>
      <c r="CU11" s="88">
        <v>482</v>
      </c>
      <c r="CV11" s="89">
        <v>6330</v>
      </c>
      <c r="CW11" s="90">
        <v>8281</v>
      </c>
      <c r="CX11" s="91">
        <v>2079</v>
      </c>
      <c r="CY11" s="83">
        <v>2233</v>
      </c>
      <c r="CZ11" s="84">
        <v>4312</v>
      </c>
      <c r="DA11" s="399">
        <v>0</v>
      </c>
      <c r="DB11" s="83">
        <v>4392</v>
      </c>
      <c r="DC11" s="83">
        <v>2626</v>
      </c>
      <c r="DD11" s="83">
        <v>2014</v>
      </c>
      <c r="DE11" s="83">
        <v>2028</v>
      </c>
      <c r="DF11" s="83">
        <v>1117</v>
      </c>
      <c r="DG11" s="85">
        <v>12177</v>
      </c>
      <c r="DH11" s="86">
        <v>16489</v>
      </c>
      <c r="DI11" s="87">
        <v>39</v>
      </c>
      <c r="DJ11" s="88">
        <v>30</v>
      </c>
      <c r="DK11" s="89">
        <v>69</v>
      </c>
      <c r="DL11" s="399">
        <v>0</v>
      </c>
      <c r="DM11" s="88">
        <v>71</v>
      </c>
      <c r="DN11" s="88">
        <v>54</v>
      </c>
      <c r="DO11" s="88">
        <v>36</v>
      </c>
      <c r="DP11" s="88">
        <v>27</v>
      </c>
      <c r="DQ11" s="88">
        <v>35</v>
      </c>
      <c r="DR11" s="89">
        <v>223</v>
      </c>
      <c r="DS11" s="90">
        <v>292</v>
      </c>
      <c r="DT11" s="87">
        <v>107</v>
      </c>
      <c r="DU11" s="88">
        <v>108</v>
      </c>
      <c r="DV11" s="89">
        <v>215</v>
      </c>
      <c r="DW11" s="399">
        <v>0</v>
      </c>
      <c r="DX11" s="88">
        <v>201</v>
      </c>
      <c r="DY11" s="88">
        <v>125</v>
      </c>
      <c r="DZ11" s="88">
        <v>67</v>
      </c>
      <c r="EA11" s="88">
        <v>85</v>
      </c>
      <c r="EB11" s="88">
        <v>46</v>
      </c>
      <c r="EC11" s="89">
        <v>524</v>
      </c>
      <c r="ED11" s="90">
        <v>739</v>
      </c>
      <c r="EE11" s="87">
        <v>321</v>
      </c>
      <c r="EF11" s="88">
        <v>303</v>
      </c>
      <c r="EG11" s="89">
        <v>624</v>
      </c>
      <c r="EH11" s="399">
        <v>0</v>
      </c>
      <c r="EI11" s="88">
        <v>518</v>
      </c>
      <c r="EJ11" s="88">
        <v>275</v>
      </c>
      <c r="EK11" s="88">
        <v>180</v>
      </c>
      <c r="EL11" s="88">
        <v>194</v>
      </c>
      <c r="EM11" s="88">
        <v>117</v>
      </c>
      <c r="EN11" s="89">
        <v>1284</v>
      </c>
      <c r="EO11" s="90">
        <v>1908</v>
      </c>
      <c r="EP11" s="87">
        <v>628</v>
      </c>
      <c r="EQ11" s="88">
        <v>635</v>
      </c>
      <c r="ER11" s="89">
        <v>1263</v>
      </c>
      <c r="ES11" s="399">
        <v>0</v>
      </c>
      <c r="ET11" s="88">
        <v>1034</v>
      </c>
      <c r="EU11" s="88">
        <v>586</v>
      </c>
      <c r="EV11" s="88">
        <v>365</v>
      </c>
      <c r="EW11" s="88">
        <v>371</v>
      </c>
      <c r="EX11" s="88">
        <v>223</v>
      </c>
      <c r="EY11" s="89">
        <v>2579</v>
      </c>
      <c r="EZ11" s="90">
        <v>3842</v>
      </c>
      <c r="FA11" s="87">
        <v>647</v>
      </c>
      <c r="FB11" s="88">
        <v>689</v>
      </c>
      <c r="FC11" s="89">
        <v>1336</v>
      </c>
      <c r="FD11" s="399">
        <v>0</v>
      </c>
      <c r="FE11" s="88">
        <v>1293</v>
      </c>
      <c r="FF11" s="88">
        <v>690</v>
      </c>
      <c r="FG11" s="88">
        <v>524</v>
      </c>
      <c r="FH11" s="88">
        <v>507</v>
      </c>
      <c r="FI11" s="88">
        <v>259</v>
      </c>
      <c r="FJ11" s="89">
        <v>3273</v>
      </c>
      <c r="FK11" s="90">
        <v>4609</v>
      </c>
      <c r="FL11" s="87">
        <v>337</v>
      </c>
      <c r="FM11" s="88">
        <v>468</v>
      </c>
      <c r="FN11" s="89">
        <v>805</v>
      </c>
      <c r="FO11" s="399">
        <v>0</v>
      </c>
      <c r="FP11" s="88">
        <v>1275</v>
      </c>
      <c r="FQ11" s="88">
        <v>896</v>
      </c>
      <c r="FR11" s="88">
        <v>842</v>
      </c>
      <c r="FS11" s="88">
        <v>844</v>
      </c>
      <c r="FT11" s="88">
        <v>437</v>
      </c>
      <c r="FU11" s="89">
        <v>4294</v>
      </c>
      <c r="FV11" s="90">
        <v>5099</v>
      </c>
      <c r="FW11" s="87">
        <v>9</v>
      </c>
      <c r="FX11" s="88">
        <v>25</v>
      </c>
      <c r="FY11" s="89">
        <v>34</v>
      </c>
      <c r="FZ11" s="399">
        <v>0</v>
      </c>
      <c r="GA11" s="88">
        <v>69</v>
      </c>
      <c r="GB11" s="88">
        <v>49</v>
      </c>
      <c r="GC11" s="88">
        <v>33</v>
      </c>
      <c r="GD11" s="88">
        <v>36</v>
      </c>
      <c r="GE11" s="88">
        <v>21</v>
      </c>
      <c r="GF11" s="89">
        <v>208</v>
      </c>
      <c r="GG11" s="90">
        <v>242</v>
      </c>
      <c r="GH11" s="87">
        <v>2088</v>
      </c>
      <c r="GI11" s="88">
        <v>2258</v>
      </c>
      <c r="GJ11" s="89">
        <v>4346</v>
      </c>
      <c r="GK11" s="399">
        <v>0</v>
      </c>
      <c r="GL11" s="88">
        <v>4461</v>
      </c>
      <c r="GM11" s="88">
        <v>2675</v>
      </c>
      <c r="GN11" s="88">
        <v>2047</v>
      </c>
      <c r="GO11" s="88">
        <v>2064</v>
      </c>
      <c r="GP11" s="88">
        <v>1138</v>
      </c>
      <c r="GQ11" s="89">
        <v>12385</v>
      </c>
      <c r="GR11" s="90">
        <v>16731</v>
      </c>
      <c r="GS11" s="91">
        <v>3164</v>
      </c>
      <c r="GT11" s="83">
        <v>3054</v>
      </c>
      <c r="GU11" s="84">
        <v>6218</v>
      </c>
      <c r="GV11" s="399">
        <v>0</v>
      </c>
      <c r="GW11" s="83">
        <v>6799</v>
      </c>
      <c r="GX11" s="83">
        <v>4109</v>
      </c>
      <c r="GY11" s="83">
        <v>2927</v>
      </c>
      <c r="GZ11" s="83">
        <v>2866</v>
      </c>
      <c r="HA11" s="83">
        <v>1575</v>
      </c>
      <c r="HB11" s="85">
        <v>18276</v>
      </c>
      <c r="HC11" s="86">
        <v>24494</v>
      </c>
      <c r="HD11" s="87">
        <v>88</v>
      </c>
      <c r="HE11" s="88">
        <v>54</v>
      </c>
      <c r="HF11" s="89">
        <v>142</v>
      </c>
      <c r="HG11" s="402">
        <v>0</v>
      </c>
      <c r="HH11" s="88">
        <v>164</v>
      </c>
      <c r="HI11" s="88">
        <v>120</v>
      </c>
      <c r="HJ11" s="88">
        <v>73</v>
      </c>
      <c r="HK11" s="88">
        <v>64</v>
      </c>
      <c r="HL11" s="88">
        <v>64</v>
      </c>
      <c r="HM11" s="89">
        <v>485</v>
      </c>
      <c r="HN11" s="90">
        <v>627</v>
      </c>
      <c r="HO11" s="87">
        <v>163</v>
      </c>
      <c r="HP11" s="88">
        <v>182</v>
      </c>
      <c r="HQ11" s="89">
        <v>345</v>
      </c>
      <c r="HR11" s="399">
        <v>0</v>
      </c>
      <c r="HS11" s="88">
        <v>416</v>
      </c>
      <c r="HT11" s="88">
        <v>262</v>
      </c>
      <c r="HU11" s="88">
        <v>138</v>
      </c>
      <c r="HV11" s="88">
        <v>162</v>
      </c>
      <c r="HW11" s="88">
        <v>99</v>
      </c>
      <c r="HX11" s="89">
        <v>1077</v>
      </c>
      <c r="HY11" s="90">
        <v>1422</v>
      </c>
      <c r="HZ11" s="87">
        <v>489</v>
      </c>
      <c r="IA11" s="88">
        <v>426</v>
      </c>
      <c r="IB11" s="89">
        <v>915</v>
      </c>
      <c r="IC11" s="399">
        <v>0</v>
      </c>
      <c r="ID11" s="88">
        <v>901</v>
      </c>
      <c r="IE11" s="88">
        <v>518</v>
      </c>
      <c r="IF11" s="88">
        <v>329</v>
      </c>
      <c r="IG11" s="88">
        <v>345</v>
      </c>
      <c r="IH11" s="88">
        <v>206</v>
      </c>
      <c r="II11" s="89">
        <v>2299</v>
      </c>
      <c r="IJ11" s="90">
        <v>3214</v>
      </c>
      <c r="IK11" s="87">
        <v>924</v>
      </c>
      <c r="IL11" s="88">
        <v>861</v>
      </c>
      <c r="IM11" s="89">
        <v>1785</v>
      </c>
      <c r="IN11" s="399">
        <v>0</v>
      </c>
      <c r="IO11" s="88">
        <v>1642</v>
      </c>
      <c r="IP11" s="88">
        <v>950</v>
      </c>
      <c r="IQ11" s="88">
        <v>591</v>
      </c>
      <c r="IR11" s="88">
        <v>557</v>
      </c>
      <c r="IS11" s="88">
        <v>341</v>
      </c>
      <c r="IT11" s="89">
        <v>4081</v>
      </c>
      <c r="IU11" s="90">
        <v>5866</v>
      </c>
      <c r="IV11" s="87">
        <v>958</v>
      </c>
      <c r="IW11" s="88">
        <v>908</v>
      </c>
      <c r="IX11" s="89">
        <v>1866</v>
      </c>
      <c r="IY11" s="399">
        <v>0</v>
      </c>
      <c r="IZ11" s="88">
        <v>1945</v>
      </c>
      <c r="JA11" s="88">
        <v>1056</v>
      </c>
      <c r="JB11" s="88">
        <v>762</v>
      </c>
      <c r="JC11" s="88">
        <v>723</v>
      </c>
      <c r="JD11" s="88">
        <v>356</v>
      </c>
      <c r="JE11" s="89">
        <v>4842</v>
      </c>
      <c r="JF11" s="90">
        <v>6708</v>
      </c>
      <c r="JG11" s="87">
        <v>542</v>
      </c>
      <c r="JH11" s="88">
        <v>623</v>
      </c>
      <c r="JI11" s="89">
        <v>1165</v>
      </c>
      <c r="JJ11" s="399">
        <v>0</v>
      </c>
      <c r="JK11" s="88">
        <v>1731</v>
      </c>
      <c r="JL11" s="88">
        <v>1203</v>
      </c>
      <c r="JM11" s="88">
        <v>1034</v>
      </c>
      <c r="JN11" s="88">
        <v>1015</v>
      </c>
      <c r="JO11" s="88">
        <v>509</v>
      </c>
      <c r="JP11" s="89">
        <v>5492</v>
      </c>
      <c r="JQ11" s="90">
        <v>6657</v>
      </c>
      <c r="JR11" s="87">
        <v>29</v>
      </c>
      <c r="JS11" s="88">
        <v>50</v>
      </c>
      <c r="JT11" s="89">
        <v>79</v>
      </c>
      <c r="JU11" s="399">
        <v>0</v>
      </c>
      <c r="JV11" s="88">
        <v>143</v>
      </c>
      <c r="JW11" s="88">
        <v>107</v>
      </c>
      <c r="JX11" s="88">
        <v>74</v>
      </c>
      <c r="JY11" s="88">
        <v>70</v>
      </c>
      <c r="JZ11" s="88">
        <v>45</v>
      </c>
      <c r="KA11" s="89">
        <v>439</v>
      </c>
      <c r="KB11" s="90">
        <v>518</v>
      </c>
      <c r="KC11" s="87">
        <v>3193</v>
      </c>
      <c r="KD11" s="88">
        <v>3104</v>
      </c>
      <c r="KE11" s="89">
        <v>6297</v>
      </c>
      <c r="KF11" s="399">
        <v>0</v>
      </c>
      <c r="KG11" s="88">
        <v>6942</v>
      </c>
      <c r="KH11" s="88">
        <v>4216</v>
      </c>
      <c r="KI11" s="88">
        <v>3001</v>
      </c>
      <c r="KJ11" s="88">
        <v>2936</v>
      </c>
      <c r="KK11" s="88">
        <v>1620</v>
      </c>
      <c r="KL11" s="89">
        <v>18715</v>
      </c>
      <c r="KM11" s="90">
        <v>25012</v>
      </c>
    </row>
    <row r="12" spans="2:299" s="56" customFormat="1" ht="21" customHeight="1" x14ac:dyDescent="0.2">
      <c r="B12" s="92" t="s">
        <v>8</v>
      </c>
      <c r="C12" s="82">
        <v>560</v>
      </c>
      <c r="D12" s="83">
        <v>405</v>
      </c>
      <c r="E12" s="84">
        <v>965</v>
      </c>
      <c r="F12" s="399">
        <v>0</v>
      </c>
      <c r="G12" s="83">
        <v>1003</v>
      </c>
      <c r="H12" s="83">
        <v>938</v>
      </c>
      <c r="I12" s="83">
        <v>657</v>
      </c>
      <c r="J12" s="83">
        <v>519</v>
      </c>
      <c r="K12" s="83">
        <v>287</v>
      </c>
      <c r="L12" s="85">
        <v>3404</v>
      </c>
      <c r="M12" s="86">
        <v>4369</v>
      </c>
      <c r="N12" s="87">
        <v>13</v>
      </c>
      <c r="O12" s="88">
        <v>27</v>
      </c>
      <c r="P12" s="89">
        <v>40</v>
      </c>
      <c r="Q12" s="399">
        <v>0</v>
      </c>
      <c r="R12" s="88">
        <v>41</v>
      </c>
      <c r="S12" s="88">
        <v>46</v>
      </c>
      <c r="T12" s="88">
        <v>36</v>
      </c>
      <c r="U12" s="88">
        <v>33</v>
      </c>
      <c r="V12" s="88">
        <v>26</v>
      </c>
      <c r="W12" s="89">
        <v>182</v>
      </c>
      <c r="X12" s="90">
        <v>222</v>
      </c>
      <c r="Y12" s="87">
        <v>51</v>
      </c>
      <c r="Z12" s="88">
        <v>45</v>
      </c>
      <c r="AA12" s="89">
        <v>96</v>
      </c>
      <c r="AB12" s="399">
        <v>0</v>
      </c>
      <c r="AC12" s="88">
        <v>97</v>
      </c>
      <c r="AD12" s="88">
        <v>96</v>
      </c>
      <c r="AE12" s="88">
        <v>48</v>
      </c>
      <c r="AF12" s="88">
        <v>61</v>
      </c>
      <c r="AG12" s="88">
        <v>44</v>
      </c>
      <c r="AH12" s="89">
        <v>346</v>
      </c>
      <c r="AI12" s="90">
        <v>442</v>
      </c>
      <c r="AJ12" s="87">
        <v>99</v>
      </c>
      <c r="AK12" s="88">
        <v>73</v>
      </c>
      <c r="AL12" s="89">
        <v>172</v>
      </c>
      <c r="AM12" s="399">
        <v>0</v>
      </c>
      <c r="AN12" s="88">
        <v>174</v>
      </c>
      <c r="AO12" s="88">
        <v>170</v>
      </c>
      <c r="AP12" s="88">
        <v>115</v>
      </c>
      <c r="AQ12" s="88">
        <v>94</v>
      </c>
      <c r="AR12" s="88">
        <v>50</v>
      </c>
      <c r="AS12" s="89">
        <v>603</v>
      </c>
      <c r="AT12" s="90">
        <v>775</v>
      </c>
      <c r="AU12" s="87">
        <v>160</v>
      </c>
      <c r="AV12" s="88">
        <v>94</v>
      </c>
      <c r="AW12" s="89">
        <v>254</v>
      </c>
      <c r="AX12" s="399">
        <v>0</v>
      </c>
      <c r="AY12" s="88">
        <v>280</v>
      </c>
      <c r="AZ12" s="88">
        <v>254</v>
      </c>
      <c r="BA12" s="88">
        <v>148</v>
      </c>
      <c r="BB12" s="88">
        <v>124</v>
      </c>
      <c r="BC12" s="88">
        <v>59</v>
      </c>
      <c r="BD12" s="89">
        <v>865</v>
      </c>
      <c r="BE12" s="90">
        <v>1119</v>
      </c>
      <c r="BF12" s="87">
        <v>155</v>
      </c>
      <c r="BG12" s="88">
        <v>99</v>
      </c>
      <c r="BH12" s="89">
        <v>254</v>
      </c>
      <c r="BI12" s="399">
        <v>0</v>
      </c>
      <c r="BJ12" s="88">
        <v>239</v>
      </c>
      <c r="BK12" s="88">
        <v>203</v>
      </c>
      <c r="BL12" s="88">
        <v>182</v>
      </c>
      <c r="BM12" s="88">
        <v>109</v>
      </c>
      <c r="BN12" s="88">
        <v>69</v>
      </c>
      <c r="BO12" s="89">
        <v>802</v>
      </c>
      <c r="BP12" s="90">
        <v>1056</v>
      </c>
      <c r="BQ12" s="87">
        <v>82</v>
      </c>
      <c r="BR12" s="88">
        <v>67</v>
      </c>
      <c r="BS12" s="89">
        <v>149</v>
      </c>
      <c r="BT12" s="399">
        <v>0</v>
      </c>
      <c r="BU12" s="88">
        <v>172</v>
      </c>
      <c r="BV12" s="88">
        <v>169</v>
      </c>
      <c r="BW12" s="88">
        <v>128</v>
      </c>
      <c r="BX12" s="88">
        <v>98</v>
      </c>
      <c r="BY12" s="88">
        <v>39</v>
      </c>
      <c r="BZ12" s="89">
        <v>606</v>
      </c>
      <c r="CA12" s="90">
        <v>755</v>
      </c>
      <c r="CB12" s="87">
        <v>17</v>
      </c>
      <c r="CC12" s="88">
        <v>19</v>
      </c>
      <c r="CD12" s="89">
        <v>36</v>
      </c>
      <c r="CE12" s="399">
        <v>0</v>
      </c>
      <c r="CF12" s="88">
        <v>35</v>
      </c>
      <c r="CG12" s="88">
        <v>53</v>
      </c>
      <c r="CH12" s="88">
        <v>25</v>
      </c>
      <c r="CI12" s="88">
        <v>16</v>
      </c>
      <c r="CJ12" s="88">
        <v>18</v>
      </c>
      <c r="CK12" s="89">
        <v>147</v>
      </c>
      <c r="CL12" s="90">
        <v>183</v>
      </c>
      <c r="CM12" s="87">
        <v>577</v>
      </c>
      <c r="CN12" s="88">
        <v>424</v>
      </c>
      <c r="CO12" s="89">
        <v>1001</v>
      </c>
      <c r="CP12" s="399">
        <v>0</v>
      </c>
      <c r="CQ12" s="88">
        <v>1038</v>
      </c>
      <c r="CR12" s="88">
        <v>991</v>
      </c>
      <c r="CS12" s="88">
        <v>682</v>
      </c>
      <c r="CT12" s="88">
        <v>535</v>
      </c>
      <c r="CU12" s="88">
        <v>305</v>
      </c>
      <c r="CV12" s="89">
        <v>3551</v>
      </c>
      <c r="CW12" s="90">
        <v>4552</v>
      </c>
      <c r="CX12" s="91">
        <v>1211</v>
      </c>
      <c r="CY12" s="83">
        <v>1035</v>
      </c>
      <c r="CZ12" s="84">
        <v>2246</v>
      </c>
      <c r="DA12" s="399">
        <v>0</v>
      </c>
      <c r="DB12" s="83">
        <v>1914</v>
      </c>
      <c r="DC12" s="83">
        <v>1614</v>
      </c>
      <c r="DD12" s="83">
        <v>1288</v>
      </c>
      <c r="DE12" s="83">
        <v>1147</v>
      </c>
      <c r="DF12" s="83">
        <v>740</v>
      </c>
      <c r="DG12" s="85">
        <v>6703</v>
      </c>
      <c r="DH12" s="86">
        <v>8949</v>
      </c>
      <c r="DI12" s="87">
        <v>27</v>
      </c>
      <c r="DJ12" s="88">
        <v>28</v>
      </c>
      <c r="DK12" s="89">
        <v>55</v>
      </c>
      <c r="DL12" s="399">
        <v>0</v>
      </c>
      <c r="DM12" s="88">
        <v>39</v>
      </c>
      <c r="DN12" s="88">
        <v>35</v>
      </c>
      <c r="DO12" s="88">
        <v>15</v>
      </c>
      <c r="DP12" s="88">
        <v>26</v>
      </c>
      <c r="DQ12" s="88">
        <v>19</v>
      </c>
      <c r="DR12" s="89">
        <v>134</v>
      </c>
      <c r="DS12" s="90">
        <v>189</v>
      </c>
      <c r="DT12" s="87">
        <v>81</v>
      </c>
      <c r="DU12" s="88">
        <v>56</v>
      </c>
      <c r="DV12" s="89">
        <v>137</v>
      </c>
      <c r="DW12" s="399">
        <v>0</v>
      </c>
      <c r="DX12" s="88">
        <v>106</v>
      </c>
      <c r="DY12" s="88">
        <v>90</v>
      </c>
      <c r="DZ12" s="88">
        <v>41</v>
      </c>
      <c r="EA12" s="88">
        <v>51</v>
      </c>
      <c r="EB12" s="88">
        <v>46</v>
      </c>
      <c r="EC12" s="89">
        <v>334</v>
      </c>
      <c r="ED12" s="90">
        <v>471</v>
      </c>
      <c r="EE12" s="87">
        <v>178</v>
      </c>
      <c r="EF12" s="88">
        <v>153</v>
      </c>
      <c r="EG12" s="89">
        <v>331</v>
      </c>
      <c r="EH12" s="399">
        <v>0</v>
      </c>
      <c r="EI12" s="88">
        <v>242</v>
      </c>
      <c r="EJ12" s="88">
        <v>163</v>
      </c>
      <c r="EK12" s="88">
        <v>115</v>
      </c>
      <c r="EL12" s="88">
        <v>110</v>
      </c>
      <c r="EM12" s="88">
        <v>73</v>
      </c>
      <c r="EN12" s="89">
        <v>703</v>
      </c>
      <c r="EO12" s="90">
        <v>1034</v>
      </c>
      <c r="EP12" s="87">
        <v>384</v>
      </c>
      <c r="EQ12" s="88">
        <v>294</v>
      </c>
      <c r="ER12" s="89">
        <v>678</v>
      </c>
      <c r="ES12" s="399">
        <v>0</v>
      </c>
      <c r="ET12" s="88">
        <v>496</v>
      </c>
      <c r="EU12" s="88">
        <v>332</v>
      </c>
      <c r="EV12" s="88">
        <v>255</v>
      </c>
      <c r="EW12" s="88">
        <v>214</v>
      </c>
      <c r="EX12" s="88">
        <v>143</v>
      </c>
      <c r="EY12" s="89">
        <v>1440</v>
      </c>
      <c r="EZ12" s="90">
        <v>2118</v>
      </c>
      <c r="FA12" s="87">
        <v>358</v>
      </c>
      <c r="FB12" s="88">
        <v>299</v>
      </c>
      <c r="FC12" s="89">
        <v>657</v>
      </c>
      <c r="FD12" s="399">
        <v>0</v>
      </c>
      <c r="FE12" s="88">
        <v>545</v>
      </c>
      <c r="FF12" s="88">
        <v>445</v>
      </c>
      <c r="FG12" s="88">
        <v>350</v>
      </c>
      <c r="FH12" s="88">
        <v>281</v>
      </c>
      <c r="FI12" s="88">
        <v>183</v>
      </c>
      <c r="FJ12" s="89">
        <v>1804</v>
      </c>
      <c r="FK12" s="90">
        <v>2461</v>
      </c>
      <c r="FL12" s="87">
        <v>183</v>
      </c>
      <c r="FM12" s="88">
        <v>205</v>
      </c>
      <c r="FN12" s="89">
        <v>388</v>
      </c>
      <c r="FO12" s="399">
        <v>0</v>
      </c>
      <c r="FP12" s="88">
        <v>486</v>
      </c>
      <c r="FQ12" s="88">
        <v>549</v>
      </c>
      <c r="FR12" s="88">
        <v>512</v>
      </c>
      <c r="FS12" s="88">
        <v>465</v>
      </c>
      <c r="FT12" s="88">
        <v>276</v>
      </c>
      <c r="FU12" s="89">
        <v>2288</v>
      </c>
      <c r="FV12" s="90">
        <v>2676</v>
      </c>
      <c r="FW12" s="87">
        <v>6</v>
      </c>
      <c r="FX12" s="88">
        <v>19</v>
      </c>
      <c r="FY12" s="89">
        <v>25</v>
      </c>
      <c r="FZ12" s="399">
        <v>0</v>
      </c>
      <c r="GA12" s="88">
        <v>28</v>
      </c>
      <c r="GB12" s="88">
        <v>37</v>
      </c>
      <c r="GC12" s="88">
        <v>17</v>
      </c>
      <c r="GD12" s="88">
        <v>16</v>
      </c>
      <c r="GE12" s="88">
        <v>13</v>
      </c>
      <c r="GF12" s="89">
        <v>111</v>
      </c>
      <c r="GG12" s="90">
        <v>136</v>
      </c>
      <c r="GH12" s="87">
        <v>1217</v>
      </c>
      <c r="GI12" s="88">
        <v>1054</v>
      </c>
      <c r="GJ12" s="89">
        <v>2271</v>
      </c>
      <c r="GK12" s="399">
        <v>0</v>
      </c>
      <c r="GL12" s="88">
        <v>1942</v>
      </c>
      <c r="GM12" s="88">
        <v>1651</v>
      </c>
      <c r="GN12" s="88">
        <v>1305</v>
      </c>
      <c r="GO12" s="88">
        <v>1163</v>
      </c>
      <c r="GP12" s="88">
        <v>753</v>
      </c>
      <c r="GQ12" s="89">
        <v>6814</v>
      </c>
      <c r="GR12" s="90">
        <v>9085</v>
      </c>
      <c r="GS12" s="91">
        <v>1771</v>
      </c>
      <c r="GT12" s="83">
        <v>1440</v>
      </c>
      <c r="GU12" s="84">
        <v>3211</v>
      </c>
      <c r="GV12" s="399">
        <v>0</v>
      </c>
      <c r="GW12" s="83">
        <v>2917</v>
      </c>
      <c r="GX12" s="83">
        <v>2552</v>
      </c>
      <c r="GY12" s="83">
        <v>1945</v>
      </c>
      <c r="GZ12" s="83">
        <v>1666</v>
      </c>
      <c r="HA12" s="83">
        <v>1027</v>
      </c>
      <c r="HB12" s="85">
        <v>10107</v>
      </c>
      <c r="HC12" s="86">
        <v>13318</v>
      </c>
      <c r="HD12" s="87">
        <v>40</v>
      </c>
      <c r="HE12" s="88">
        <v>55</v>
      </c>
      <c r="HF12" s="89">
        <v>95</v>
      </c>
      <c r="HG12" s="402">
        <v>0</v>
      </c>
      <c r="HH12" s="88">
        <v>80</v>
      </c>
      <c r="HI12" s="88">
        <v>81</v>
      </c>
      <c r="HJ12" s="88">
        <v>51</v>
      </c>
      <c r="HK12" s="88">
        <v>59</v>
      </c>
      <c r="HL12" s="88">
        <v>45</v>
      </c>
      <c r="HM12" s="89">
        <v>316</v>
      </c>
      <c r="HN12" s="90">
        <v>411</v>
      </c>
      <c r="HO12" s="87">
        <v>132</v>
      </c>
      <c r="HP12" s="88">
        <v>101</v>
      </c>
      <c r="HQ12" s="89">
        <v>233</v>
      </c>
      <c r="HR12" s="399">
        <v>0</v>
      </c>
      <c r="HS12" s="88">
        <v>203</v>
      </c>
      <c r="HT12" s="88">
        <v>186</v>
      </c>
      <c r="HU12" s="88">
        <v>89</v>
      </c>
      <c r="HV12" s="88">
        <v>112</v>
      </c>
      <c r="HW12" s="88">
        <v>90</v>
      </c>
      <c r="HX12" s="89">
        <v>680</v>
      </c>
      <c r="HY12" s="90">
        <v>913</v>
      </c>
      <c r="HZ12" s="87">
        <v>277</v>
      </c>
      <c r="IA12" s="88">
        <v>226</v>
      </c>
      <c r="IB12" s="89">
        <v>503</v>
      </c>
      <c r="IC12" s="399">
        <v>0</v>
      </c>
      <c r="ID12" s="88">
        <v>416</v>
      </c>
      <c r="IE12" s="88">
        <v>333</v>
      </c>
      <c r="IF12" s="88">
        <v>230</v>
      </c>
      <c r="IG12" s="88">
        <v>204</v>
      </c>
      <c r="IH12" s="88">
        <v>123</v>
      </c>
      <c r="II12" s="89">
        <v>1306</v>
      </c>
      <c r="IJ12" s="90">
        <v>1809</v>
      </c>
      <c r="IK12" s="87">
        <v>544</v>
      </c>
      <c r="IL12" s="88">
        <v>388</v>
      </c>
      <c r="IM12" s="89">
        <v>932</v>
      </c>
      <c r="IN12" s="399">
        <v>0</v>
      </c>
      <c r="IO12" s="88">
        <v>776</v>
      </c>
      <c r="IP12" s="88">
        <v>586</v>
      </c>
      <c r="IQ12" s="88">
        <v>403</v>
      </c>
      <c r="IR12" s="88">
        <v>338</v>
      </c>
      <c r="IS12" s="88">
        <v>202</v>
      </c>
      <c r="IT12" s="89">
        <v>2305</v>
      </c>
      <c r="IU12" s="90">
        <v>3237</v>
      </c>
      <c r="IV12" s="87">
        <v>513</v>
      </c>
      <c r="IW12" s="88">
        <v>398</v>
      </c>
      <c r="IX12" s="89">
        <v>911</v>
      </c>
      <c r="IY12" s="399">
        <v>0</v>
      </c>
      <c r="IZ12" s="88">
        <v>784</v>
      </c>
      <c r="JA12" s="88">
        <v>648</v>
      </c>
      <c r="JB12" s="88">
        <v>532</v>
      </c>
      <c r="JC12" s="88">
        <v>390</v>
      </c>
      <c r="JD12" s="88">
        <v>252</v>
      </c>
      <c r="JE12" s="89">
        <v>2606</v>
      </c>
      <c r="JF12" s="90">
        <v>3517</v>
      </c>
      <c r="JG12" s="87">
        <v>265</v>
      </c>
      <c r="JH12" s="88">
        <v>272</v>
      </c>
      <c r="JI12" s="89">
        <v>537</v>
      </c>
      <c r="JJ12" s="399">
        <v>0</v>
      </c>
      <c r="JK12" s="88">
        <v>658</v>
      </c>
      <c r="JL12" s="88">
        <v>718</v>
      </c>
      <c r="JM12" s="88">
        <v>640</v>
      </c>
      <c r="JN12" s="88">
        <v>563</v>
      </c>
      <c r="JO12" s="88">
        <v>315</v>
      </c>
      <c r="JP12" s="89">
        <v>2894</v>
      </c>
      <c r="JQ12" s="90">
        <v>3431</v>
      </c>
      <c r="JR12" s="87">
        <v>23</v>
      </c>
      <c r="JS12" s="88">
        <v>38</v>
      </c>
      <c r="JT12" s="89">
        <v>61</v>
      </c>
      <c r="JU12" s="399">
        <v>0</v>
      </c>
      <c r="JV12" s="88">
        <v>63</v>
      </c>
      <c r="JW12" s="88">
        <v>90</v>
      </c>
      <c r="JX12" s="88">
        <v>42</v>
      </c>
      <c r="JY12" s="88">
        <v>32</v>
      </c>
      <c r="JZ12" s="88">
        <v>31</v>
      </c>
      <c r="KA12" s="89">
        <v>258</v>
      </c>
      <c r="KB12" s="90">
        <v>319</v>
      </c>
      <c r="KC12" s="87">
        <v>1794</v>
      </c>
      <c r="KD12" s="88">
        <v>1478</v>
      </c>
      <c r="KE12" s="89">
        <v>3272</v>
      </c>
      <c r="KF12" s="399">
        <v>0</v>
      </c>
      <c r="KG12" s="88">
        <v>2980</v>
      </c>
      <c r="KH12" s="88">
        <v>2642</v>
      </c>
      <c r="KI12" s="88">
        <v>1987</v>
      </c>
      <c r="KJ12" s="88">
        <v>1698</v>
      </c>
      <c r="KK12" s="88">
        <v>1058</v>
      </c>
      <c r="KL12" s="89">
        <v>10365</v>
      </c>
      <c r="KM12" s="90">
        <v>13637</v>
      </c>
    </row>
    <row r="13" spans="2:299" s="56" customFormat="1" ht="21" customHeight="1" x14ac:dyDescent="0.2">
      <c r="B13" s="92" t="s">
        <v>9</v>
      </c>
      <c r="C13" s="82">
        <v>748</v>
      </c>
      <c r="D13" s="83">
        <v>413</v>
      </c>
      <c r="E13" s="84">
        <v>1161</v>
      </c>
      <c r="F13" s="399">
        <v>0</v>
      </c>
      <c r="G13" s="83">
        <v>893</v>
      </c>
      <c r="H13" s="83">
        <v>581</v>
      </c>
      <c r="I13" s="83">
        <v>465</v>
      </c>
      <c r="J13" s="83">
        <v>400</v>
      </c>
      <c r="K13" s="83">
        <v>222</v>
      </c>
      <c r="L13" s="85">
        <v>2561</v>
      </c>
      <c r="M13" s="86">
        <v>3722</v>
      </c>
      <c r="N13" s="87">
        <v>21</v>
      </c>
      <c r="O13" s="88">
        <v>14</v>
      </c>
      <c r="P13" s="89">
        <v>35</v>
      </c>
      <c r="Q13" s="399">
        <v>0</v>
      </c>
      <c r="R13" s="88">
        <v>24</v>
      </c>
      <c r="S13" s="88">
        <v>25</v>
      </c>
      <c r="T13" s="88">
        <v>12</v>
      </c>
      <c r="U13" s="88">
        <v>14</v>
      </c>
      <c r="V13" s="88">
        <v>11</v>
      </c>
      <c r="W13" s="89">
        <v>86</v>
      </c>
      <c r="X13" s="90">
        <v>121</v>
      </c>
      <c r="Y13" s="87">
        <v>46</v>
      </c>
      <c r="Z13" s="88">
        <v>25</v>
      </c>
      <c r="AA13" s="89">
        <v>71</v>
      </c>
      <c r="AB13" s="399">
        <v>0</v>
      </c>
      <c r="AC13" s="88">
        <v>43</v>
      </c>
      <c r="AD13" s="88">
        <v>37</v>
      </c>
      <c r="AE13" s="88">
        <v>24</v>
      </c>
      <c r="AF13" s="88">
        <v>25</v>
      </c>
      <c r="AG13" s="88">
        <v>16</v>
      </c>
      <c r="AH13" s="89">
        <v>145</v>
      </c>
      <c r="AI13" s="90">
        <v>216</v>
      </c>
      <c r="AJ13" s="87">
        <v>89</v>
      </c>
      <c r="AK13" s="88">
        <v>50</v>
      </c>
      <c r="AL13" s="89">
        <v>139</v>
      </c>
      <c r="AM13" s="399">
        <v>0</v>
      </c>
      <c r="AN13" s="88">
        <v>99</v>
      </c>
      <c r="AO13" s="88">
        <v>80</v>
      </c>
      <c r="AP13" s="88">
        <v>69</v>
      </c>
      <c r="AQ13" s="88">
        <v>55</v>
      </c>
      <c r="AR13" s="88">
        <v>28</v>
      </c>
      <c r="AS13" s="89">
        <v>331</v>
      </c>
      <c r="AT13" s="90">
        <v>470</v>
      </c>
      <c r="AU13" s="87">
        <v>192</v>
      </c>
      <c r="AV13" s="88">
        <v>94</v>
      </c>
      <c r="AW13" s="89">
        <v>286</v>
      </c>
      <c r="AX13" s="399">
        <v>0</v>
      </c>
      <c r="AY13" s="88">
        <v>214</v>
      </c>
      <c r="AZ13" s="88">
        <v>120</v>
      </c>
      <c r="BA13" s="88">
        <v>96</v>
      </c>
      <c r="BB13" s="88">
        <v>73</v>
      </c>
      <c r="BC13" s="88">
        <v>54</v>
      </c>
      <c r="BD13" s="89">
        <v>557</v>
      </c>
      <c r="BE13" s="90">
        <v>843</v>
      </c>
      <c r="BF13" s="87">
        <v>243</v>
      </c>
      <c r="BG13" s="88">
        <v>126</v>
      </c>
      <c r="BH13" s="89">
        <v>369</v>
      </c>
      <c r="BI13" s="399">
        <v>0</v>
      </c>
      <c r="BJ13" s="88">
        <v>265</v>
      </c>
      <c r="BK13" s="88">
        <v>143</v>
      </c>
      <c r="BL13" s="88">
        <v>117</v>
      </c>
      <c r="BM13" s="88">
        <v>95</v>
      </c>
      <c r="BN13" s="88">
        <v>58</v>
      </c>
      <c r="BO13" s="89">
        <v>678</v>
      </c>
      <c r="BP13" s="90">
        <v>1047</v>
      </c>
      <c r="BQ13" s="87">
        <v>157</v>
      </c>
      <c r="BR13" s="88">
        <v>104</v>
      </c>
      <c r="BS13" s="89">
        <v>261</v>
      </c>
      <c r="BT13" s="399">
        <v>0</v>
      </c>
      <c r="BU13" s="88">
        <v>248</v>
      </c>
      <c r="BV13" s="88">
        <v>176</v>
      </c>
      <c r="BW13" s="88">
        <v>147</v>
      </c>
      <c r="BX13" s="88">
        <v>138</v>
      </c>
      <c r="BY13" s="88">
        <v>55</v>
      </c>
      <c r="BZ13" s="89">
        <v>764</v>
      </c>
      <c r="CA13" s="90">
        <v>1025</v>
      </c>
      <c r="CB13" s="87">
        <v>3</v>
      </c>
      <c r="CC13" s="88">
        <v>16</v>
      </c>
      <c r="CD13" s="89">
        <v>19</v>
      </c>
      <c r="CE13" s="399">
        <v>0</v>
      </c>
      <c r="CF13" s="88">
        <v>24</v>
      </c>
      <c r="CG13" s="88">
        <v>28</v>
      </c>
      <c r="CH13" s="88">
        <v>15</v>
      </c>
      <c r="CI13" s="88">
        <v>18</v>
      </c>
      <c r="CJ13" s="88">
        <v>10</v>
      </c>
      <c r="CK13" s="89">
        <v>95</v>
      </c>
      <c r="CL13" s="90">
        <v>114</v>
      </c>
      <c r="CM13" s="87">
        <v>751</v>
      </c>
      <c r="CN13" s="88">
        <v>429</v>
      </c>
      <c r="CO13" s="89">
        <v>1180</v>
      </c>
      <c r="CP13" s="399">
        <v>0</v>
      </c>
      <c r="CQ13" s="88">
        <v>917</v>
      </c>
      <c r="CR13" s="88">
        <v>609</v>
      </c>
      <c r="CS13" s="88">
        <v>480</v>
      </c>
      <c r="CT13" s="88">
        <v>418</v>
      </c>
      <c r="CU13" s="88">
        <v>232</v>
      </c>
      <c r="CV13" s="89">
        <v>2656</v>
      </c>
      <c r="CW13" s="90">
        <v>3836</v>
      </c>
      <c r="CX13" s="91">
        <v>1536</v>
      </c>
      <c r="CY13" s="83">
        <v>1058</v>
      </c>
      <c r="CZ13" s="84">
        <v>2594</v>
      </c>
      <c r="DA13" s="399">
        <v>0</v>
      </c>
      <c r="DB13" s="83">
        <v>1749</v>
      </c>
      <c r="DC13" s="83">
        <v>1177</v>
      </c>
      <c r="DD13" s="83">
        <v>1006</v>
      </c>
      <c r="DE13" s="83">
        <v>1045</v>
      </c>
      <c r="DF13" s="83">
        <v>751</v>
      </c>
      <c r="DG13" s="85">
        <v>5728</v>
      </c>
      <c r="DH13" s="86">
        <v>8322</v>
      </c>
      <c r="DI13" s="87">
        <v>28</v>
      </c>
      <c r="DJ13" s="88">
        <v>29</v>
      </c>
      <c r="DK13" s="89">
        <v>57</v>
      </c>
      <c r="DL13" s="399">
        <v>0</v>
      </c>
      <c r="DM13" s="88">
        <v>12</v>
      </c>
      <c r="DN13" s="88">
        <v>17</v>
      </c>
      <c r="DO13" s="88">
        <v>15</v>
      </c>
      <c r="DP13" s="88">
        <v>9</v>
      </c>
      <c r="DQ13" s="88">
        <v>14</v>
      </c>
      <c r="DR13" s="89">
        <v>67</v>
      </c>
      <c r="DS13" s="90">
        <v>124</v>
      </c>
      <c r="DT13" s="87">
        <v>66</v>
      </c>
      <c r="DU13" s="88">
        <v>54</v>
      </c>
      <c r="DV13" s="89">
        <v>120</v>
      </c>
      <c r="DW13" s="399">
        <v>0</v>
      </c>
      <c r="DX13" s="88">
        <v>53</v>
      </c>
      <c r="DY13" s="88">
        <v>28</v>
      </c>
      <c r="DZ13" s="88">
        <v>32</v>
      </c>
      <c r="EA13" s="88">
        <v>20</v>
      </c>
      <c r="EB13" s="88">
        <v>32</v>
      </c>
      <c r="EC13" s="89">
        <v>165</v>
      </c>
      <c r="ED13" s="90">
        <v>285</v>
      </c>
      <c r="EE13" s="87">
        <v>216</v>
      </c>
      <c r="EF13" s="88">
        <v>132</v>
      </c>
      <c r="EG13" s="89">
        <v>348</v>
      </c>
      <c r="EH13" s="399">
        <v>0</v>
      </c>
      <c r="EI13" s="88">
        <v>183</v>
      </c>
      <c r="EJ13" s="88">
        <v>109</v>
      </c>
      <c r="EK13" s="88">
        <v>70</v>
      </c>
      <c r="EL13" s="88">
        <v>63</v>
      </c>
      <c r="EM13" s="88">
        <v>61</v>
      </c>
      <c r="EN13" s="89">
        <v>486</v>
      </c>
      <c r="EO13" s="90">
        <v>834</v>
      </c>
      <c r="EP13" s="87">
        <v>458</v>
      </c>
      <c r="EQ13" s="88">
        <v>278</v>
      </c>
      <c r="ER13" s="89">
        <v>736</v>
      </c>
      <c r="ES13" s="399">
        <v>0</v>
      </c>
      <c r="ET13" s="88">
        <v>402</v>
      </c>
      <c r="EU13" s="88">
        <v>188</v>
      </c>
      <c r="EV13" s="88">
        <v>173</v>
      </c>
      <c r="EW13" s="88">
        <v>156</v>
      </c>
      <c r="EX13" s="88">
        <v>110</v>
      </c>
      <c r="EY13" s="89">
        <v>1029</v>
      </c>
      <c r="EZ13" s="90">
        <v>1765</v>
      </c>
      <c r="FA13" s="87">
        <v>492</v>
      </c>
      <c r="FB13" s="88">
        <v>309</v>
      </c>
      <c r="FC13" s="89">
        <v>801</v>
      </c>
      <c r="FD13" s="399">
        <v>0</v>
      </c>
      <c r="FE13" s="88">
        <v>523</v>
      </c>
      <c r="FF13" s="88">
        <v>304</v>
      </c>
      <c r="FG13" s="88">
        <v>247</v>
      </c>
      <c r="FH13" s="88">
        <v>260</v>
      </c>
      <c r="FI13" s="88">
        <v>172</v>
      </c>
      <c r="FJ13" s="89">
        <v>1506</v>
      </c>
      <c r="FK13" s="90">
        <v>2307</v>
      </c>
      <c r="FL13" s="87">
        <v>276</v>
      </c>
      <c r="FM13" s="88">
        <v>256</v>
      </c>
      <c r="FN13" s="89">
        <v>532</v>
      </c>
      <c r="FO13" s="399">
        <v>0</v>
      </c>
      <c r="FP13" s="88">
        <v>576</v>
      </c>
      <c r="FQ13" s="88">
        <v>531</v>
      </c>
      <c r="FR13" s="88">
        <v>469</v>
      </c>
      <c r="FS13" s="88">
        <v>537</v>
      </c>
      <c r="FT13" s="88">
        <v>362</v>
      </c>
      <c r="FU13" s="89">
        <v>2475</v>
      </c>
      <c r="FV13" s="90">
        <v>3007</v>
      </c>
      <c r="FW13" s="87">
        <v>6</v>
      </c>
      <c r="FX13" s="88">
        <v>14</v>
      </c>
      <c r="FY13" s="89">
        <v>20</v>
      </c>
      <c r="FZ13" s="399">
        <v>0</v>
      </c>
      <c r="GA13" s="88">
        <v>16</v>
      </c>
      <c r="GB13" s="88">
        <v>22</v>
      </c>
      <c r="GC13" s="88">
        <v>10</v>
      </c>
      <c r="GD13" s="88">
        <v>8</v>
      </c>
      <c r="GE13" s="88">
        <v>9</v>
      </c>
      <c r="GF13" s="89">
        <v>65</v>
      </c>
      <c r="GG13" s="90">
        <v>85</v>
      </c>
      <c r="GH13" s="87">
        <v>1542</v>
      </c>
      <c r="GI13" s="88">
        <v>1072</v>
      </c>
      <c r="GJ13" s="89">
        <v>2614</v>
      </c>
      <c r="GK13" s="399">
        <v>0</v>
      </c>
      <c r="GL13" s="88">
        <v>1765</v>
      </c>
      <c r="GM13" s="88">
        <v>1199</v>
      </c>
      <c r="GN13" s="88">
        <v>1016</v>
      </c>
      <c r="GO13" s="88">
        <v>1053</v>
      </c>
      <c r="GP13" s="88">
        <v>760</v>
      </c>
      <c r="GQ13" s="89">
        <v>5793</v>
      </c>
      <c r="GR13" s="90">
        <v>8407</v>
      </c>
      <c r="GS13" s="91">
        <v>2284</v>
      </c>
      <c r="GT13" s="83">
        <v>1471</v>
      </c>
      <c r="GU13" s="84">
        <v>3755</v>
      </c>
      <c r="GV13" s="399">
        <v>0</v>
      </c>
      <c r="GW13" s="83">
        <v>2642</v>
      </c>
      <c r="GX13" s="83">
        <v>1758</v>
      </c>
      <c r="GY13" s="83">
        <v>1471</v>
      </c>
      <c r="GZ13" s="83">
        <v>1445</v>
      </c>
      <c r="HA13" s="83">
        <v>973</v>
      </c>
      <c r="HB13" s="85">
        <v>8289</v>
      </c>
      <c r="HC13" s="86">
        <v>12044</v>
      </c>
      <c r="HD13" s="87">
        <v>49</v>
      </c>
      <c r="HE13" s="88">
        <v>43</v>
      </c>
      <c r="HF13" s="89">
        <v>92</v>
      </c>
      <c r="HG13" s="402">
        <v>0</v>
      </c>
      <c r="HH13" s="88">
        <v>36</v>
      </c>
      <c r="HI13" s="88">
        <v>42</v>
      </c>
      <c r="HJ13" s="88">
        <v>27</v>
      </c>
      <c r="HK13" s="88">
        <v>23</v>
      </c>
      <c r="HL13" s="88">
        <v>25</v>
      </c>
      <c r="HM13" s="89">
        <v>153</v>
      </c>
      <c r="HN13" s="90">
        <v>245</v>
      </c>
      <c r="HO13" s="87">
        <v>112</v>
      </c>
      <c r="HP13" s="88">
        <v>79</v>
      </c>
      <c r="HQ13" s="89">
        <v>191</v>
      </c>
      <c r="HR13" s="399">
        <v>0</v>
      </c>
      <c r="HS13" s="88">
        <v>96</v>
      </c>
      <c r="HT13" s="88">
        <v>65</v>
      </c>
      <c r="HU13" s="88">
        <v>56</v>
      </c>
      <c r="HV13" s="88">
        <v>45</v>
      </c>
      <c r="HW13" s="88">
        <v>48</v>
      </c>
      <c r="HX13" s="89">
        <v>310</v>
      </c>
      <c r="HY13" s="90">
        <v>501</v>
      </c>
      <c r="HZ13" s="87">
        <v>305</v>
      </c>
      <c r="IA13" s="88">
        <v>182</v>
      </c>
      <c r="IB13" s="89">
        <v>487</v>
      </c>
      <c r="IC13" s="399">
        <v>0</v>
      </c>
      <c r="ID13" s="88">
        <v>282</v>
      </c>
      <c r="IE13" s="88">
        <v>189</v>
      </c>
      <c r="IF13" s="88">
        <v>139</v>
      </c>
      <c r="IG13" s="88">
        <v>118</v>
      </c>
      <c r="IH13" s="88">
        <v>89</v>
      </c>
      <c r="II13" s="89">
        <v>817</v>
      </c>
      <c r="IJ13" s="90">
        <v>1304</v>
      </c>
      <c r="IK13" s="87">
        <v>650</v>
      </c>
      <c r="IL13" s="88">
        <v>372</v>
      </c>
      <c r="IM13" s="89">
        <v>1022</v>
      </c>
      <c r="IN13" s="399">
        <v>0</v>
      </c>
      <c r="IO13" s="88">
        <v>616</v>
      </c>
      <c r="IP13" s="88">
        <v>308</v>
      </c>
      <c r="IQ13" s="88">
        <v>269</v>
      </c>
      <c r="IR13" s="88">
        <v>229</v>
      </c>
      <c r="IS13" s="88">
        <v>164</v>
      </c>
      <c r="IT13" s="89">
        <v>1586</v>
      </c>
      <c r="IU13" s="90">
        <v>2608</v>
      </c>
      <c r="IV13" s="87">
        <v>735</v>
      </c>
      <c r="IW13" s="88">
        <v>435</v>
      </c>
      <c r="IX13" s="89">
        <v>1170</v>
      </c>
      <c r="IY13" s="399">
        <v>0</v>
      </c>
      <c r="IZ13" s="88">
        <v>788</v>
      </c>
      <c r="JA13" s="88">
        <v>447</v>
      </c>
      <c r="JB13" s="88">
        <v>364</v>
      </c>
      <c r="JC13" s="88">
        <v>355</v>
      </c>
      <c r="JD13" s="88">
        <v>230</v>
      </c>
      <c r="JE13" s="89">
        <v>2184</v>
      </c>
      <c r="JF13" s="90">
        <v>3354</v>
      </c>
      <c r="JG13" s="87">
        <v>433</v>
      </c>
      <c r="JH13" s="88">
        <v>360</v>
      </c>
      <c r="JI13" s="89">
        <v>793</v>
      </c>
      <c r="JJ13" s="399">
        <v>0</v>
      </c>
      <c r="JK13" s="88">
        <v>824</v>
      </c>
      <c r="JL13" s="88">
        <v>707</v>
      </c>
      <c r="JM13" s="88">
        <v>616</v>
      </c>
      <c r="JN13" s="88">
        <v>675</v>
      </c>
      <c r="JO13" s="88">
        <v>417</v>
      </c>
      <c r="JP13" s="89">
        <v>3239</v>
      </c>
      <c r="JQ13" s="90">
        <v>4032</v>
      </c>
      <c r="JR13" s="87">
        <v>9</v>
      </c>
      <c r="JS13" s="88">
        <v>30</v>
      </c>
      <c r="JT13" s="89">
        <v>39</v>
      </c>
      <c r="JU13" s="399">
        <v>0</v>
      </c>
      <c r="JV13" s="88">
        <v>40</v>
      </c>
      <c r="JW13" s="88">
        <v>50</v>
      </c>
      <c r="JX13" s="88">
        <v>25</v>
      </c>
      <c r="JY13" s="88">
        <v>26</v>
      </c>
      <c r="JZ13" s="88">
        <v>19</v>
      </c>
      <c r="KA13" s="89">
        <v>160</v>
      </c>
      <c r="KB13" s="90">
        <v>199</v>
      </c>
      <c r="KC13" s="87">
        <v>2293</v>
      </c>
      <c r="KD13" s="88">
        <v>1501</v>
      </c>
      <c r="KE13" s="89">
        <v>3794</v>
      </c>
      <c r="KF13" s="399">
        <v>0</v>
      </c>
      <c r="KG13" s="88">
        <v>2682</v>
      </c>
      <c r="KH13" s="88">
        <v>1808</v>
      </c>
      <c r="KI13" s="88">
        <v>1496</v>
      </c>
      <c r="KJ13" s="88">
        <v>1471</v>
      </c>
      <c r="KK13" s="88">
        <v>992</v>
      </c>
      <c r="KL13" s="89">
        <v>8449</v>
      </c>
      <c r="KM13" s="90">
        <v>12243</v>
      </c>
    </row>
    <row r="14" spans="2:299" s="56" customFormat="1" ht="21" customHeight="1" x14ac:dyDescent="0.2">
      <c r="B14" s="92" t="s">
        <v>10</v>
      </c>
      <c r="C14" s="82">
        <v>1640</v>
      </c>
      <c r="D14" s="83">
        <v>959</v>
      </c>
      <c r="E14" s="84">
        <v>2599</v>
      </c>
      <c r="F14" s="399">
        <v>0</v>
      </c>
      <c r="G14" s="83">
        <v>1788</v>
      </c>
      <c r="H14" s="83">
        <v>1012</v>
      </c>
      <c r="I14" s="83">
        <v>699</v>
      </c>
      <c r="J14" s="83">
        <v>645</v>
      </c>
      <c r="K14" s="83">
        <v>432</v>
      </c>
      <c r="L14" s="85">
        <v>4576</v>
      </c>
      <c r="M14" s="86">
        <v>7175</v>
      </c>
      <c r="N14" s="87">
        <v>68</v>
      </c>
      <c r="O14" s="88">
        <v>44</v>
      </c>
      <c r="P14" s="89">
        <v>112</v>
      </c>
      <c r="Q14" s="399">
        <v>0</v>
      </c>
      <c r="R14" s="88">
        <v>76</v>
      </c>
      <c r="S14" s="88">
        <v>45</v>
      </c>
      <c r="T14" s="88">
        <v>30</v>
      </c>
      <c r="U14" s="88">
        <v>49</v>
      </c>
      <c r="V14" s="88">
        <v>29</v>
      </c>
      <c r="W14" s="89">
        <v>229</v>
      </c>
      <c r="X14" s="90">
        <v>341</v>
      </c>
      <c r="Y14" s="87">
        <v>135</v>
      </c>
      <c r="Z14" s="88">
        <v>84</v>
      </c>
      <c r="AA14" s="89">
        <v>219</v>
      </c>
      <c r="AB14" s="399">
        <v>0</v>
      </c>
      <c r="AC14" s="88">
        <v>146</v>
      </c>
      <c r="AD14" s="88">
        <v>112</v>
      </c>
      <c r="AE14" s="88">
        <v>53</v>
      </c>
      <c r="AF14" s="88">
        <v>62</v>
      </c>
      <c r="AG14" s="88">
        <v>55</v>
      </c>
      <c r="AH14" s="89">
        <v>428</v>
      </c>
      <c r="AI14" s="90">
        <v>647</v>
      </c>
      <c r="AJ14" s="87">
        <v>239</v>
      </c>
      <c r="AK14" s="88">
        <v>166</v>
      </c>
      <c r="AL14" s="89">
        <v>405</v>
      </c>
      <c r="AM14" s="399">
        <v>0</v>
      </c>
      <c r="AN14" s="88">
        <v>275</v>
      </c>
      <c r="AO14" s="88">
        <v>157</v>
      </c>
      <c r="AP14" s="88">
        <v>121</v>
      </c>
      <c r="AQ14" s="88">
        <v>106</v>
      </c>
      <c r="AR14" s="88">
        <v>87</v>
      </c>
      <c r="AS14" s="89">
        <v>746</v>
      </c>
      <c r="AT14" s="90">
        <v>1151</v>
      </c>
      <c r="AU14" s="87">
        <v>401</v>
      </c>
      <c r="AV14" s="88">
        <v>217</v>
      </c>
      <c r="AW14" s="89">
        <v>618</v>
      </c>
      <c r="AX14" s="399">
        <v>0</v>
      </c>
      <c r="AY14" s="88">
        <v>475</v>
      </c>
      <c r="AZ14" s="88">
        <v>227</v>
      </c>
      <c r="BA14" s="88">
        <v>151</v>
      </c>
      <c r="BB14" s="88">
        <v>143</v>
      </c>
      <c r="BC14" s="88">
        <v>100</v>
      </c>
      <c r="BD14" s="89">
        <v>1096</v>
      </c>
      <c r="BE14" s="90">
        <v>1714</v>
      </c>
      <c r="BF14" s="87">
        <v>498</v>
      </c>
      <c r="BG14" s="88">
        <v>253</v>
      </c>
      <c r="BH14" s="89">
        <v>751</v>
      </c>
      <c r="BI14" s="399">
        <v>0</v>
      </c>
      <c r="BJ14" s="88">
        <v>483</v>
      </c>
      <c r="BK14" s="88">
        <v>254</v>
      </c>
      <c r="BL14" s="88">
        <v>181</v>
      </c>
      <c r="BM14" s="88">
        <v>137</v>
      </c>
      <c r="BN14" s="88">
        <v>85</v>
      </c>
      <c r="BO14" s="89">
        <v>1140</v>
      </c>
      <c r="BP14" s="90">
        <v>1891</v>
      </c>
      <c r="BQ14" s="87">
        <v>299</v>
      </c>
      <c r="BR14" s="88">
        <v>195</v>
      </c>
      <c r="BS14" s="89">
        <v>494</v>
      </c>
      <c r="BT14" s="399">
        <v>0</v>
      </c>
      <c r="BU14" s="88">
        <v>333</v>
      </c>
      <c r="BV14" s="88">
        <v>217</v>
      </c>
      <c r="BW14" s="88">
        <v>163</v>
      </c>
      <c r="BX14" s="88">
        <v>148</v>
      </c>
      <c r="BY14" s="88">
        <v>76</v>
      </c>
      <c r="BZ14" s="89">
        <v>937</v>
      </c>
      <c r="CA14" s="90">
        <v>1431</v>
      </c>
      <c r="CB14" s="87">
        <v>49</v>
      </c>
      <c r="CC14" s="88">
        <v>28</v>
      </c>
      <c r="CD14" s="89">
        <v>77</v>
      </c>
      <c r="CE14" s="399">
        <v>0</v>
      </c>
      <c r="CF14" s="88">
        <v>66</v>
      </c>
      <c r="CG14" s="88">
        <v>47</v>
      </c>
      <c r="CH14" s="88">
        <v>40</v>
      </c>
      <c r="CI14" s="88">
        <v>28</v>
      </c>
      <c r="CJ14" s="88">
        <v>36</v>
      </c>
      <c r="CK14" s="89">
        <v>217</v>
      </c>
      <c r="CL14" s="90">
        <v>294</v>
      </c>
      <c r="CM14" s="87">
        <v>1689</v>
      </c>
      <c r="CN14" s="88">
        <v>987</v>
      </c>
      <c r="CO14" s="89">
        <v>2676</v>
      </c>
      <c r="CP14" s="399">
        <v>0</v>
      </c>
      <c r="CQ14" s="88">
        <v>1854</v>
      </c>
      <c r="CR14" s="88">
        <v>1059</v>
      </c>
      <c r="CS14" s="88">
        <v>739</v>
      </c>
      <c r="CT14" s="88">
        <v>673</v>
      </c>
      <c r="CU14" s="88">
        <v>468</v>
      </c>
      <c r="CV14" s="89">
        <v>4793</v>
      </c>
      <c r="CW14" s="90">
        <v>7469</v>
      </c>
      <c r="CX14" s="91">
        <v>3315</v>
      </c>
      <c r="CY14" s="83">
        <v>2284</v>
      </c>
      <c r="CZ14" s="84">
        <v>5599</v>
      </c>
      <c r="DA14" s="399">
        <v>0</v>
      </c>
      <c r="DB14" s="83">
        <v>3545</v>
      </c>
      <c r="DC14" s="83">
        <v>1778</v>
      </c>
      <c r="DD14" s="83">
        <v>1433</v>
      </c>
      <c r="DE14" s="83">
        <v>1575</v>
      </c>
      <c r="DF14" s="83">
        <v>1152</v>
      </c>
      <c r="DG14" s="85">
        <v>9483</v>
      </c>
      <c r="DH14" s="86">
        <v>15082</v>
      </c>
      <c r="DI14" s="87">
        <v>60</v>
      </c>
      <c r="DJ14" s="88">
        <v>58</v>
      </c>
      <c r="DK14" s="89">
        <v>118</v>
      </c>
      <c r="DL14" s="399">
        <v>0</v>
      </c>
      <c r="DM14" s="88">
        <v>64</v>
      </c>
      <c r="DN14" s="88">
        <v>19</v>
      </c>
      <c r="DO14" s="88">
        <v>20</v>
      </c>
      <c r="DP14" s="88">
        <v>23</v>
      </c>
      <c r="DQ14" s="88">
        <v>20</v>
      </c>
      <c r="DR14" s="89">
        <v>146</v>
      </c>
      <c r="DS14" s="90">
        <v>264</v>
      </c>
      <c r="DT14" s="87">
        <v>175</v>
      </c>
      <c r="DU14" s="88">
        <v>127</v>
      </c>
      <c r="DV14" s="89">
        <v>302</v>
      </c>
      <c r="DW14" s="399">
        <v>0</v>
      </c>
      <c r="DX14" s="88">
        <v>175</v>
      </c>
      <c r="DY14" s="88">
        <v>84</v>
      </c>
      <c r="DZ14" s="88">
        <v>52</v>
      </c>
      <c r="EA14" s="88">
        <v>48</v>
      </c>
      <c r="EB14" s="88">
        <v>49</v>
      </c>
      <c r="EC14" s="89">
        <v>408</v>
      </c>
      <c r="ED14" s="90">
        <v>710</v>
      </c>
      <c r="EE14" s="87">
        <v>492</v>
      </c>
      <c r="EF14" s="88">
        <v>270</v>
      </c>
      <c r="EG14" s="89">
        <v>762</v>
      </c>
      <c r="EH14" s="399">
        <v>0</v>
      </c>
      <c r="EI14" s="88">
        <v>393</v>
      </c>
      <c r="EJ14" s="88">
        <v>204</v>
      </c>
      <c r="EK14" s="88">
        <v>100</v>
      </c>
      <c r="EL14" s="88">
        <v>129</v>
      </c>
      <c r="EM14" s="88">
        <v>106</v>
      </c>
      <c r="EN14" s="89">
        <v>932</v>
      </c>
      <c r="EO14" s="90">
        <v>1694</v>
      </c>
      <c r="EP14" s="87">
        <v>989</v>
      </c>
      <c r="EQ14" s="88">
        <v>620</v>
      </c>
      <c r="ER14" s="89">
        <v>1609</v>
      </c>
      <c r="ES14" s="399">
        <v>0</v>
      </c>
      <c r="ET14" s="88">
        <v>824</v>
      </c>
      <c r="EU14" s="88">
        <v>355</v>
      </c>
      <c r="EV14" s="88">
        <v>270</v>
      </c>
      <c r="EW14" s="88">
        <v>234</v>
      </c>
      <c r="EX14" s="88">
        <v>226</v>
      </c>
      <c r="EY14" s="89">
        <v>1909</v>
      </c>
      <c r="EZ14" s="90">
        <v>3518</v>
      </c>
      <c r="FA14" s="87">
        <v>1035</v>
      </c>
      <c r="FB14" s="88">
        <v>682</v>
      </c>
      <c r="FC14" s="89">
        <v>1717</v>
      </c>
      <c r="FD14" s="399">
        <v>0</v>
      </c>
      <c r="FE14" s="88">
        <v>1018</v>
      </c>
      <c r="FF14" s="88">
        <v>489</v>
      </c>
      <c r="FG14" s="88">
        <v>382</v>
      </c>
      <c r="FH14" s="88">
        <v>374</v>
      </c>
      <c r="FI14" s="88">
        <v>286</v>
      </c>
      <c r="FJ14" s="89">
        <v>2549</v>
      </c>
      <c r="FK14" s="90">
        <v>4266</v>
      </c>
      <c r="FL14" s="87">
        <v>564</v>
      </c>
      <c r="FM14" s="88">
        <v>527</v>
      </c>
      <c r="FN14" s="89">
        <v>1091</v>
      </c>
      <c r="FO14" s="399">
        <v>0</v>
      </c>
      <c r="FP14" s="88">
        <v>1071</v>
      </c>
      <c r="FQ14" s="88">
        <v>627</v>
      </c>
      <c r="FR14" s="88">
        <v>609</v>
      </c>
      <c r="FS14" s="88">
        <v>767</v>
      </c>
      <c r="FT14" s="88">
        <v>465</v>
      </c>
      <c r="FU14" s="89">
        <v>3539</v>
      </c>
      <c r="FV14" s="90">
        <v>4630</v>
      </c>
      <c r="FW14" s="87">
        <v>29</v>
      </c>
      <c r="FX14" s="88">
        <v>43</v>
      </c>
      <c r="FY14" s="89">
        <v>72</v>
      </c>
      <c r="FZ14" s="399">
        <v>0</v>
      </c>
      <c r="GA14" s="88">
        <v>59</v>
      </c>
      <c r="GB14" s="88">
        <v>46</v>
      </c>
      <c r="GC14" s="88">
        <v>30</v>
      </c>
      <c r="GD14" s="88">
        <v>20</v>
      </c>
      <c r="GE14" s="88">
        <v>23</v>
      </c>
      <c r="GF14" s="89">
        <v>178</v>
      </c>
      <c r="GG14" s="90">
        <v>250</v>
      </c>
      <c r="GH14" s="87">
        <v>3344</v>
      </c>
      <c r="GI14" s="88">
        <v>2327</v>
      </c>
      <c r="GJ14" s="89">
        <v>5671</v>
      </c>
      <c r="GK14" s="399">
        <v>0</v>
      </c>
      <c r="GL14" s="88">
        <v>3604</v>
      </c>
      <c r="GM14" s="88">
        <v>1824</v>
      </c>
      <c r="GN14" s="88">
        <v>1463</v>
      </c>
      <c r="GO14" s="88">
        <v>1595</v>
      </c>
      <c r="GP14" s="88">
        <v>1175</v>
      </c>
      <c r="GQ14" s="89">
        <v>9661</v>
      </c>
      <c r="GR14" s="90">
        <v>15332</v>
      </c>
      <c r="GS14" s="91">
        <v>4955</v>
      </c>
      <c r="GT14" s="83">
        <v>3243</v>
      </c>
      <c r="GU14" s="84">
        <v>8198</v>
      </c>
      <c r="GV14" s="399">
        <v>0</v>
      </c>
      <c r="GW14" s="83">
        <v>5333</v>
      </c>
      <c r="GX14" s="83">
        <v>2790</v>
      </c>
      <c r="GY14" s="83">
        <v>2132</v>
      </c>
      <c r="GZ14" s="83">
        <v>2220</v>
      </c>
      <c r="HA14" s="83">
        <v>1584</v>
      </c>
      <c r="HB14" s="85">
        <v>14059</v>
      </c>
      <c r="HC14" s="86">
        <v>22257</v>
      </c>
      <c r="HD14" s="87">
        <v>128</v>
      </c>
      <c r="HE14" s="88">
        <v>102</v>
      </c>
      <c r="HF14" s="89">
        <v>230</v>
      </c>
      <c r="HG14" s="402">
        <v>0</v>
      </c>
      <c r="HH14" s="88">
        <v>140</v>
      </c>
      <c r="HI14" s="88">
        <v>64</v>
      </c>
      <c r="HJ14" s="88">
        <v>50</v>
      </c>
      <c r="HK14" s="88">
        <v>72</v>
      </c>
      <c r="HL14" s="88">
        <v>49</v>
      </c>
      <c r="HM14" s="89">
        <v>375</v>
      </c>
      <c r="HN14" s="90">
        <v>605</v>
      </c>
      <c r="HO14" s="87">
        <v>310</v>
      </c>
      <c r="HP14" s="88">
        <v>211</v>
      </c>
      <c r="HQ14" s="89">
        <v>521</v>
      </c>
      <c r="HR14" s="399">
        <v>0</v>
      </c>
      <c r="HS14" s="88">
        <v>321</v>
      </c>
      <c r="HT14" s="88">
        <v>196</v>
      </c>
      <c r="HU14" s="88">
        <v>105</v>
      </c>
      <c r="HV14" s="88">
        <v>110</v>
      </c>
      <c r="HW14" s="88">
        <v>104</v>
      </c>
      <c r="HX14" s="89">
        <v>836</v>
      </c>
      <c r="HY14" s="90">
        <v>1357</v>
      </c>
      <c r="HZ14" s="87">
        <v>731</v>
      </c>
      <c r="IA14" s="88">
        <v>436</v>
      </c>
      <c r="IB14" s="89">
        <v>1167</v>
      </c>
      <c r="IC14" s="399">
        <v>0</v>
      </c>
      <c r="ID14" s="88">
        <v>668</v>
      </c>
      <c r="IE14" s="88">
        <v>361</v>
      </c>
      <c r="IF14" s="88">
        <v>221</v>
      </c>
      <c r="IG14" s="88">
        <v>235</v>
      </c>
      <c r="IH14" s="88">
        <v>193</v>
      </c>
      <c r="II14" s="89">
        <v>1678</v>
      </c>
      <c r="IJ14" s="90">
        <v>2845</v>
      </c>
      <c r="IK14" s="87">
        <v>1390</v>
      </c>
      <c r="IL14" s="88">
        <v>837</v>
      </c>
      <c r="IM14" s="89">
        <v>2227</v>
      </c>
      <c r="IN14" s="399">
        <v>0</v>
      </c>
      <c r="IO14" s="88">
        <v>1299</v>
      </c>
      <c r="IP14" s="88">
        <v>582</v>
      </c>
      <c r="IQ14" s="88">
        <v>421</v>
      </c>
      <c r="IR14" s="88">
        <v>377</v>
      </c>
      <c r="IS14" s="88">
        <v>326</v>
      </c>
      <c r="IT14" s="89">
        <v>3005</v>
      </c>
      <c r="IU14" s="90">
        <v>5232</v>
      </c>
      <c r="IV14" s="87">
        <v>1533</v>
      </c>
      <c r="IW14" s="88">
        <v>935</v>
      </c>
      <c r="IX14" s="89">
        <v>2468</v>
      </c>
      <c r="IY14" s="399">
        <v>0</v>
      </c>
      <c r="IZ14" s="88">
        <v>1501</v>
      </c>
      <c r="JA14" s="88">
        <v>743</v>
      </c>
      <c r="JB14" s="88">
        <v>563</v>
      </c>
      <c r="JC14" s="88">
        <v>511</v>
      </c>
      <c r="JD14" s="88">
        <v>371</v>
      </c>
      <c r="JE14" s="89">
        <v>3689</v>
      </c>
      <c r="JF14" s="90">
        <v>6157</v>
      </c>
      <c r="JG14" s="87">
        <v>863</v>
      </c>
      <c r="JH14" s="88">
        <v>722</v>
      </c>
      <c r="JI14" s="89">
        <v>1585</v>
      </c>
      <c r="JJ14" s="399">
        <v>0</v>
      </c>
      <c r="JK14" s="88">
        <v>1404</v>
      </c>
      <c r="JL14" s="88">
        <v>844</v>
      </c>
      <c r="JM14" s="88">
        <v>772</v>
      </c>
      <c r="JN14" s="88">
        <v>915</v>
      </c>
      <c r="JO14" s="88">
        <v>541</v>
      </c>
      <c r="JP14" s="89">
        <v>4476</v>
      </c>
      <c r="JQ14" s="90">
        <v>6061</v>
      </c>
      <c r="JR14" s="87">
        <v>78</v>
      </c>
      <c r="JS14" s="88">
        <v>71</v>
      </c>
      <c r="JT14" s="89">
        <v>149</v>
      </c>
      <c r="JU14" s="399">
        <v>0</v>
      </c>
      <c r="JV14" s="88">
        <v>125</v>
      </c>
      <c r="JW14" s="88">
        <v>93</v>
      </c>
      <c r="JX14" s="88">
        <v>70</v>
      </c>
      <c r="JY14" s="88">
        <v>48</v>
      </c>
      <c r="JZ14" s="88">
        <v>59</v>
      </c>
      <c r="KA14" s="89">
        <v>395</v>
      </c>
      <c r="KB14" s="90">
        <v>544</v>
      </c>
      <c r="KC14" s="87">
        <v>5033</v>
      </c>
      <c r="KD14" s="88">
        <v>3314</v>
      </c>
      <c r="KE14" s="89">
        <v>8347</v>
      </c>
      <c r="KF14" s="399">
        <v>0</v>
      </c>
      <c r="KG14" s="88">
        <v>5458</v>
      </c>
      <c r="KH14" s="88">
        <v>2883</v>
      </c>
      <c r="KI14" s="88">
        <v>2202</v>
      </c>
      <c r="KJ14" s="88">
        <v>2268</v>
      </c>
      <c r="KK14" s="88">
        <v>1643</v>
      </c>
      <c r="KL14" s="89">
        <v>14454</v>
      </c>
      <c r="KM14" s="90">
        <v>22801</v>
      </c>
    </row>
    <row r="15" spans="2:299" s="56" customFormat="1" ht="21" customHeight="1" x14ac:dyDescent="0.2">
      <c r="B15" s="92" t="s">
        <v>11</v>
      </c>
      <c r="C15" s="82">
        <v>467</v>
      </c>
      <c r="D15" s="83">
        <v>388</v>
      </c>
      <c r="E15" s="84">
        <v>855</v>
      </c>
      <c r="F15" s="399">
        <v>0</v>
      </c>
      <c r="G15" s="83">
        <v>852</v>
      </c>
      <c r="H15" s="83">
        <v>625</v>
      </c>
      <c r="I15" s="83">
        <v>489</v>
      </c>
      <c r="J15" s="83">
        <v>433</v>
      </c>
      <c r="K15" s="83">
        <v>246</v>
      </c>
      <c r="L15" s="85">
        <v>2645</v>
      </c>
      <c r="M15" s="86">
        <v>3500</v>
      </c>
      <c r="N15" s="87">
        <v>19</v>
      </c>
      <c r="O15" s="88">
        <v>16</v>
      </c>
      <c r="P15" s="89">
        <v>35</v>
      </c>
      <c r="Q15" s="399">
        <v>0</v>
      </c>
      <c r="R15" s="88">
        <v>45</v>
      </c>
      <c r="S15" s="88">
        <v>24</v>
      </c>
      <c r="T15" s="88">
        <v>20</v>
      </c>
      <c r="U15" s="88">
        <v>17</v>
      </c>
      <c r="V15" s="88">
        <v>13</v>
      </c>
      <c r="W15" s="89">
        <v>119</v>
      </c>
      <c r="X15" s="90">
        <v>154</v>
      </c>
      <c r="Y15" s="87">
        <v>34</v>
      </c>
      <c r="Z15" s="88">
        <v>45</v>
      </c>
      <c r="AA15" s="89">
        <v>79</v>
      </c>
      <c r="AB15" s="399">
        <v>0</v>
      </c>
      <c r="AC15" s="88">
        <v>88</v>
      </c>
      <c r="AD15" s="88">
        <v>55</v>
      </c>
      <c r="AE15" s="88">
        <v>44</v>
      </c>
      <c r="AF15" s="88">
        <v>45</v>
      </c>
      <c r="AG15" s="88">
        <v>33</v>
      </c>
      <c r="AH15" s="89">
        <v>265</v>
      </c>
      <c r="AI15" s="90">
        <v>344</v>
      </c>
      <c r="AJ15" s="87">
        <v>69</v>
      </c>
      <c r="AK15" s="88">
        <v>57</v>
      </c>
      <c r="AL15" s="89">
        <v>126</v>
      </c>
      <c r="AM15" s="399">
        <v>0</v>
      </c>
      <c r="AN15" s="88">
        <v>140</v>
      </c>
      <c r="AO15" s="88">
        <v>120</v>
      </c>
      <c r="AP15" s="88">
        <v>83</v>
      </c>
      <c r="AQ15" s="88">
        <v>77</v>
      </c>
      <c r="AR15" s="88">
        <v>38</v>
      </c>
      <c r="AS15" s="89">
        <v>458</v>
      </c>
      <c r="AT15" s="90">
        <v>584</v>
      </c>
      <c r="AU15" s="87">
        <v>118</v>
      </c>
      <c r="AV15" s="88">
        <v>100</v>
      </c>
      <c r="AW15" s="89">
        <v>218</v>
      </c>
      <c r="AX15" s="399">
        <v>0</v>
      </c>
      <c r="AY15" s="88">
        <v>214</v>
      </c>
      <c r="AZ15" s="88">
        <v>136</v>
      </c>
      <c r="BA15" s="88">
        <v>130</v>
      </c>
      <c r="BB15" s="88">
        <v>97</v>
      </c>
      <c r="BC15" s="88">
        <v>72</v>
      </c>
      <c r="BD15" s="89">
        <v>649</v>
      </c>
      <c r="BE15" s="90">
        <v>867</v>
      </c>
      <c r="BF15" s="87">
        <v>134</v>
      </c>
      <c r="BG15" s="88">
        <v>94</v>
      </c>
      <c r="BH15" s="89">
        <v>228</v>
      </c>
      <c r="BI15" s="399">
        <v>0</v>
      </c>
      <c r="BJ15" s="88">
        <v>194</v>
      </c>
      <c r="BK15" s="88">
        <v>162</v>
      </c>
      <c r="BL15" s="88">
        <v>117</v>
      </c>
      <c r="BM15" s="88">
        <v>101</v>
      </c>
      <c r="BN15" s="88">
        <v>52</v>
      </c>
      <c r="BO15" s="89">
        <v>626</v>
      </c>
      <c r="BP15" s="90">
        <v>854</v>
      </c>
      <c r="BQ15" s="87">
        <v>93</v>
      </c>
      <c r="BR15" s="88">
        <v>76</v>
      </c>
      <c r="BS15" s="89">
        <v>169</v>
      </c>
      <c r="BT15" s="399">
        <v>0</v>
      </c>
      <c r="BU15" s="88">
        <v>171</v>
      </c>
      <c r="BV15" s="88">
        <v>128</v>
      </c>
      <c r="BW15" s="88">
        <v>95</v>
      </c>
      <c r="BX15" s="88">
        <v>96</v>
      </c>
      <c r="BY15" s="88">
        <v>38</v>
      </c>
      <c r="BZ15" s="89">
        <v>528</v>
      </c>
      <c r="CA15" s="90">
        <v>697</v>
      </c>
      <c r="CB15" s="87">
        <v>5</v>
      </c>
      <c r="CC15" s="88">
        <v>13</v>
      </c>
      <c r="CD15" s="89">
        <v>18</v>
      </c>
      <c r="CE15" s="399">
        <v>0</v>
      </c>
      <c r="CF15" s="88">
        <v>25</v>
      </c>
      <c r="CG15" s="88">
        <v>16</v>
      </c>
      <c r="CH15" s="88">
        <v>16</v>
      </c>
      <c r="CI15" s="88">
        <v>22</v>
      </c>
      <c r="CJ15" s="88">
        <v>14</v>
      </c>
      <c r="CK15" s="89">
        <v>93</v>
      </c>
      <c r="CL15" s="90">
        <v>111</v>
      </c>
      <c r="CM15" s="87">
        <v>472</v>
      </c>
      <c r="CN15" s="88">
        <v>401</v>
      </c>
      <c r="CO15" s="89">
        <v>873</v>
      </c>
      <c r="CP15" s="399">
        <v>0</v>
      </c>
      <c r="CQ15" s="88">
        <v>877</v>
      </c>
      <c r="CR15" s="88">
        <v>641</v>
      </c>
      <c r="CS15" s="88">
        <v>505</v>
      </c>
      <c r="CT15" s="88">
        <v>455</v>
      </c>
      <c r="CU15" s="88">
        <v>260</v>
      </c>
      <c r="CV15" s="89">
        <v>2738</v>
      </c>
      <c r="CW15" s="90">
        <v>3611</v>
      </c>
      <c r="CX15" s="91">
        <v>971</v>
      </c>
      <c r="CY15" s="83">
        <v>866</v>
      </c>
      <c r="CZ15" s="84">
        <v>1837</v>
      </c>
      <c r="DA15" s="399">
        <v>0</v>
      </c>
      <c r="DB15" s="83">
        <v>1658</v>
      </c>
      <c r="DC15" s="83">
        <v>1124</v>
      </c>
      <c r="DD15" s="83">
        <v>949</v>
      </c>
      <c r="DE15" s="83">
        <v>976</v>
      </c>
      <c r="DF15" s="83">
        <v>628</v>
      </c>
      <c r="DG15" s="85">
        <v>5335</v>
      </c>
      <c r="DH15" s="86">
        <v>7172</v>
      </c>
      <c r="DI15" s="87">
        <v>26</v>
      </c>
      <c r="DJ15" s="88">
        <v>20</v>
      </c>
      <c r="DK15" s="89">
        <v>46</v>
      </c>
      <c r="DL15" s="399">
        <v>0</v>
      </c>
      <c r="DM15" s="88">
        <v>43</v>
      </c>
      <c r="DN15" s="88">
        <v>12</v>
      </c>
      <c r="DO15" s="88">
        <v>19</v>
      </c>
      <c r="DP15" s="88">
        <v>13</v>
      </c>
      <c r="DQ15" s="88">
        <v>18</v>
      </c>
      <c r="DR15" s="89">
        <v>105</v>
      </c>
      <c r="DS15" s="90">
        <v>151</v>
      </c>
      <c r="DT15" s="87">
        <v>45</v>
      </c>
      <c r="DU15" s="88">
        <v>56</v>
      </c>
      <c r="DV15" s="89">
        <v>101</v>
      </c>
      <c r="DW15" s="399">
        <v>0</v>
      </c>
      <c r="DX15" s="88">
        <v>69</v>
      </c>
      <c r="DY15" s="88">
        <v>53</v>
      </c>
      <c r="DZ15" s="88">
        <v>48</v>
      </c>
      <c r="EA15" s="88">
        <v>37</v>
      </c>
      <c r="EB15" s="88">
        <v>20</v>
      </c>
      <c r="EC15" s="89">
        <v>227</v>
      </c>
      <c r="ED15" s="90">
        <v>328</v>
      </c>
      <c r="EE15" s="87">
        <v>131</v>
      </c>
      <c r="EF15" s="88">
        <v>121</v>
      </c>
      <c r="EG15" s="89">
        <v>252</v>
      </c>
      <c r="EH15" s="399">
        <v>0</v>
      </c>
      <c r="EI15" s="88">
        <v>187</v>
      </c>
      <c r="EJ15" s="88">
        <v>95</v>
      </c>
      <c r="EK15" s="88">
        <v>78</v>
      </c>
      <c r="EL15" s="88">
        <v>81</v>
      </c>
      <c r="EM15" s="88">
        <v>66</v>
      </c>
      <c r="EN15" s="89">
        <v>507</v>
      </c>
      <c r="EO15" s="90">
        <v>759</v>
      </c>
      <c r="EP15" s="87">
        <v>275</v>
      </c>
      <c r="EQ15" s="88">
        <v>228</v>
      </c>
      <c r="ER15" s="89">
        <v>503</v>
      </c>
      <c r="ES15" s="399">
        <v>0</v>
      </c>
      <c r="ET15" s="88">
        <v>380</v>
      </c>
      <c r="EU15" s="88">
        <v>261</v>
      </c>
      <c r="EV15" s="88">
        <v>162</v>
      </c>
      <c r="EW15" s="88">
        <v>161</v>
      </c>
      <c r="EX15" s="88">
        <v>115</v>
      </c>
      <c r="EY15" s="89">
        <v>1079</v>
      </c>
      <c r="EZ15" s="90">
        <v>1582</v>
      </c>
      <c r="FA15" s="87">
        <v>316</v>
      </c>
      <c r="FB15" s="88">
        <v>246</v>
      </c>
      <c r="FC15" s="89">
        <v>562</v>
      </c>
      <c r="FD15" s="399">
        <v>0</v>
      </c>
      <c r="FE15" s="88">
        <v>492</v>
      </c>
      <c r="FF15" s="88">
        <v>318</v>
      </c>
      <c r="FG15" s="88">
        <v>238</v>
      </c>
      <c r="FH15" s="88">
        <v>213</v>
      </c>
      <c r="FI15" s="88">
        <v>155</v>
      </c>
      <c r="FJ15" s="89">
        <v>1416</v>
      </c>
      <c r="FK15" s="90">
        <v>1978</v>
      </c>
      <c r="FL15" s="87">
        <v>178</v>
      </c>
      <c r="FM15" s="88">
        <v>195</v>
      </c>
      <c r="FN15" s="89">
        <v>373</v>
      </c>
      <c r="FO15" s="399">
        <v>0</v>
      </c>
      <c r="FP15" s="88">
        <v>487</v>
      </c>
      <c r="FQ15" s="88">
        <v>385</v>
      </c>
      <c r="FR15" s="88">
        <v>404</v>
      </c>
      <c r="FS15" s="88">
        <v>471</v>
      </c>
      <c r="FT15" s="88">
        <v>254</v>
      </c>
      <c r="FU15" s="89">
        <v>2001</v>
      </c>
      <c r="FV15" s="90">
        <v>2374</v>
      </c>
      <c r="FW15" s="87">
        <v>11</v>
      </c>
      <c r="FX15" s="88">
        <v>16</v>
      </c>
      <c r="FY15" s="89">
        <v>27</v>
      </c>
      <c r="FZ15" s="399">
        <v>0</v>
      </c>
      <c r="GA15" s="88">
        <v>23</v>
      </c>
      <c r="GB15" s="88">
        <v>14</v>
      </c>
      <c r="GC15" s="88">
        <v>16</v>
      </c>
      <c r="GD15" s="88">
        <v>13</v>
      </c>
      <c r="GE15" s="88">
        <v>13</v>
      </c>
      <c r="GF15" s="89">
        <v>79</v>
      </c>
      <c r="GG15" s="90">
        <v>106</v>
      </c>
      <c r="GH15" s="87">
        <v>982</v>
      </c>
      <c r="GI15" s="88">
        <v>882</v>
      </c>
      <c r="GJ15" s="89">
        <v>1864</v>
      </c>
      <c r="GK15" s="399">
        <v>0</v>
      </c>
      <c r="GL15" s="88">
        <v>1681</v>
      </c>
      <c r="GM15" s="88">
        <v>1138</v>
      </c>
      <c r="GN15" s="88">
        <v>965</v>
      </c>
      <c r="GO15" s="88">
        <v>989</v>
      </c>
      <c r="GP15" s="88">
        <v>641</v>
      </c>
      <c r="GQ15" s="89">
        <v>5414</v>
      </c>
      <c r="GR15" s="90">
        <v>7278</v>
      </c>
      <c r="GS15" s="91">
        <v>1438</v>
      </c>
      <c r="GT15" s="83">
        <v>1254</v>
      </c>
      <c r="GU15" s="84">
        <v>2692</v>
      </c>
      <c r="GV15" s="399">
        <v>0</v>
      </c>
      <c r="GW15" s="83">
        <v>2510</v>
      </c>
      <c r="GX15" s="83">
        <v>1749</v>
      </c>
      <c r="GY15" s="83">
        <v>1438</v>
      </c>
      <c r="GZ15" s="83">
        <v>1409</v>
      </c>
      <c r="HA15" s="83">
        <v>874</v>
      </c>
      <c r="HB15" s="85">
        <v>7980</v>
      </c>
      <c r="HC15" s="86">
        <v>10672</v>
      </c>
      <c r="HD15" s="87">
        <v>45</v>
      </c>
      <c r="HE15" s="88">
        <v>36</v>
      </c>
      <c r="HF15" s="89">
        <v>81</v>
      </c>
      <c r="HG15" s="402">
        <v>0</v>
      </c>
      <c r="HH15" s="88">
        <v>88</v>
      </c>
      <c r="HI15" s="88">
        <v>36</v>
      </c>
      <c r="HJ15" s="88">
        <v>39</v>
      </c>
      <c r="HK15" s="88">
        <v>30</v>
      </c>
      <c r="HL15" s="88">
        <v>31</v>
      </c>
      <c r="HM15" s="89">
        <v>224</v>
      </c>
      <c r="HN15" s="90">
        <v>305</v>
      </c>
      <c r="HO15" s="87">
        <v>79</v>
      </c>
      <c r="HP15" s="88">
        <v>101</v>
      </c>
      <c r="HQ15" s="89">
        <v>180</v>
      </c>
      <c r="HR15" s="399">
        <v>0</v>
      </c>
      <c r="HS15" s="88">
        <v>157</v>
      </c>
      <c r="HT15" s="88">
        <v>108</v>
      </c>
      <c r="HU15" s="88">
        <v>92</v>
      </c>
      <c r="HV15" s="88">
        <v>82</v>
      </c>
      <c r="HW15" s="88">
        <v>53</v>
      </c>
      <c r="HX15" s="89">
        <v>492</v>
      </c>
      <c r="HY15" s="90">
        <v>672</v>
      </c>
      <c r="HZ15" s="87">
        <v>200</v>
      </c>
      <c r="IA15" s="88">
        <v>178</v>
      </c>
      <c r="IB15" s="89">
        <v>378</v>
      </c>
      <c r="IC15" s="399">
        <v>0</v>
      </c>
      <c r="ID15" s="88">
        <v>327</v>
      </c>
      <c r="IE15" s="88">
        <v>215</v>
      </c>
      <c r="IF15" s="88">
        <v>161</v>
      </c>
      <c r="IG15" s="88">
        <v>158</v>
      </c>
      <c r="IH15" s="88">
        <v>104</v>
      </c>
      <c r="II15" s="89">
        <v>965</v>
      </c>
      <c r="IJ15" s="90">
        <v>1343</v>
      </c>
      <c r="IK15" s="87">
        <v>393</v>
      </c>
      <c r="IL15" s="88">
        <v>328</v>
      </c>
      <c r="IM15" s="89">
        <v>721</v>
      </c>
      <c r="IN15" s="399">
        <v>0</v>
      </c>
      <c r="IO15" s="88">
        <v>594</v>
      </c>
      <c r="IP15" s="88">
        <v>397</v>
      </c>
      <c r="IQ15" s="88">
        <v>292</v>
      </c>
      <c r="IR15" s="88">
        <v>258</v>
      </c>
      <c r="IS15" s="88">
        <v>187</v>
      </c>
      <c r="IT15" s="89">
        <v>1728</v>
      </c>
      <c r="IU15" s="90">
        <v>2449</v>
      </c>
      <c r="IV15" s="87">
        <v>450</v>
      </c>
      <c r="IW15" s="88">
        <v>340</v>
      </c>
      <c r="IX15" s="89">
        <v>790</v>
      </c>
      <c r="IY15" s="399">
        <v>0</v>
      </c>
      <c r="IZ15" s="88">
        <v>686</v>
      </c>
      <c r="JA15" s="88">
        <v>480</v>
      </c>
      <c r="JB15" s="88">
        <v>355</v>
      </c>
      <c r="JC15" s="88">
        <v>314</v>
      </c>
      <c r="JD15" s="88">
        <v>207</v>
      </c>
      <c r="JE15" s="89">
        <v>2042</v>
      </c>
      <c r="JF15" s="90">
        <v>2832</v>
      </c>
      <c r="JG15" s="87">
        <v>271</v>
      </c>
      <c r="JH15" s="88">
        <v>271</v>
      </c>
      <c r="JI15" s="89">
        <v>542</v>
      </c>
      <c r="JJ15" s="399">
        <v>0</v>
      </c>
      <c r="JK15" s="88">
        <v>658</v>
      </c>
      <c r="JL15" s="88">
        <v>513</v>
      </c>
      <c r="JM15" s="88">
        <v>499</v>
      </c>
      <c r="JN15" s="88">
        <v>567</v>
      </c>
      <c r="JO15" s="88">
        <v>292</v>
      </c>
      <c r="JP15" s="89">
        <v>2529</v>
      </c>
      <c r="JQ15" s="90">
        <v>3071</v>
      </c>
      <c r="JR15" s="87">
        <v>16</v>
      </c>
      <c r="JS15" s="88">
        <v>29</v>
      </c>
      <c r="JT15" s="89">
        <v>45</v>
      </c>
      <c r="JU15" s="399">
        <v>0</v>
      </c>
      <c r="JV15" s="88">
        <v>48</v>
      </c>
      <c r="JW15" s="88">
        <v>30</v>
      </c>
      <c r="JX15" s="88">
        <v>32</v>
      </c>
      <c r="JY15" s="88">
        <v>35</v>
      </c>
      <c r="JZ15" s="88">
        <v>27</v>
      </c>
      <c r="KA15" s="89">
        <v>172</v>
      </c>
      <c r="KB15" s="90">
        <v>217</v>
      </c>
      <c r="KC15" s="87">
        <v>1454</v>
      </c>
      <c r="KD15" s="88">
        <v>1283</v>
      </c>
      <c r="KE15" s="89">
        <v>2737</v>
      </c>
      <c r="KF15" s="399">
        <v>0</v>
      </c>
      <c r="KG15" s="88">
        <v>2558</v>
      </c>
      <c r="KH15" s="88">
        <v>1779</v>
      </c>
      <c r="KI15" s="88">
        <v>1470</v>
      </c>
      <c r="KJ15" s="88">
        <v>1444</v>
      </c>
      <c r="KK15" s="88">
        <v>901</v>
      </c>
      <c r="KL15" s="89">
        <v>8152</v>
      </c>
      <c r="KM15" s="90">
        <v>10889</v>
      </c>
    </row>
    <row r="16" spans="2:299" s="56" customFormat="1" ht="21" customHeight="1" x14ac:dyDescent="0.2">
      <c r="B16" s="92" t="s">
        <v>12</v>
      </c>
      <c r="C16" s="82">
        <v>749</v>
      </c>
      <c r="D16" s="83">
        <v>730</v>
      </c>
      <c r="E16" s="84">
        <v>1479</v>
      </c>
      <c r="F16" s="399">
        <v>0</v>
      </c>
      <c r="G16" s="83">
        <v>753</v>
      </c>
      <c r="H16" s="83">
        <v>728</v>
      </c>
      <c r="I16" s="83">
        <v>452</v>
      </c>
      <c r="J16" s="83">
        <v>474</v>
      </c>
      <c r="K16" s="83">
        <v>203</v>
      </c>
      <c r="L16" s="85">
        <v>2610</v>
      </c>
      <c r="M16" s="86">
        <v>4089</v>
      </c>
      <c r="N16" s="93">
        <v>26</v>
      </c>
      <c r="O16" s="88">
        <v>23</v>
      </c>
      <c r="P16" s="89">
        <v>49</v>
      </c>
      <c r="Q16" s="399">
        <v>0</v>
      </c>
      <c r="R16" s="88">
        <v>18</v>
      </c>
      <c r="S16" s="88">
        <v>36</v>
      </c>
      <c r="T16" s="88">
        <v>14</v>
      </c>
      <c r="U16" s="88">
        <v>19</v>
      </c>
      <c r="V16" s="88">
        <v>7</v>
      </c>
      <c r="W16" s="89">
        <v>94</v>
      </c>
      <c r="X16" s="90">
        <v>143</v>
      </c>
      <c r="Y16" s="87">
        <v>51</v>
      </c>
      <c r="Z16" s="88">
        <v>64</v>
      </c>
      <c r="AA16" s="89">
        <v>115</v>
      </c>
      <c r="AB16" s="399">
        <v>0</v>
      </c>
      <c r="AC16" s="88">
        <v>44</v>
      </c>
      <c r="AD16" s="88">
        <v>49</v>
      </c>
      <c r="AE16" s="88">
        <v>43</v>
      </c>
      <c r="AF16" s="88">
        <v>46</v>
      </c>
      <c r="AG16" s="88">
        <v>17</v>
      </c>
      <c r="AH16" s="89">
        <v>199</v>
      </c>
      <c r="AI16" s="90">
        <v>314</v>
      </c>
      <c r="AJ16" s="93">
        <v>113</v>
      </c>
      <c r="AK16" s="88">
        <v>110</v>
      </c>
      <c r="AL16" s="89">
        <v>223</v>
      </c>
      <c r="AM16" s="399">
        <v>0</v>
      </c>
      <c r="AN16" s="88">
        <v>110</v>
      </c>
      <c r="AO16" s="88">
        <v>107</v>
      </c>
      <c r="AP16" s="88">
        <v>66</v>
      </c>
      <c r="AQ16" s="88">
        <v>72</v>
      </c>
      <c r="AR16" s="88">
        <v>38</v>
      </c>
      <c r="AS16" s="89">
        <v>393</v>
      </c>
      <c r="AT16" s="90">
        <v>616</v>
      </c>
      <c r="AU16" s="87">
        <v>187</v>
      </c>
      <c r="AV16" s="88">
        <v>196</v>
      </c>
      <c r="AW16" s="89">
        <v>383</v>
      </c>
      <c r="AX16" s="399">
        <v>0</v>
      </c>
      <c r="AY16" s="88">
        <v>177</v>
      </c>
      <c r="AZ16" s="88">
        <v>185</v>
      </c>
      <c r="BA16" s="88">
        <v>97</v>
      </c>
      <c r="BB16" s="88">
        <v>99</v>
      </c>
      <c r="BC16" s="88">
        <v>47</v>
      </c>
      <c r="BD16" s="89">
        <v>605</v>
      </c>
      <c r="BE16" s="90">
        <v>988</v>
      </c>
      <c r="BF16" s="93">
        <v>228</v>
      </c>
      <c r="BG16" s="88">
        <v>189</v>
      </c>
      <c r="BH16" s="89">
        <v>417</v>
      </c>
      <c r="BI16" s="399">
        <v>0</v>
      </c>
      <c r="BJ16" s="88">
        <v>232</v>
      </c>
      <c r="BK16" s="88">
        <v>191</v>
      </c>
      <c r="BL16" s="88">
        <v>133</v>
      </c>
      <c r="BM16" s="88">
        <v>124</v>
      </c>
      <c r="BN16" s="88">
        <v>56</v>
      </c>
      <c r="BO16" s="89">
        <v>736</v>
      </c>
      <c r="BP16" s="90">
        <v>1153</v>
      </c>
      <c r="BQ16" s="87">
        <v>144</v>
      </c>
      <c r="BR16" s="88">
        <v>148</v>
      </c>
      <c r="BS16" s="89">
        <v>292</v>
      </c>
      <c r="BT16" s="399">
        <v>0</v>
      </c>
      <c r="BU16" s="88">
        <v>172</v>
      </c>
      <c r="BV16" s="88">
        <v>160</v>
      </c>
      <c r="BW16" s="88">
        <v>99</v>
      </c>
      <c r="BX16" s="88">
        <v>114</v>
      </c>
      <c r="BY16" s="88">
        <v>38</v>
      </c>
      <c r="BZ16" s="89">
        <v>583</v>
      </c>
      <c r="CA16" s="90">
        <v>875</v>
      </c>
      <c r="CB16" s="87">
        <v>14</v>
      </c>
      <c r="CC16" s="88">
        <v>38</v>
      </c>
      <c r="CD16" s="89">
        <v>52</v>
      </c>
      <c r="CE16" s="399">
        <v>0</v>
      </c>
      <c r="CF16" s="88">
        <v>8</v>
      </c>
      <c r="CG16" s="88">
        <v>28</v>
      </c>
      <c r="CH16" s="88">
        <v>21</v>
      </c>
      <c r="CI16" s="88">
        <v>18</v>
      </c>
      <c r="CJ16" s="88">
        <v>18</v>
      </c>
      <c r="CK16" s="89">
        <v>93</v>
      </c>
      <c r="CL16" s="90">
        <v>145</v>
      </c>
      <c r="CM16" s="87">
        <v>763</v>
      </c>
      <c r="CN16" s="88">
        <v>768</v>
      </c>
      <c r="CO16" s="89">
        <v>1531</v>
      </c>
      <c r="CP16" s="399">
        <v>0</v>
      </c>
      <c r="CQ16" s="88">
        <v>761</v>
      </c>
      <c r="CR16" s="88">
        <v>756</v>
      </c>
      <c r="CS16" s="88">
        <v>473</v>
      </c>
      <c r="CT16" s="88">
        <v>492</v>
      </c>
      <c r="CU16" s="88">
        <v>221</v>
      </c>
      <c r="CV16" s="89">
        <v>2703</v>
      </c>
      <c r="CW16" s="90">
        <v>4234</v>
      </c>
      <c r="CX16" s="91">
        <v>1486</v>
      </c>
      <c r="CY16" s="83">
        <v>1573</v>
      </c>
      <c r="CZ16" s="84">
        <v>3059</v>
      </c>
      <c r="DA16" s="399">
        <v>0</v>
      </c>
      <c r="DB16" s="83">
        <v>1560</v>
      </c>
      <c r="DC16" s="83">
        <v>1179</v>
      </c>
      <c r="DD16" s="83">
        <v>995</v>
      </c>
      <c r="DE16" s="83">
        <v>1081</v>
      </c>
      <c r="DF16" s="83">
        <v>651</v>
      </c>
      <c r="DG16" s="85">
        <v>5466</v>
      </c>
      <c r="DH16" s="86">
        <v>8525</v>
      </c>
      <c r="DI16" s="93">
        <v>25</v>
      </c>
      <c r="DJ16" s="88">
        <v>32</v>
      </c>
      <c r="DK16" s="89">
        <v>57</v>
      </c>
      <c r="DL16" s="399">
        <v>0</v>
      </c>
      <c r="DM16" s="88">
        <v>23</v>
      </c>
      <c r="DN16" s="88">
        <v>17</v>
      </c>
      <c r="DO16" s="88">
        <v>22</v>
      </c>
      <c r="DP16" s="88">
        <v>13</v>
      </c>
      <c r="DQ16" s="88">
        <v>11</v>
      </c>
      <c r="DR16" s="89">
        <v>86</v>
      </c>
      <c r="DS16" s="90">
        <v>143</v>
      </c>
      <c r="DT16" s="87">
        <v>82</v>
      </c>
      <c r="DU16" s="88">
        <v>90</v>
      </c>
      <c r="DV16" s="89">
        <v>172</v>
      </c>
      <c r="DW16" s="399">
        <v>0</v>
      </c>
      <c r="DX16" s="88">
        <v>39</v>
      </c>
      <c r="DY16" s="88">
        <v>47</v>
      </c>
      <c r="DZ16" s="88">
        <v>36</v>
      </c>
      <c r="EA16" s="88">
        <v>33</v>
      </c>
      <c r="EB16" s="88">
        <v>32</v>
      </c>
      <c r="EC16" s="89">
        <v>187</v>
      </c>
      <c r="ED16" s="90">
        <v>359</v>
      </c>
      <c r="EE16" s="93">
        <v>220</v>
      </c>
      <c r="EF16" s="88">
        <v>246</v>
      </c>
      <c r="EG16" s="89">
        <v>466</v>
      </c>
      <c r="EH16" s="399">
        <v>0</v>
      </c>
      <c r="EI16" s="88">
        <v>154</v>
      </c>
      <c r="EJ16" s="88">
        <v>102</v>
      </c>
      <c r="EK16" s="88">
        <v>89</v>
      </c>
      <c r="EL16" s="88">
        <v>103</v>
      </c>
      <c r="EM16" s="88">
        <v>64</v>
      </c>
      <c r="EN16" s="89">
        <v>512</v>
      </c>
      <c r="EO16" s="90">
        <v>978</v>
      </c>
      <c r="EP16" s="87">
        <v>443</v>
      </c>
      <c r="EQ16" s="88">
        <v>406</v>
      </c>
      <c r="ER16" s="89">
        <v>849</v>
      </c>
      <c r="ES16" s="399">
        <v>0</v>
      </c>
      <c r="ET16" s="88">
        <v>372</v>
      </c>
      <c r="EU16" s="88">
        <v>236</v>
      </c>
      <c r="EV16" s="88">
        <v>165</v>
      </c>
      <c r="EW16" s="88">
        <v>170</v>
      </c>
      <c r="EX16" s="88">
        <v>108</v>
      </c>
      <c r="EY16" s="89">
        <v>1051</v>
      </c>
      <c r="EZ16" s="90">
        <v>1900</v>
      </c>
      <c r="FA16" s="93">
        <v>460</v>
      </c>
      <c r="FB16" s="88">
        <v>452</v>
      </c>
      <c r="FC16" s="89">
        <v>912</v>
      </c>
      <c r="FD16" s="399">
        <v>0</v>
      </c>
      <c r="FE16" s="88">
        <v>507</v>
      </c>
      <c r="FF16" s="88">
        <v>331</v>
      </c>
      <c r="FG16" s="88">
        <v>265</v>
      </c>
      <c r="FH16" s="88">
        <v>269</v>
      </c>
      <c r="FI16" s="88">
        <v>173</v>
      </c>
      <c r="FJ16" s="89">
        <v>1545</v>
      </c>
      <c r="FK16" s="90">
        <v>2457</v>
      </c>
      <c r="FL16" s="87">
        <v>256</v>
      </c>
      <c r="FM16" s="88">
        <v>347</v>
      </c>
      <c r="FN16" s="89">
        <v>603</v>
      </c>
      <c r="FO16" s="399">
        <v>0</v>
      </c>
      <c r="FP16" s="88">
        <v>465</v>
      </c>
      <c r="FQ16" s="88">
        <v>446</v>
      </c>
      <c r="FR16" s="88">
        <v>418</v>
      </c>
      <c r="FS16" s="88">
        <v>493</v>
      </c>
      <c r="FT16" s="88">
        <v>263</v>
      </c>
      <c r="FU16" s="89">
        <v>2085</v>
      </c>
      <c r="FV16" s="90">
        <v>2688</v>
      </c>
      <c r="FW16" s="87">
        <v>14</v>
      </c>
      <c r="FX16" s="88">
        <v>22</v>
      </c>
      <c r="FY16" s="89">
        <v>36</v>
      </c>
      <c r="FZ16" s="399">
        <v>0</v>
      </c>
      <c r="GA16" s="88">
        <v>12</v>
      </c>
      <c r="GB16" s="88">
        <v>18</v>
      </c>
      <c r="GC16" s="88">
        <v>17</v>
      </c>
      <c r="GD16" s="88">
        <v>12</v>
      </c>
      <c r="GE16" s="88">
        <v>11</v>
      </c>
      <c r="GF16" s="89">
        <v>70</v>
      </c>
      <c r="GG16" s="90">
        <v>106</v>
      </c>
      <c r="GH16" s="87">
        <v>1500</v>
      </c>
      <c r="GI16" s="88">
        <v>1595</v>
      </c>
      <c r="GJ16" s="89">
        <v>3095</v>
      </c>
      <c r="GK16" s="399">
        <v>0</v>
      </c>
      <c r="GL16" s="88">
        <v>1572</v>
      </c>
      <c r="GM16" s="88">
        <v>1197</v>
      </c>
      <c r="GN16" s="88">
        <v>1012</v>
      </c>
      <c r="GO16" s="88">
        <v>1093</v>
      </c>
      <c r="GP16" s="88">
        <v>662</v>
      </c>
      <c r="GQ16" s="89">
        <v>5536</v>
      </c>
      <c r="GR16" s="90">
        <v>8631</v>
      </c>
      <c r="GS16" s="91">
        <v>2235</v>
      </c>
      <c r="GT16" s="83">
        <v>2303</v>
      </c>
      <c r="GU16" s="84">
        <v>4538</v>
      </c>
      <c r="GV16" s="399">
        <v>0</v>
      </c>
      <c r="GW16" s="83">
        <v>2313</v>
      </c>
      <c r="GX16" s="83">
        <v>1907</v>
      </c>
      <c r="GY16" s="83">
        <v>1447</v>
      </c>
      <c r="GZ16" s="83">
        <v>1555</v>
      </c>
      <c r="HA16" s="83">
        <v>854</v>
      </c>
      <c r="HB16" s="85">
        <v>8076</v>
      </c>
      <c r="HC16" s="86">
        <v>12614</v>
      </c>
      <c r="HD16" s="93">
        <v>51</v>
      </c>
      <c r="HE16" s="88">
        <v>55</v>
      </c>
      <c r="HF16" s="89">
        <v>106</v>
      </c>
      <c r="HG16" s="402">
        <v>0</v>
      </c>
      <c r="HH16" s="88">
        <v>41</v>
      </c>
      <c r="HI16" s="88">
        <v>53</v>
      </c>
      <c r="HJ16" s="88">
        <v>36</v>
      </c>
      <c r="HK16" s="88">
        <v>32</v>
      </c>
      <c r="HL16" s="88">
        <v>18</v>
      </c>
      <c r="HM16" s="89">
        <v>180</v>
      </c>
      <c r="HN16" s="90">
        <v>286</v>
      </c>
      <c r="HO16" s="87">
        <v>133</v>
      </c>
      <c r="HP16" s="88">
        <v>154</v>
      </c>
      <c r="HQ16" s="89">
        <v>287</v>
      </c>
      <c r="HR16" s="399">
        <v>0</v>
      </c>
      <c r="HS16" s="88">
        <v>83</v>
      </c>
      <c r="HT16" s="88">
        <v>96</v>
      </c>
      <c r="HU16" s="88">
        <v>79</v>
      </c>
      <c r="HV16" s="88">
        <v>79</v>
      </c>
      <c r="HW16" s="88">
        <v>49</v>
      </c>
      <c r="HX16" s="89">
        <v>386</v>
      </c>
      <c r="HY16" s="90">
        <v>673</v>
      </c>
      <c r="HZ16" s="93">
        <v>333</v>
      </c>
      <c r="IA16" s="88">
        <v>356</v>
      </c>
      <c r="IB16" s="89">
        <v>689</v>
      </c>
      <c r="IC16" s="399">
        <v>0</v>
      </c>
      <c r="ID16" s="88">
        <v>264</v>
      </c>
      <c r="IE16" s="88">
        <v>209</v>
      </c>
      <c r="IF16" s="88">
        <v>155</v>
      </c>
      <c r="IG16" s="88">
        <v>175</v>
      </c>
      <c r="IH16" s="88">
        <v>102</v>
      </c>
      <c r="II16" s="89">
        <v>905</v>
      </c>
      <c r="IJ16" s="90">
        <v>1594</v>
      </c>
      <c r="IK16" s="87">
        <v>630</v>
      </c>
      <c r="IL16" s="88">
        <v>602</v>
      </c>
      <c r="IM16" s="89">
        <v>1232</v>
      </c>
      <c r="IN16" s="399">
        <v>0</v>
      </c>
      <c r="IO16" s="88">
        <v>549</v>
      </c>
      <c r="IP16" s="88">
        <v>421</v>
      </c>
      <c r="IQ16" s="88">
        <v>262</v>
      </c>
      <c r="IR16" s="88">
        <v>269</v>
      </c>
      <c r="IS16" s="88">
        <v>155</v>
      </c>
      <c r="IT16" s="89">
        <v>1656</v>
      </c>
      <c r="IU16" s="90">
        <v>2888</v>
      </c>
      <c r="IV16" s="93">
        <v>688</v>
      </c>
      <c r="IW16" s="88">
        <v>641</v>
      </c>
      <c r="IX16" s="89">
        <v>1329</v>
      </c>
      <c r="IY16" s="399">
        <v>0</v>
      </c>
      <c r="IZ16" s="88">
        <v>739</v>
      </c>
      <c r="JA16" s="88">
        <v>522</v>
      </c>
      <c r="JB16" s="88">
        <v>398</v>
      </c>
      <c r="JC16" s="88">
        <v>393</v>
      </c>
      <c r="JD16" s="88">
        <v>229</v>
      </c>
      <c r="JE16" s="89">
        <v>2281</v>
      </c>
      <c r="JF16" s="90">
        <v>3610</v>
      </c>
      <c r="JG16" s="87">
        <v>400</v>
      </c>
      <c r="JH16" s="88">
        <v>495</v>
      </c>
      <c r="JI16" s="89">
        <v>895</v>
      </c>
      <c r="JJ16" s="399">
        <v>0</v>
      </c>
      <c r="JK16" s="88">
        <v>637</v>
      </c>
      <c r="JL16" s="88">
        <v>606</v>
      </c>
      <c r="JM16" s="88">
        <v>517</v>
      </c>
      <c r="JN16" s="88">
        <v>607</v>
      </c>
      <c r="JO16" s="88">
        <v>301</v>
      </c>
      <c r="JP16" s="89">
        <v>2668</v>
      </c>
      <c r="JQ16" s="90">
        <v>3563</v>
      </c>
      <c r="JR16" s="87">
        <v>28</v>
      </c>
      <c r="JS16" s="88">
        <v>60</v>
      </c>
      <c r="JT16" s="89">
        <v>88</v>
      </c>
      <c r="JU16" s="399">
        <v>0</v>
      </c>
      <c r="JV16" s="88">
        <v>20</v>
      </c>
      <c r="JW16" s="88">
        <v>46</v>
      </c>
      <c r="JX16" s="88">
        <v>38</v>
      </c>
      <c r="JY16" s="88">
        <v>30</v>
      </c>
      <c r="JZ16" s="88">
        <v>29</v>
      </c>
      <c r="KA16" s="89">
        <v>163</v>
      </c>
      <c r="KB16" s="90">
        <v>251</v>
      </c>
      <c r="KC16" s="87">
        <v>2263</v>
      </c>
      <c r="KD16" s="88">
        <v>2363</v>
      </c>
      <c r="KE16" s="89">
        <v>4626</v>
      </c>
      <c r="KF16" s="399">
        <v>0</v>
      </c>
      <c r="KG16" s="88">
        <v>2333</v>
      </c>
      <c r="KH16" s="88">
        <v>1953</v>
      </c>
      <c r="KI16" s="88">
        <v>1485</v>
      </c>
      <c r="KJ16" s="88">
        <v>1585</v>
      </c>
      <c r="KK16" s="88">
        <v>883</v>
      </c>
      <c r="KL16" s="89">
        <v>8239</v>
      </c>
      <c r="KM16" s="90">
        <v>12865</v>
      </c>
    </row>
    <row r="17" spans="2:299" s="56" customFormat="1" ht="21" customHeight="1" x14ac:dyDescent="0.2">
      <c r="B17" s="92" t="s">
        <v>13</v>
      </c>
      <c r="C17" s="82">
        <v>174</v>
      </c>
      <c r="D17" s="83">
        <v>158</v>
      </c>
      <c r="E17" s="84">
        <v>332</v>
      </c>
      <c r="F17" s="399">
        <v>0</v>
      </c>
      <c r="G17" s="83">
        <v>314</v>
      </c>
      <c r="H17" s="83">
        <v>288</v>
      </c>
      <c r="I17" s="83">
        <v>181</v>
      </c>
      <c r="J17" s="83">
        <v>126</v>
      </c>
      <c r="K17" s="83">
        <v>100</v>
      </c>
      <c r="L17" s="85">
        <v>1009</v>
      </c>
      <c r="M17" s="86">
        <v>1341</v>
      </c>
      <c r="N17" s="87">
        <v>6</v>
      </c>
      <c r="O17" s="88">
        <v>4</v>
      </c>
      <c r="P17" s="89">
        <v>10</v>
      </c>
      <c r="Q17" s="399">
        <v>0</v>
      </c>
      <c r="R17" s="88">
        <v>10</v>
      </c>
      <c r="S17" s="88">
        <v>9</v>
      </c>
      <c r="T17" s="88">
        <v>3</v>
      </c>
      <c r="U17" s="88">
        <v>5</v>
      </c>
      <c r="V17" s="88">
        <v>6</v>
      </c>
      <c r="W17" s="89">
        <v>33</v>
      </c>
      <c r="X17" s="90">
        <v>43</v>
      </c>
      <c r="Y17" s="87">
        <v>9</v>
      </c>
      <c r="Z17" s="88">
        <v>9</v>
      </c>
      <c r="AA17" s="89">
        <v>18</v>
      </c>
      <c r="AB17" s="399">
        <v>0</v>
      </c>
      <c r="AC17" s="88">
        <v>17</v>
      </c>
      <c r="AD17" s="88">
        <v>19</v>
      </c>
      <c r="AE17" s="88">
        <v>12</v>
      </c>
      <c r="AF17" s="88">
        <v>15</v>
      </c>
      <c r="AG17" s="88">
        <v>10</v>
      </c>
      <c r="AH17" s="89">
        <v>73</v>
      </c>
      <c r="AI17" s="90">
        <v>91</v>
      </c>
      <c r="AJ17" s="87">
        <v>20</v>
      </c>
      <c r="AK17" s="88">
        <v>18</v>
      </c>
      <c r="AL17" s="89">
        <v>38</v>
      </c>
      <c r="AM17" s="399">
        <v>0</v>
      </c>
      <c r="AN17" s="88">
        <v>42</v>
      </c>
      <c r="AO17" s="88">
        <v>44</v>
      </c>
      <c r="AP17" s="88">
        <v>24</v>
      </c>
      <c r="AQ17" s="88">
        <v>17</v>
      </c>
      <c r="AR17" s="88">
        <v>14</v>
      </c>
      <c r="AS17" s="89">
        <v>141</v>
      </c>
      <c r="AT17" s="90">
        <v>179</v>
      </c>
      <c r="AU17" s="87">
        <v>47</v>
      </c>
      <c r="AV17" s="88">
        <v>36</v>
      </c>
      <c r="AW17" s="89">
        <v>83</v>
      </c>
      <c r="AX17" s="399">
        <v>0</v>
      </c>
      <c r="AY17" s="88">
        <v>73</v>
      </c>
      <c r="AZ17" s="88">
        <v>65</v>
      </c>
      <c r="BA17" s="88">
        <v>42</v>
      </c>
      <c r="BB17" s="88">
        <v>21</v>
      </c>
      <c r="BC17" s="88">
        <v>15</v>
      </c>
      <c r="BD17" s="89">
        <v>216</v>
      </c>
      <c r="BE17" s="90">
        <v>299</v>
      </c>
      <c r="BF17" s="87">
        <v>52</v>
      </c>
      <c r="BG17" s="88">
        <v>49</v>
      </c>
      <c r="BH17" s="89">
        <v>101</v>
      </c>
      <c r="BI17" s="399">
        <v>0</v>
      </c>
      <c r="BJ17" s="88">
        <v>93</v>
      </c>
      <c r="BK17" s="88">
        <v>91</v>
      </c>
      <c r="BL17" s="88">
        <v>50</v>
      </c>
      <c r="BM17" s="88">
        <v>35</v>
      </c>
      <c r="BN17" s="88">
        <v>28</v>
      </c>
      <c r="BO17" s="89">
        <v>297</v>
      </c>
      <c r="BP17" s="90">
        <v>398</v>
      </c>
      <c r="BQ17" s="87">
        <v>40</v>
      </c>
      <c r="BR17" s="88">
        <v>42</v>
      </c>
      <c r="BS17" s="89">
        <v>82</v>
      </c>
      <c r="BT17" s="399">
        <v>0</v>
      </c>
      <c r="BU17" s="88">
        <v>79</v>
      </c>
      <c r="BV17" s="88">
        <v>60</v>
      </c>
      <c r="BW17" s="88">
        <v>50</v>
      </c>
      <c r="BX17" s="88">
        <v>33</v>
      </c>
      <c r="BY17" s="88">
        <v>27</v>
      </c>
      <c r="BZ17" s="89">
        <v>249</v>
      </c>
      <c r="CA17" s="90">
        <v>331</v>
      </c>
      <c r="CB17" s="87">
        <v>5</v>
      </c>
      <c r="CC17" s="88">
        <v>3</v>
      </c>
      <c r="CD17" s="89">
        <v>8</v>
      </c>
      <c r="CE17" s="399">
        <v>0</v>
      </c>
      <c r="CF17" s="88">
        <v>8</v>
      </c>
      <c r="CG17" s="88">
        <v>9</v>
      </c>
      <c r="CH17" s="88">
        <v>6</v>
      </c>
      <c r="CI17" s="88">
        <v>3</v>
      </c>
      <c r="CJ17" s="88">
        <v>7</v>
      </c>
      <c r="CK17" s="89">
        <v>33</v>
      </c>
      <c r="CL17" s="90">
        <v>41</v>
      </c>
      <c r="CM17" s="87">
        <v>179</v>
      </c>
      <c r="CN17" s="88">
        <v>161</v>
      </c>
      <c r="CO17" s="89">
        <v>340</v>
      </c>
      <c r="CP17" s="399">
        <v>0</v>
      </c>
      <c r="CQ17" s="88">
        <v>322</v>
      </c>
      <c r="CR17" s="88">
        <v>297</v>
      </c>
      <c r="CS17" s="88">
        <v>187</v>
      </c>
      <c r="CT17" s="88">
        <v>129</v>
      </c>
      <c r="CU17" s="88">
        <v>107</v>
      </c>
      <c r="CV17" s="89">
        <v>1042</v>
      </c>
      <c r="CW17" s="90">
        <v>1382</v>
      </c>
      <c r="CX17" s="91">
        <v>379</v>
      </c>
      <c r="CY17" s="83">
        <v>435</v>
      </c>
      <c r="CZ17" s="84">
        <v>814</v>
      </c>
      <c r="DA17" s="399">
        <v>0</v>
      </c>
      <c r="DB17" s="83">
        <v>605</v>
      </c>
      <c r="DC17" s="83">
        <v>539</v>
      </c>
      <c r="DD17" s="83">
        <v>327</v>
      </c>
      <c r="DE17" s="83">
        <v>375</v>
      </c>
      <c r="DF17" s="83">
        <v>273</v>
      </c>
      <c r="DG17" s="85">
        <v>2119</v>
      </c>
      <c r="DH17" s="86">
        <v>2933</v>
      </c>
      <c r="DI17" s="87">
        <v>4</v>
      </c>
      <c r="DJ17" s="88">
        <v>7</v>
      </c>
      <c r="DK17" s="89">
        <v>11</v>
      </c>
      <c r="DL17" s="399">
        <v>0</v>
      </c>
      <c r="DM17" s="88">
        <v>10</v>
      </c>
      <c r="DN17" s="88">
        <v>3</v>
      </c>
      <c r="DO17" s="88">
        <v>2</v>
      </c>
      <c r="DP17" s="88">
        <v>7</v>
      </c>
      <c r="DQ17" s="88">
        <v>5</v>
      </c>
      <c r="DR17" s="89">
        <v>27</v>
      </c>
      <c r="DS17" s="90">
        <v>38</v>
      </c>
      <c r="DT17" s="87">
        <v>22</v>
      </c>
      <c r="DU17" s="88">
        <v>25</v>
      </c>
      <c r="DV17" s="89">
        <v>47</v>
      </c>
      <c r="DW17" s="399">
        <v>0</v>
      </c>
      <c r="DX17" s="88">
        <v>17</v>
      </c>
      <c r="DY17" s="88">
        <v>22</v>
      </c>
      <c r="DZ17" s="88">
        <v>8</v>
      </c>
      <c r="EA17" s="88">
        <v>8</v>
      </c>
      <c r="EB17" s="88">
        <v>9</v>
      </c>
      <c r="EC17" s="89">
        <v>64</v>
      </c>
      <c r="ED17" s="90">
        <v>111</v>
      </c>
      <c r="EE17" s="87">
        <v>41</v>
      </c>
      <c r="EF17" s="88">
        <v>37</v>
      </c>
      <c r="EG17" s="89">
        <v>78</v>
      </c>
      <c r="EH17" s="399">
        <v>0</v>
      </c>
      <c r="EI17" s="88">
        <v>55</v>
      </c>
      <c r="EJ17" s="88">
        <v>35</v>
      </c>
      <c r="EK17" s="88">
        <v>35</v>
      </c>
      <c r="EL17" s="88">
        <v>26</v>
      </c>
      <c r="EM17" s="88">
        <v>22</v>
      </c>
      <c r="EN17" s="89">
        <v>173</v>
      </c>
      <c r="EO17" s="90">
        <v>251</v>
      </c>
      <c r="EP17" s="87">
        <v>102</v>
      </c>
      <c r="EQ17" s="88">
        <v>124</v>
      </c>
      <c r="ER17" s="89">
        <v>226</v>
      </c>
      <c r="ES17" s="399">
        <v>0</v>
      </c>
      <c r="ET17" s="88">
        <v>150</v>
      </c>
      <c r="EU17" s="88">
        <v>113</v>
      </c>
      <c r="EV17" s="88">
        <v>54</v>
      </c>
      <c r="EW17" s="88">
        <v>63</v>
      </c>
      <c r="EX17" s="88">
        <v>46</v>
      </c>
      <c r="EY17" s="89">
        <v>426</v>
      </c>
      <c r="EZ17" s="90">
        <v>652</v>
      </c>
      <c r="FA17" s="87">
        <v>136</v>
      </c>
      <c r="FB17" s="88">
        <v>153</v>
      </c>
      <c r="FC17" s="89">
        <v>289</v>
      </c>
      <c r="FD17" s="399">
        <v>0</v>
      </c>
      <c r="FE17" s="88">
        <v>184</v>
      </c>
      <c r="FF17" s="88">
        <v>155</v>
      </c>
      <c r="FG17" s="88">
        <v>67</v>
      </c>
      <c r="FH17" s="88">
        <v>87</v>
      </c>
      <c r="FI17" s="88">
        <v>73</v>
      </c>
      <c r="FJ17" s="89">
        <v>566</v>
      </c>
      <c r="FK17" s="90">
        <v>855</v>
      </c>
      <c r="FL17" s="87">
        <v>74</v>
      </c>
      <c r="FM17" s="88">
        <v>89</v>
      </c>
      <c r="FN17" s="89">
        <v>163</v>
      </c>
      <c r="FO17" s="399">
        <v>0</v>
      </c>
      <c r="FP17" s="88">
        <v>189</v>
      </c>
      <c r="FQ17" s="88">
        <v>211</v>
      </c>
      <c r="FR17" s="88">
        <v>161</v>
      </c>
      <c r="FS17" s="88">
        <v>184</v>
      </c>
      <c r="FT17" s="88">
        <v>118</v>
      </c>
      <c r="FU17" s="89">
        <v>863</v>
      </c>
      <c r="FV17" s="90">
        <v>1026</v>
      </c>
      <c r="FW17" s="87">
        <v>0</v>
      </c>
      <c r="FX17" s="88">
        <v>1</v>
      </c>
      <c r="FY17" s="89">
        <v>1</v>
      </c>
      <c r="FZ17" s="399">
        <v>0</v>
      </c>
      <c r="GA17" s="88">
        <v>9</v>
      </c>
      <c r="GB17" s="88">
        <v>4</v>
      </c>
      <c r="GC17" s="88">
        <v>4</v>
      </c>
      <c r="GD17" s="88">
        <v>2</v>
      </c>
      <c r="GE17" s="88">
        <v>7</v>
      </c>
      <c r="GF17" s="89">
        <v>26</v>
      </c>
      <c r="GG17" s="90">
        <v>27</v>
      </c>
      <c r="GH17" s="87">
        <v>379</v>
      </c>
      <c r="GI17" s="88">
        <v>436</v>
      </c>
      <c r="GJ17" s="89">
        <v>815</v>
      </c>
      <c r="GK17" s="399">
        <v>0</v>
      </c>
      <c r="GL17" s="88">
        <v>614</v>
      </c>
      <c r="GM17" s="88">
        <v>543</v>
      </c>
      <c r="GN17" s="88">
        <v>331</v>
      </c>
      <c r="GO17" s="88">
        <v>377</v>
      </c>
      <c r="GP17" s="88">
        <v>280</v>
      </c>
      <c r="GQ17" s="89">
        <v>2145</v>
      </c>
      <c r="GR17" s="90">
        <v>2960</v>
      </c>
      <c r="GS17" s="91">
        <v>553</v>
      </c>
      <c r="GT17" s="83">
        <v>593</v>
      </c>
      <c r="GU17" s="84">
        <v>1146</v>
      </c>
      <c r="GV17" s="399">
        <v>0</v>
      </c>
      <c r="GW17" s="83">
        <v>919</v>
      </c>
      <c r="GX17" s="83">
        <v>827</v>
      </c>
      <c r="GY17" s="83">
        <v>508</v>
      </c>
      <c r="GZ17" s="83">
        <v>501</v>
      </c>
      <c r="HA17" s="83">
        <v>373</v>
      </c>
      <c r="HB17" s="85">
        <v>3128</v>
      </c>
      <c r="HC17" s="86">
        <v>4274</v>
      </c>
      <c r="HD17" s="87">
        <v>10</v>
      </c>
      <c r="HE17" s="88">
        <v>11</v>
      </c>
      <c r="HF17" s="89">
        <v>21</v>
      </c>
      <c r="HG17" s="402">
        <v>0</v>
      </c>
      <c r="HH17" s="88">
        <v>20</v>
      </c>
      <c r="HI17" s="88">
        <v>12</v>
      </c>
      <c r="HJ17" s="88">
        <v>5</v>
      </c>
      <c r="HK17" s="88">
        <v>12</v>
      </c>
      <c r="HL17" s="88">
        <v>11</v>
      </c>
      <c r="HM17" s="89">
        <v>60</v>
      </c>
      <c r="HN17" s="90">
        <v>81</v>
      </c>
      <c r="HO17" s="87">
        <v>31</v>
      </c>
      <c r="HP17" s="88">
        <v>34</v>
      </c>
      <c r="HQ17" s="89">
        <v>65</v>
      </c>
      <c r="HR17" s="399">
        <v>0</v>
      </c>
      <c r="HS17" s="88">
        <v>34</v>
      </c>
      <c r="HT17" s="88">
        <v>41</v>
      </c>
      <c r="HU17" s="88">
        <v>20</v>
      </c>
      <c r="HV17" s="88">
        <v>23</v>
      </c>
      <c r="HW17" s="88">
        <v>19</v>
      </c>
      <c r="HX17" s="89">
        <v>137</v>
      </c>
      <c r="HY17" s="90">
        <v>202</v>
      </c>
      <c r="HZ17" s="87">
        <v>61</v>
      </c>
      <c r="IA17" s="88">
        <v>55</v>
      </c>
      <c r="IB17" s="89">
        <v>116</v>
      </c>
      <c r="IC17" s="399">
        <v>0</v>
      </c>
      <c r="ID17" s="88">
        <v>97</v>
      </c>
      <c r="IE17" s="88">
        <v>79</v>
      </c>
      <c r="IF17" s="88">
        <v>59</v>
      </c>
      <c r="IG17" s="88">
        <v>43</v>
      </c>
      <c r="IH17" s="88">
        <v>36</v>
      </c>
      <c r="II17" s="89">
        <v>314</v>
      </c>
      <c r="IJ17" s="90">
        <v>430</v>
      </c>
      <c r="IK17" s="87">
        <v>149</v>
      </c>
      <c r="IL17" s="88">
        <v>160</v>
      </c>
      <c r="IM17" s="89">
        <v>309</v>
      </c>
      <c r="IN17" s="399">
        <v>0</v>
      </c>
      <c r="IO17" s="88">
        <v>223</v>
      </c>
      <c r="IP17" s="88">
        <v>178</v>
      </c>
      <c r="IQ17" s="88">
        <v>96</v>
      </c>
      <c r="IR17" s="88">
        <v>84</v>
      </c>
      <c r="IS17" s="88">
        <v>61</v>
      </c>
      <c r="IT17" s="89">
        <v>642</v>
      </c>
      <c r="IU17" s="90">
        <v>951</v>
      </c>
      <c r="IV17" s="87">
        <v>188</v>
      </c>
      <c r="IW17" s="88">
        <v>202</v>
      </c>
      <c r="IX17" s="89">
        <v>390</v>
      </c>
      <c r="IY17" s="399">
        <v>0</v>
      </c>
      <c r="IZ17" s="88">
        <v>277</v>
      </c>
      <c r="JA17" s="88">
        <v>246</v>
      </c>
      <c r="JB17" s="88">
        <v>117</v>
      </c>
      <c r="JC17" s="88">
        <v>122</v>
      </c>
      <c r="JD17" s="88">
        <v>101</v>
      </c>
      <c r="JE17" s="89">
        <v>863</v>
      </c>
      <c r="JF17" s="90">
        <v>1253</v>
      </c>
      <c r="JG17" s="87">
        <v>114</v>
      </c>
      <c r="JH17" s="88">
        <v>131</v>
      </c>
      <c r="JI17" s="89">
        <v>245</v>
      </c>
      <c r="JJ17" s="399">
        <v>0</v>
      </c>
      <c r="JK17" s="88">
        <v>268</v>
      </c>
      <c r="JL17" s="88">
        <v>271</v>
      </c>
      <c r="JM17" s="88">
        <v>211</v>
      </c>
      <c r="JN17" s="88">
        <v>217</v>
      </c>
      <c r="JO17" s="88">
        <v>145</v>
      </c>
      <c r="JP17" s="89">
        <v>1112</v>
      </c>
      <c r="JQ17" s="90">
        <v>1357</v>
      </c>
      <c r="JR17" s="87">
        <v>5</v>
      </c>
      <c r="JS17" s="88">
        <v>4</v>
      </c>
      <c r="JT17" s="89">
        <v>9</v>
      </c>
      <c r="JU17" s="399">
        <v>0</v>
      </c>
      <c r="JV17" s="88">
        <v>17</v>
      </c>
      <c r="JW17" s="88">
        <v>13</v>
      </c>
      <c r="JX17" s="88">
        <v>10</v>
      </c>
      <c r="JY17" s="88">
        <v>5</v>
      </c>
      <c r="JZ17" s="88">
        <v>14</v>
      </c>
      <c r="KA17" s="89">
        <v>59</v>
      </c>
      <c r="KB17" s="90">
        <v>68</v>
      </c>
      <c r="KC17" s="87">
        <v>558</v>
      </c>
      <c r="KD17" s="88">
        <v>597</v>
      </c>
      <c r="KE17" s="89">
        <v>1155</v>
      </c>
      <c r="KF17" s="399">
        <v>0</v>
      </c>
      <c r="KG17" s="88">
        <v>936</v>
      </c>
      <c r="KH17" s="88">
        <v>840</v>
      </c>
      <c r="KI17" s="88">
        <v>518</v>
      </c>
      <c r="KJ17" s="88">
        <v>506</v>
      </c>
      <c r="KK17" s="88">
        <v>387</v>
      </c>
      <c r="KL17" s="89">
        <v>3187</v>
      </c>
      <c r="KM17" s="90">
        <v>4342</v>
      </c>
    </row>
    <row r="18" spans="2:299" s="56" customFormat="1" ht="21" customHeight="1" x14ac:dyDescent="0.2">
      <c r="B18" s="92" t="s">
        <v>15</v>
      </c>
      <c r="C18" s="82">
        <v>119</v>
      </c>
      <c r="D18" s="83">
        <v>138</v>
      </c>
      <c r="E18" s="84">
        <v>257</v>
      </c>
      <c r="F18" s="399">
        <v>0</v>
      </c>
      <c r="G18" s="83">
        <v>256</v>
      </c>
      <c r="H18" s="83">
        <v>219</v>
      </c>
      <c r="I18" s="83">
        <v>132</v>
      </c>
      <c r="J18" s="83">
        <v>147</v>
      </c>
      <c r="K18" s="83">
        <v>60</v>
      </c>
      <c r="L18" s="85">
        <v>814</v>
      </c>
      <c r="M18" s="86">
        <v>1071</v>
      </c>
      <c r="N18" s="87">
        <v>7</v>
      </c>
      <c r="O18" s="88">
        <v>6</v>
      </c>
      <c r="P18" s="89">
        <v>13</v>
      </c>
      <c r="Q18" s="399">
        <v>0</v>
      </c>
      <c r="R18" s="88">
        <v>10</v>
      </c>
      <c r="S18" s="88">
        <v>16</v>
      </c>
      <c r="T18" s="88">
        <v>3</v>
      </c>
      <c r="U18" s="88">
        <v>4</v>
      </c>
      <c r="V18" s="88">
        <v>5</v>
      </c>
      <c r="W18" s="89">
        <v>38</v>
      </c>
      <c r="X18" s="90">
        <v>51</v>
      </c>
      <c r="Y18" s="87">
        <v>11</v>
      </c>
      <c r="Z18" s="88">
        <v>12</v>
      </c>
      <c r="AA18" s="89">
        <v>23</v>
      </c>
      <c r="AB18" s="399">
        <v>0</v>
      </c>
      <c r="AC18" s="88">
        <v>32</v>
      </c>
      <c r="AD18" s="88">
        <v>20</v>
      </c>
      <c r="AE18" s="88">
        <v>17</v>
      </c>
      <c r="AF18" s="88">
        <v>19</v>
      </c>
      <c r="AG18" s="88">
        <v>5</v>
      </c>
      <c r="AH18" s="89">
        <v>93</v>
      </c>
      <c r="AI18" s="90">
        <v>116</v>
      </c>
      <c r="AJ18" s="87">
        <v>21</v>
      </c>
      <c r="AK18" s="88">
        <v>25</v>
      </c>
      <c r="AL18" s="89">
        <v>46</v>
      </c>
      <c r="AM18" s="399">
        <v>0</v>
      </c>
      <c r="AN18" s="88">
        <v>41</v>
      </c>
      <c r="AO18" s="88">
        <v>45</v>
      </c>
      <c r="AP18" s="88">
        <v>21</v>
      </c>
      <c r="AQ18" s="88">
        <v>30</v>
      </c>
      <c r="AR18" s="88">
        <v>14</v>
      </c>
      <c r="AS18" s="89">
        <v>151</v>
      </c>
      <c r="AT18" s="90">
        <v>197</v>
      </c>
      <c r="AU18" s="87">
        <v>35</v>
      </c>
      <c r="AV18" s="88">
        <v>35</v>
      </c>
      <c r="AW18" s="89">
        <v>70</v>
      </c>
      <c r="AX18" s="399">
        <v>0</v>
      </c>
      <c r="AY18" s="88">
        <v>72</v>
      </c>
      <c r="AZ18" s="88">
        <v>50</v>
      </c>
      <c r="BA18" s="88">
        <v>31</v>
      </c>
      <c r="BB18" s="88">
        <v>32</v>
      </c>
      <c r="BC18" s="88">
        <v>12</v>
      </c>
      <c r="BD18" s="89">
        <v>197</v>
      </c>
      <c r="BE18" s="90">
        <v>267</v>
      </c>
      <c r="BF18" s="87">
        <v>34</v>
      </c>
      <c r="BG18" s="88">
        <v>38</v>
      </c>
      <c r="BH18" s="89">
        <v>72</v>
      </c>
      <c r="BI18" s="399">
        <v>0</v>
      </c>
      <c r="BJ18" s="88">
        <v>57</v>
      </c>
      <c r="BK18" s="88">
        <v>44</v>
      </c>
      <c r="BL18" s="88">
        <v>30</v>
      </c>
      <c r="BM18" s="88">
        <v>35</v>
      </c>
      <c r="BN18" s="88">
        <v>10</v>
      </c>
      <c r="BO18" s="89">
        <v>176</v>
      </c>
      <c r="BP18" s="90">
        <v>248</v>
      </c>
      <c r="BQ18" s="87">
        <v>11</v>
      </c>
      <c r="BR18" s="88">
        <v>22</v>
      </c>
      <c r="BS18" s="89">
        <v>33</v>
      </c>
      <c r="BT18" s="399">
        <v>0</v>
      </c>
      <c r="BU18" s="88">
        <v>44</v>
      </c>
      <c r="BV18" s="88">
        <v>44</v>
      </c>
      <c r="BW18" s="88">
        <v>30</v>
      </c>
      <c r="BX18" s="88">
        <v>27</v>
      </c>
      <c r="BY18" s="88">
        <v>14</v>
      </c>
      <c r="BZ18" s="89">
        <v>159</v>
      </c>
      <c r="CA18" s="90">
        <v>192</v>
      </c>
      <c r="CB18" s="87">
        <v>1</v>
      </c>
      <c r="CC18" s="88">
        <v>2</v>
      </c>
      <c r="CD18" s="89">
        <v>3</v>
      </c>
      <c r="CE18" s="399">
        <v>0</v>
      </c>
      <c r="CF18" s="88">
        <v>6</v>
      </c>
      <c r="CG18" s="88">
        <v>9</v>
      </c>
      <c r="CH18" s="88">
        <v>9</v>
      </c>
      <c r="CI18" s="88">
        <v>10</v>
      </c>
      <c r="CJ18" s="88">
        <v>6</v>
      </c>
      <c r="CK18" s="89">
        <v>40</v>
      </c>
      <c r="CL18" s="90">
        <v>43</v>
      </c>
      <c r="CM18" s="87">
        <v>120</v>
      </c>
      <c r="CN18" s="88">
        <v>140</v>
      </c>
      <c r="CO18" s="89">
        <v>260</v>
      </c>
      <c r="CP18" s="399">
        <v>0</v>
      </c>
      <c r="CQ18" s="88">
        <v>262</v>
      </c>
      <c r="CR18" s="88">
        <v>228</v>
      </c>
      <c r="CS18" s="88">
        <v>141</v>
      </c>
      <c r="CT18" s="88">
        <v>157</v>
      </c>
      <c r="CU18" s="88">
        <v>66</v>
      </c>
      <c r="CV18" s="89">
        <v>854</v>
      </c>
      <c r="CW18" s="90">
        <v>1114</v>
      </c>
      <c r="CX18" s="91">
        <v>260</v>
      </c>
      <c r="CY18" s="83">
        <v>384</v>
      </c>
      <c r="CZ18" s="84">
        <v>644</v>
      </c>
      <c r="DA18" s="399">
        <v>0</v>
      </c>
      <c r="DB18" s="83">
        <v>454</v>
      </c>
      <c r="DC18" s="83">
        <v>475</v>
      </c>
      <c r="DD18" s="83">
        <v>270</v>
      </c>
      <c r="DE18" s="83">
        <v>327</v>
      </c>
      <c r="DF18" s="83">
        <v>173</v>
      </c>
      <c r="DG18" s="85">
        <v>1699</v>
      </c>
      <c r="DH18" s="86">
        <v>2343</v>
      </c>
      <c r="DI18" s="87">
        <v>6</v>
      </c>
      <c r="DJ18" s="88">
        <v>5</v>
      </c>
      <c r="DK18" s="89">
        <v>11</v>
      </c>
      <c r="DL18" s="399">
        <v>0</v>
      </c>
      <c r="DM18" s="88">
        <v>9</v>
      </c>
      <c r="DN18" s="88">
        <v>16</v>
      </c>
      <c r="DO18" s="88">
        <v>5</v>
      </c>
      <c r="DP18" s="88">
        <v>0</v>
      </c>
      <c r="DQ18" s="88">
        <v>3</v>
      </c>
      <c r="DR18" s="89">
        <v>33</v>
      </c>
      <c r="DS18" s="90">
        <v>44</v>
      </c>
      <c r="DT18" s="87">
        <v>20</v>
      </c>
      <c r="DU18" s="88">
        <v>21</v>
      </c>
      <c r="DV18" s="89">
        <v>41</v>
      </c>
      <c r="DW18" s="399">
        <v>0</v>
      </c>
      <c r="DX18" s="88">
        <v>26</v>
      </c>
      <c r="DY18" s="88">
        <v>25</v>
      </c>
      <c r="DZ18" s="88">
        <v>13</v>
      </c>
      <c r="EA18" s="88">
        <v>12</v>
      </c>
      <c r="EB18" s="88">
        <v>9</v>
      </c>
      <c r="EC18" s="89">
        <v>85</v>
      </c>
      <c r="ED18" s="90">
        <v>126</v>
      </c>
      <c r="EE18" s="87">
        <v>45</v>
      </c>
      <c r="EF18" s="88">
        <v>51</v>
      </c>
      <c r="EG18" s="89">
        <v>96</v>
      </c>
      <c r="EH18" s="399">
        <v>0</v>
      </c>
      <c r="EI18" s="88">
        <v>49</v>
      </c>
      <c r="EJ18" s="88">
        <v>69</v>
      </c>
      <c r="EK18" s="88">
        <v>26</v>
      </c>
      <c r="EL18" s="88">
        <v>21</v>
      </c>
      <c r="EM18" s="88">
        <v>15</v>
      </c>
      <c r="EN18" s="89">
        <v>180</v>
      </c>
      <c r="EO18" s="90">
        <v>276</v>
      </c>
      <c r="EP18" s="87">
        <v>80</v>
      </c>
      <c r="EQ18" s="88">
        <v>126</v>
      </c>
      <c r="ER18" s="89">
        <v>206</v>
      </c>
      <c r="ES18" s="399">
        <v>0</v>
      </c>
      <c r="ET18" s="88">
        <v>110</v>
      </c>
      <c r="EU18" s="88">
        <v>96</v>
      </c>
      <c r="EV18" s="88">
        <v>46</v>
      </c>
      <c r="EW18" s="88">
        <v>54</v>
      </c>
      <c r="EX18" s="88">
        <v>39</v>
      </c>
      <c r="EY18" s="89">
        <v>345</v>
      </c>
      <c r="EZ18" s="90">
        <v>551</v>
      </c>
      <c r="FA18" s="87">
        <v>68</v>
      </c>
      <c r="FB18" s="88">
        <v>115</v>
      </c>
      <c r="FC18" s="89">
        <v>183</v>
      </c>
      <c r="FD18" s="399">
        <v>0</v>
      </c>
      <c r="FE18" s="88">
        <v>127</v>
      </c>
      <c r="FF18" s="88">
        <v>137</v>
      </c>
      <c r="FG18" s="88">
        <v>79</v>
      </c>
      <c r="FH18" s="88">
        <v>78</v>
      </c>
      <c r="FI18" s="88">
        <v>44</v>
      </c>
      <c r="FJ18" s="89">
        <v>465</v>
      </c>
      <c r="FK18" s="90">
        <v>648</v>
      </c>
      <c r="FL18" s="87">
        <v>41</v>
      </c>
      <c r="FM18" s="88">
        <v>66</v>
      </c>
      <c r="FN18" s="89">
        <v>107</v>
      </c>
      <c r="FO18" s="399">
        <v>0</v>
      </c>
      <c r="FP18" s="88">
        <v>133</v>
      </c>
      <c r="FQ18" s="88">
        <v>132</v>
      </c>
      <c r="FR18" s="88">
        <v>101</v>
      </c>
      <c r="FS18" s="88">
        <v>162</v>
      </c>
      <c r="FT18" s="88">
        <v>63</v>
      </c>
      <c r="FU18" s="89">
        <v>591</v>
      </c>
      <c r="FV18" s="90">
        <v>698</v>
      </c>
      <c r="FW18" s="87">
        <v>1</v>
      </c>
      <c r="FX18" s="88">
        <v>3</v>
      </c>
      <c r="FY18" s="89">
        <v>4</v>
      </c>
      <c r="FZ18" s="399">
        <v>0</v>
      </c>
      <c r="GA18" s="88">
        <v>3</v>
      </c>
      <c r="GB18" s="88">
        <v>5</v>
      </c>
      <c r="GC18" s="88">
        <v>5</v>
      </c>
      <c r="GD18" s="88">
        <v>3</v>
      </c>
      <c r="GE18" s="88">
        <v>7</v>
      </c>
      <c r="GF18" s="89">
        <v>23</v>
      </c>
      <c r="GG18" s="90">
        <v>27</v>
      </c>
      <c r="GH18" s="87">
        <v>261</v>
      </c>
      <c r="GI18" s="88">
        <v>387</v>
      </c>
      <c r="GJ18" s="89">
        <v>648</v>
      </c>
      <c r="GK18" s="399">
        <v>0</v>
      </c>
      <c r="GL18" s="88">
        <v>457</v>
      </c>
      <c r="GM18" s="88">
        <v>480</v>
      </c>
      <c r="GN18" s="88">
        <v>275</v>
      </c>
      <c r="GO18" s="88">
        <v>330</v>
      </c>
      <c r="GP18" s="88">
        <v>180</v>
      </c>
      <c r="GQ18" s="89">
        <v>1722</v>
      </c>
      <c r="GR18" s="90">
        <v>2370</v>
      </c>
      <c r="GS18" s="91">
        <v>379</v>
      </c>
      <c r="GT18" s="83">
        <v>522</v>
      </c>
      <c r="GU18" s="84">
        <v>901</v>
      </c>
      <c r="GV18" s="399">
        <v>0</v>
      </c>
      <c r="GW18" s="83">
        <v>710</v>
      </c>
      <c r="GX18" s="83">
        <v>694</v>
      </c>
      <c r="GY18" s="83">
        <v>402</v>
      </c>
      <c r="GZ18" s="83">
        <v>474</v>
      </c>
      <c r="HA18" s="83">
        <v>233</v>
      </c>
      <c r="HB18" s="85">
        <v>2513</v>
      </c>
      <c r="HC18" s="86">
        <v>3414</v>
      </c>
      <c r="HD18" s="87">
        <v>13</v>
      </c>
      <c r="HE18" s="88">
        <v>11</v>
      </c>
      <c r="HF18" s="89">
        <v>24</v>
      </c>
      <c r="HG18" s="402">
        <v>0</v>
      </c>
      <c r="HH18" s="88">
        <v>19</v>
      </c>
      <c r="HI18" s="88">
        <v>32</v>
      </c>
      <c r="HJ18" s="88">
        <v>8</v>
      </c>
      <c r="HK18" s="88">
        <v>4</v>
      </c>
      <c r="HL18" s="88">
        <v>8</v>
      </c>
      <c r="HM18" s="89">
        <v>71</v>
      </c>
      <c r="HN18" s="90">
        <v>95</v>
      </c>
      <c r="HO18" s="87">
        <v>31</v>
      </c>
      <c r="HP18" s="88">
        <v>33</v>
      </c>
      <c r="HQ18" s="89">
        <v>64</v>
      </c>
      <c r="HR18" s="399">
        <v>0</v>
      </c>
      <c r="HS18" s="88">
        <v>58</v>
      </c>
      <c r="HT18" s="88">
        <v>45</v>
      </c>
      <c r="HU18" s="88">
        <v>30</v>
      </c>
      <c r="HV18" s="88">
        <v>31</v>
      </c>
      <c r="HW18" s="88">
        <v>14</v>
      </c>
      <c r="HX18" s="89">
        <v>178</v>
      </c>
      <c r="HY18" s="90">
        <v>242</v>
      </c>
      <c r="HZ18" s="87">
        <v>66</v>
      </c>
      <c r="IA18" s="88">
        <v>76</v>
      </c>
      <c r="IB18" s="89">
        <v>142</v>
      </c>
      <c r="IC18" s="399">
        <v>0</v>
      </c>
      <c r="ID18" s="88">
        <v>90</v>
      </c>
      <c r="IE18" s="88">
        <v>114</v>
      </c>
      <c r="IF18" s="88">
        <v>47</v>
      </c>
      <c r="IG18" s="88">
        <v>51</v>
      </c>
      <c r="IH18" s="88">
        <v>29</v>
      </c>
      <c r="II18" s="89">
        <v>331</v>
      </c>
      <c r="IJ18" s="90">
        <v>473</v>
      </c>
      <c r="IK18" s="87">
        <v>115</v>
      </c>
      <c r="IL18" s="88">
        <v>161</v>
      </c>
      <c r="IM18" s="89">
        <v>276</v>
      </c>
      <c r="IN18" s="399">
        <v>0</v>
      </c>
      <c r="IO18" s="88">
        <v>182</v>
      </c>
      <c r="IP18" s="88">
        <v>146</v>
      </c>
      <c r="IQ18" s="88">
        <v>77</v>
      </c>
      <c r="IR18" s="88">
        <v>86</v>
      </c>
      <c r="IS18" s="88">
        <v>51</v>
      </c>
      <c r="IT18" s="89">
        <v>542</v>
      </c>
      <c r="IU18" s="90">
        <v>818</v>
      </c>
      <c r="IV18" s="87">
        <v>102</v>
      </c>
      <c r="IW18" s="88">
        <v>153</v>
      </c>
      <c r="IX18" s="89">
        <v>255</v>
      </c>
      <c r="IY18" s="399">
        <v>0</v>
      </c>
      <c r="IZ18" s="88">
        <v>184</v>
      </c>
      <c r="JA18" s="88">
        <v>181</v>
      </c>
      <c r="JB18" s="88">
        <v>109</v>
      </c>
      <c r="JC18" s="88">
        <v>113</v>
      </c>
      <c r="JD18" s="88">
        <v>54</v>
      </c>
      <c r="JE18" s="89">
        <v>641</v>
      </c>
      <c r="JF18" s="90">
        <v>896</v>
      </c>
      <c r="JG18" s="87">
        <v>52</v>
      </c>
      <c r="JH18" s="88">
        <v>88</v>
      </c>
      <c r="JI18" s="89">
        <v>140</v>
      </c>
      <c r="JJ18" s="399">
        <v>0</v>
      </c>
      <c r="JK18" s="88">
        <v>177</v>
      </c>
      <c r="JL18" s="88">
        <v>176</v>
      </c>
      <c r="JM18" s="88">
        <v>131</v>
      </c>
      <c r="JN18" s="88">
        <v>189</v>
      </c>
      <c r="JO18" s="88">
        <v>77</v>
      </c>
      <c r="JP18" s="89">
        <v>750</v>
      </c>
      <c r="JQ18" s="90">
        <v>890</v>
      </c>
      <c r="JR18" s="87">
        <v>2</v>
      </c>
      <c r="JS18" s="88">
        <v>5</v>
      </c>
      <c r="JT18" s="89">
        <v>7</v>
      </c>
      <c r="JU18" s="399">
        <v>0</v>
      </c>
      <c r="JV18" s="88">
        <v>9</v>
      </c>
      <c r="JW18" s="88">
        <v>14</v>
      </c>
      <c r="JX18" s="88">
        <v>14</v>
      </c>
      <c r="JY18" s="88">
        <v>13</v>
      </c>
      <c r="JZ18" s="88">
        <v>13</v>
      </c>
      <c r="KA18" s="89">
        <v>63</v>
      </c>
      <c r="KB18" s="90">
        <v>70</v>
      </c>
      <c r="KC18" s="87">
        <v>381</v>
      </c>
      <c r="KD18" s="88">
        <v>527</v>
      </c>
      <c r="KE18" s="89">
        <v>908</v>
      </c>
      <c r="KF18" s="399">
        <v>0</v>
      </c>
      <c r="KG18" s="88">
        <v>719</v>
      </c>
      <c r="KH18" s="88">
        <v>708</v>
      </c>
      <c r="KI18" s="88">
        <v>416</v>
      </c>
      <c r="KJ18" s="88">
        <v>487</v>
      </c>
      <c r="KK18" s="88">
        <v>246</v>
      </c>
      <c r="KL18" s="89">
        <v>2576</v>
      </c>
      <c r="KM18" s="90">
        <v>3484</v>
      </c>
    </row>
    <row r="19" spans="2:299" s="56" customFormat="1" ht="21" customHeight="1" x14ac:dyDescent="0.2">
      <c r="B19" s="92" t="s">
        <v>16</v>
      </c>
      <c r="C19" s="82">
        <v>243</v>
      </c>
      <c r="D19" s="83">
        <v>309</v>
      </c>
      <c r="E19" s="84">
        <v>552</v>
      </c>
      <c r="F19" s="399">
        <v>0</v>
      </c>
      <c r="G19" s="83">
        <v>529</v>
      </c>
      <c r="H19" s="83">
        <v>630</v>
      </c>
      <c r="I19" s="83">
        <v>422</v>
      </c>
      <c r="J19" s="83">
        <v>332</v>
      </c>
      <c r="K19" s="83">
        <v>182</v>
      </c>
      <c r="L19" s="85">
        <v>2095</v>
      </c>
      <c r="M19" s="86">
        <v>2647</v>
      </c>
      <c r="N19" s="87">
        <v>7</v>
      </c>
      <c r="O19" s="88">
        <v>12</v>
      </c>
      <c r="P19" s="89">
        <v>19</v>
      </c>
      <c r="Q19" s="399">
        <v>0</v>
      </c>
      <c r="R19" s="88">
        <v>20</v>
      </c>
      <c r="S19" s="88">
        <v>29</v>
      </c>
      <c r="T19" s="88">
        <v>23</v>
      </c>
      <c r="U19" s="88">
        <v>12</v>
      </c>
      <c r="V19" s="88">
        <v>13</v>
      </c>
      <c r="W19" s="89">
        <v>97</v>
      </c>
      <c r="X19" s="90">
        <v>116</v>
      </c>
      <c r="Y19" s="87">
        <v>30</v>
      </c>
      <c r="Z19" s="88">
        <v>35</v>
      </c>
      <c r="AA19" s="89">
        <v>65</v>
      </c>
      <c r="AB19" s="399">
        <v>0</v>
      </c>
      <c r="AC19" s="88">
        <v>42</v>
      </c>
      <c r="AD19" s="88">
        <v>63</v>
      </c>
      <c r="AE19" s="88">
        <v>45</v>
      </c>
      <c r="AF19" s="88">
        <v>36</v>
      </c>
      <c r="AG19" s="88">
        <v>30</v>
      </c>
      <c r="AH19" s="89">
        <v>216</v>
      </c>
      <c r="AI19" s="90">
        <v>281</v>
      </c>
      <c r="AJ19" s="87">
        <v>57</v>
      </c>
      <c r="AK19" s="88">
        <v>64</v>
      </c>
      <c r="AL19" s="89">
        <v>121</v>
      </c>
      <c r="AM19" s="399">
        <v>0</v>
      </c>
      <c r="AN19" s="88">
        <v>95</v>
      </c>
      <c r="AO19" s="88">
        <v>101</v>
      </c>
      <c r="AP19" s="88">
        <v>78</v>
      </c>
      <c r="AQ19" s="88">
        <v>65</v>
      </c>
      <c r="AR19" s="88">
        <v>44</v>
      </c>
      <c r="AS19" s="89">
        <v>383</v>
      </c>
      <c r="AT19" s="90">
        <v>504</v>
      </c>
      <c r="AU19" s="87">
        <v>78</v>
      </c>
      <c r="AV19" s="88">
        <v>79</v>
      </c>
      <c r="AW19" s="89">
        <v>157</v>
      </c>
      <c r="AX19" s="399">
        <v>0</v>
      </c>
      <c r="AY19" s="88">
        <v>151</v>
      </c>
      <c r="AZ19" s="88">
        <v>177</v>
      </c>
      <c r="BA19" s="88">
        <v>99</v>
      </c>
      <c r="BB19" s="88">
        <v>82</v>
      </c>
      <c r="BC19" s="88">
        <v>37</v>
      </c>
      <c r="BD19" s="89">
        <v>546</v>
      </c>
      <c r="BE19" s="90">
        <v>703</v>
      </c>
      <c r="BF19" s="87">
        <v>44</v>
      </c>
      <c r="BG19" s="88">
        <v>71</v>
      </c>
      <c r="BH19" s="89">
        <v>115</v>
      </c>
      <c r="BI19" s="399">
        <v>0</v>
      </c>
      <c r="BJ19" s="88">
        <v>141</v>
      </c>
      <c r="BK19" s="88">
        <v>147</v>
      </c>
      <c r="BL19" s="88">
        <v>106</v>
      </c>
      <c r="BM19" s="88">
        <v>80</v>
      </c>
      <c r="BN19" s="88">
        <v>34</v>
      </c>
      <c r="BO19" s="89">
        <v>508</v>
      </c>
      <c r="BP19" s="90">
        <v>623</v>
      </c>
      <c r="BQ19" s="87">
        <v>27</v>
      </c>
      <c r="BR19" s="88">
        <v>48</v>
      </c>
      <c r="BS19" s="89">
        <v>75</v>
      </c>
      <c r="BT19" s="399">
        <v>0</v>
      </c>
      <c r="BU19" s="88">
        <v>80</v>
      </c>
      <c r="BV19" s="88">
        <v>113</v>
      </c>
      <c r="BW19" s="88">
        <v>71</v>
      </c>
      <c r="BX19" s="88">
        <v>57</v>
      </c>
      <c r="BY19" s="88">
        <v>24</v>
      </c>
      <c r="BZ19" s="89">
        <v>345</v>
      </c>
      <c r="CA19" s="90">
        <v>420</v>
      </c>
      <c r="CB19" s="87">
        <v>12</v>
      </c>
      <c r="CC19" s="88">
        <v>17</v>
      </c>
      <c r="CD19" s="89">
        <v>29</v>
      </c>
      <c r="CE19" s="399">
        <v>0</v>
      </c>
      <c r="CF19" s="88">
        <v>12</v>
      </c>
      <c r="CG19" s="88">
        <v>26</v>
      </c>
      <c r="CH19" s="88">
        <v>20</v>
      </c>
      <c r="CI19" s="88">
        <v>12</v>
      </c>
      <c r="CJ19" s="88">
        <v>14</v>
      </c>
      <c r="CK19" s="89">
        <v>84</v>
      </c>
      <c r="CL19" s="90">
        <v>113</v>
      </c>
      <c r="CM19" s="87">
        <v>255</v>
      </c>
      <c r="CN19" s="88">
        <v>326</v>
      </c>
      <c r="CO19" s="89">
        <v>581</v>
      </c>
      <c r="CP19" s="399">
        <v>0</v>
      </c>
      <c r="CQ19" s="88">
        <v>541</v>
      </c>
      <c r="CR19" s="88">
        <v>656</v>
      </c>
      <c r="CS19" s="88">
        <v>442</v>
      </c>
      <c r="CT19" s="88">
        <v>344</v>
      </c>
      <c r="CU19" s="88">
        <v>196</v>
      </c>
      <c r="CV19" s="89">
        <v>2179</v>
      </c>
      <c r="CW19" s="90">
        <v>2760</v>
      </c>
      <c r="CX19" s="91">
        <v>469</v>
      </c>
      <c r="CY19" s="83">
        <v>695</v>
      </c>
      <c r="CZ19" s="84">
        <v>1164</v>
      </c>
      <c r="DA19" s="399">
        <v>0</v>
      </c>
      <c r="DB19" s="83">
        <v>849</v>
      </c>
      <c r="DC19" s="83">
        <v>1003</v>
      </c>
      <c r="DD19" s="83">
        <v>760</v>
      </c>
      <c r="DE19" s="83">
        <v>779</v>
      </c>
      <c r="DF19" s="83">
        <v>463</v>
      </c>
      <c r="DG19" s="85">
        <v>3854</v>
      </c>
      <c r="DH19" s="86">
        <v>5018</v>
      </c>
      <c r="DI19" s="87">
        <v>17</v>
      </c>
      <c r="DJ19" s="88">
        <v>27</v>
      </c>
      <c r="DK19" s="89">
        <v>44</v>
      </c>
      <c r="DL19" s="399">
        <v>0</v>
      </c>
      <c r="DM19" s="88">
        <v>7</v>
      </c>
      <c r="DN19" s="88">
        <v>25</v>
      </c>
      <c r="DO19" s="88">
        <v>17</v>
      </c>
      <c r="DP19" s="88">
        <v>9</v>
      </c>
      <c r="DQ19" s="88">
        <v>8</v>
      </c>
      <c r="DR19" s="89">
        <v>66</v>
      </c>
      <c r="DS19" s="90">
        <v>110</v>
      </c>
      <c r="DT19" s="87">
        <v>37</v>
      </c>
      <c r="DU19" s="88">
        <v>63</v>
      </c>
      <c r="DV19" s="89">
        <v>100</v>
      </c>
      <c r="DW19" s="399">
        <v>0</v>
      </c>
      <c r="DX19" s="88">
        <v>41</v>
      </c>
      <c r="DY19" s="88">
        <v>74</v>
      </c>
      <c r="DZ19" s="88">
        <v>37</v>
      </c>
      <c r="EA19" s="88">
        <v>43</v>
      </c>
      <c r="EB19" s="88">
        <v>26</v>
      </c>
      <c r="EC19" s="89">
        <v>221</v>
      </c>
      <c r="ED19" s="90">
        <v>321</v>
      </c>
      <c r="EE19" s="87">
        <v>80</v>
      </c>
      <c r="EF19" s="88">
        <v>107</v>
      </c>
      <c r="EG19" s="89">
        <v>187</v>
      </c>
      <c r="EH19" s="399">
        <v>0</v>
      </c>
      <c r="EI19" s="88">
        <v>114</v>
      </c>
      <c r="EJ19" s="88">
        <v>115</v>
      </c>
      <c r="EK19" s="88">
        <v>78</v>
      </c>
      <c r="EL19" s="88">
        <v>86</v>
      </c>
      <c r="EM19" s="88">
        <v>52</v>
      </c>
      <c r="EN19" s="89">
        <v>445</v>
      </c>
      <c r="EO19" s="90">
        <v>632</v>
      </c>
      <c r="EP19" s="87">
        <v>149</v>
      </c>
      <c r="EQ19" s="88">
        <v>185</v>
      </c>
      <c r="ER19" s="89">
        <v>334</v>
      </c>
      <c r="ES19" s="399">
        <v>0</v>
      </c>
      <c r="ET19" s="88">
        <v>205</v>
      </c>
      <c r="EU19" s="88">
        <v>246</v>
      </c>
      <c r="EV19" s="88">
        <v>160</v>
      </c>
      <c r="EW19" s="88">
        <v>142</v>
      </c>
      <c r="EX19" s="88">
        <v>93</v>
      </c>
      <c r="EY19" s="89">
        <v>846</v>
      </c>
      <c r="EZ19" s="90">
        <v>1180</v>
      </c>
      <c r="FA19" s="87">
        <v>125</v>
      </c>
      <c r="FB19" s="88">
        <v>175</v>
      </c>
      <c r="FC19" s="89">
        <v>300</v>
      </c>
      <c r="FD19" s="399">
        <v>0</v>
      </c>
      <c r="FE19" s="88">
        <v>242</v>
      </c>
      <c r="FF19" s="88">
        <v>243</v>
      </c>
      <c r="FG19" s="88">
        <v>198</v>
      </c>
      <c r="FH19" s="88">
        <v>185</v>
      </c>
      <c r="FI19" s="88">
        <v>108</v>
      </c>
      <c r="FJ19" s="89">
        <v>976</v>
      </c>
      <c r="FK19" s="90">
        <v>1276</v>
      </c>
      <c r="FL19" s="87">
        <v>61</v>
      </c>
      <c r="FM19" s="88">
        <v>138</v>
      </c>
      <c r="FN19" s="89">
        <v>199</v>
      </c>
      <c r="FO19" s="399">
        <v>0</v>
      </c>
      <c r="FP19" s="88">
        <v>240</v>
      </c>
      <c r="FQ19" s="88">
        <v>300</v>
      </c>
      <c r="FR19" s="88">
        <v>270</v>
      </c>
      <c r="FS19" s="88">
        <v>314</v>
      </c>
      <c r="FT19" s="88">
        <v>176</v>
      </c>
      <c r="FU19" s="89">
        <v>1300</v>
      </c>
      <c r="FV19" s="90">
        <v>1499</v>
      </c>
      <c r="FW19" s="87">
        <v>6</v>
      </c>
      <c r="FX19" s="88">
        <v>16</v>
      </c>
      <c r="FY19" s="89">
        <v>22</v>
      </c>
      <c r="FZ19" s="399">
        <v>0</v>
      </c>
      <c r="GA19" s="88">
        <v>7</v>
      </c>
      <c r="GB19" s="88">
        <v>16</v>
      </c>
      <c r="GC19" s="88">
        <v>15</v>
      </c>
      <c r="GD19" s="88">
        <v>11</v>
      </c>
      <c r="GE19" s="88">
        <v>12</v>
      </c>
      <c r="GF19" s="89">
        <v>61</v>
      </c>
      <c r="GG19" s="90">
        <v>83</v>
      </c>
      <c r="GH19" s="87">
        <v>475</v>
      </c>
      <c r="GI19" s="88">
        <v>711</v>
      </c>
      <c r="GJ19" s="89">
        <v>1186</v>
      </c>
      <c r="GK19" s="399">
        <v>0</v>
      </c>
      <c r="GL19" s="88">
        <v>856</v>
      </c>
      <c r="GM19" s="88">
        <v>1019</v>
      </c>
      <c r="GN19" s="88">
        <v>775</v>
      </c>
      <c r="GO19" s="88">
        <v>790</v>
      </c>
      <c r="GP19" s="88">
        <v>475</v>
      </c>
      <c r="GQ19" s="89">
        <v>3915</v>
      </c>
      <c r="GR19" s="90">
        <v>5101</v>
      </c>
      <c r="GS19" s="91">
        <v>712</v>
      </c>
      <c r="GT19" s="83">
        <v>1004</v>
      </c>
      <c r="GU19" s="84">
        <v>1716</v>
      </c>
      <c r="GV19" s="399">
        <v>0</v>
      </c>
      <c r="GW19" s="83">
        <v>1378</v>
      </c>
      <c r="GX19" s="83">
        <v>1633</v>
      </c>
      <c r="GY19" s="83">
        <v>1182</v>
      </c>
      <c r="GZ19" s="83">
        <v>1111</v>
      </c>
      <c r="HA19" s="83">
        <v>645</v>
      </c>
      <c r="HB19" s="85">
        <v>5949</v>
      </c>
      <c r="HC19" s="86">
        <v>7665</v>
      </c>
      <c r="HD19" s="87">
        <v>24</v>
      </c>
      <c r="HE19" s="88">
        <v>39</v>
      </c>
      <c r="HF19" s="89">
        <v>63</v>
      </c>
      <c r="HG19" s="402">
        <v>0</v>
      </c>
      <c r="HH19" s="88">
        <v>27</v>
      </c>
      <c r="HI19" s="88">
        <v>54</v>
      </c>
      <c r="HJ19" s="88">
        <v>40</v>
      </c>
      <c r="HK19" s="88">
        <v>21</v>
      </c>
      <c r="HL19" s="88">
        <v>21</v>
      </c>
      <c r="HM19" s="89">
        <v>163</v>
      </c>
      <c r="HN19" s="90">
        <v>226</v>
      </c>
      <c r="HO19" s="87">
        <v>67</v>
      </c>
      <c r="HP19" s="88">
        <v>98</v>
      </c>
      <c r="HQ19" s="89">
        <v>165</v>
      </c>
      <c r="HR19" s="399">
        <v>0</v>
      </c>
      <c r="HS19" s="88">
        <v>83</v>
      </c>
      <c r="HT19" s="88">
        <v>137</v>
      </c>
      <c r="HU19" s="88">
        <v>82</v>
      </c>
      <c r="HV19" s="88">
        <v>79</v>
      </c>
      <c r="HW19" s="88">
        <v>56</v>
      </c>
      <c r="HX19" s="89">
        <v>437</v>
      </c>
      <c r="HY19" s="90">
        <v>602</v>
      </c>
      <c r="HZ19" s="87">
        <v>137</v>
      </c>
      <c r="IA19" s="88">
        <v>171</v>
      </c>
      <c r="IB19" s="89">
        <v>308</v>
      </c>
      <c r="IC19" s="399">
        <v>0</v>
      </c>
      <c r="ID19" s="88">
        <v>209</v>
      </c>
      <c r="IE19" s="88">
        <v>216</v>
      </c>
      <c r="IF19" s="88">
        <v>156</v>
      </c>
      <c r="IG19" s="88">
        <v>151</v>
      </c>
      <c r="IH19" s="88">
        <v>96</v>
      </c>
      <c r="II19" s="89">
        <v>828</v>
      </c>
      <c r="IJ19" s="90">
        <v>1136</v>
      </c>
      <c r="IK19" s="87">
        <v>227</v>
      </c>
      <c r="IL19" s="88">
        <v>264</v>
      </c>
      <c r="IM19" s="89">
        <v>491</v>
      </c>
      <c r="IN19" s="399">
        <v>0</v>
      </c>
      <c r="IO19" s="88">
        <v>356</v>
      </c>
      <c r="IP19" s="88">
        <v>423</v>
      </c>
      <c r="IQ19" s="88">
        <v>259</v>
      </c>
      <c r="IR19" s="88">
        <v>224</v>
      </c>
      <c r="IS19" s="88">
        <v>130</v>
      </c>
      <c r="IT19" s="89">
        <v>1392</v>
      </c>
      <c r="IU19" s="90">
        <v>1883</v>
      </c>
      <c r="IV19" s="87">
        <v>169</v>
      </c>
      <c r="IW19" s="88">
        <v>246</v>
      </c>
      <c r="IX19" s="89">
        <v>415</v>
      </c>
      <c r="IY19" s="399">
        <v>0</v>
      </c>
      <c r="IZ19" s="88">
        <v>383</v>
      </c>
      <c r="JA19" s="88">
        <v>390</v>
      </c>
      <c r="JB19" s="88">
        <v>304</v>
      </c>
      <c r="JC19" s="88">
        <v>265</v>
      </c>
      <c r="JD19" s="88">
        <v>142</v>
      </c>
      <c r="JE19" s="89">
        <v>1484</v>
      </c>
      <c r="JF19" s="90">
        <v>1899</v>
      </c>
      <c r="JG19" s="87">
        <v>88</v>
      </c>
      <c r="JH19" s="88">
        <v>186</v>
      </c>
      <c r="JI19" s="89">
        <v>274</v>
      </c>
      <c r="JJ19" s="399">
        <v>0</v>
      </c>
      <c r="JK19" s="88">
        <v>320</v>
      </c>
      <c r="JL19" s="88">
        <v>413</v>
      </c>
      <c r="JM19" s="88">
        <v>341</v>
      </c>
      <c r="JN19" s="88">
        <v>371</v>
      </c>
      <c r="JO19" s="88">
        <v>200</v>
      </c>
      <c r="JP19" s="89">
        <v>1645</v>
      </c>
      <c r="JQ19" s="90">
        <v>1919</v>
      </c>
      <c r="JR19" s="87">
        <v>18</v>
      </c>
      <c r="JS19" s="88">
        <v>33</v>
      </c>
      <c r="JT19" s="89">
        <v>51</v>
      </c>
      <c r="JU19" s="399">
        <v>0</v>
      </c>
      <c r="JV19" s="88">
        <v>19</v>
      </c>
      <c r="JW19" s="88">
        <v>42</v>
      </c>
      <c r="JX19" s="88">
        <v>35</v>
      </c>
      <c r="JY19" s="88">
        <v>23</v>
      </c>
      <c r="JZ19" s="88">
        <v>26</v>
      </c>
      <c r="KA19" s="89">
        <v>145</v>
      </c>
      <c r="KB19" s="90">
        <v>196</v>
      </c>
      <c r="KC19" s="87">
        <v>730</v>
      </c>
      <c r="KD19" s="88">
        <v>1037</v>
      </c>
      <c r="KE19" s="89">
        <v>1767</v>
      </c>
      <c r="KF19" s="399">
        <v>0</v>
      </c>
      <c r="KG19" s="88">
        <v>1397</v>
      </c>
      <c r="KH19" s="88">
        <v>1675</v>
      </c>
      <c r="KI19" s="88">
        <v>1217</v>
      </c>
      <c r="KJ19" s="88">
        <v>1134</v>
      </c>
      <c r="KK19" s="88">
        <v>671</v>
      </c>
      <c r="KL19" s="89">
        <v>6094</v>
      </c>
      <c r="KM19" s="90">
        <v>7861</v>
      </c>
    </row>
    <row r="20" spans="2:299" s="56" customFormat="1" ht="21" customHeight="1" x14ac:dyDescent="0.2">
      <c r="B20" s="92" t="s">
        <v>17</v>
      </c>
      <c r="C20" s="82">
        <v>377</v>
      </c>
      <c r="D20" s="83">
        <v>397</v>
      </c>
      <c r="E20" s="84">
        <v>774</v>
      </c>
      <c r="F20" s="399">
        <v>0</v>
      </c>
      <c r="G20" s="83">
        <v>562</v>
      </c>
      <c r="H20" s="83">
        <v>840</v>
      </c>
      <c r="I20" s="83">
        <v>565</v>
      </c>
      <c r="J20" s="83">
        <v>432</v>
      </c>
      <c r="K20" s="83">
        <v>229</v>
      </c>
      <c r="L20" s="85">
        <v>2628</v>
      </c>
      <c r="M20" s="86">
        <v>3402</v>
      </c>
      <c r="N20" s="87">
        <v>15</v>
      </c>
      <c r="O20" s="88">
        <v>18</v>
      </c>
      <c r="P20" s="89">
        <v>33</v>
      </c>
      <c r="Q20" s="399">
        <v>0</v>
      </c>
      <c r="R20" s="88">
        <v>21</v>
      </c>
      <c r="S20" s="88">
        <v>46</v>
      </c>
      <c r="T20" s="88">
        <v>34</v>
      </c>
      <c r="U20" s="88">
        <v>26</v>
      </c>
      <c r="V20" s="88">
        <v>20</v>
      </c>
      <c r="W20" s="89">
        <v>147</v>
      </c>
      <c r="X20" s="90">
        <v>180</v>
      </c>
      <c r="Y20" s="87">
        <v>28</v>
      </c>
      <c r="Z20" s="88">
        <v>47</v>
      </c>
      <c r="AA20" s="89">
        <v>75</v>
      </c>
      <c r="AB20" s="399">
        <v>0</v>
      </c>
      <c r="AC20" s="88">
        <v>46</v>
      </c>
      <c r="AD20" s="88">
        <v>98</v>
      </c>
      <c r="AE20" s="88">
        <v>51</v>
      </c>
      <c r="AF20" s="88">
        <v>37</v>
      </c>
      <c r="AG20" s="88">
        <v>34</v>
      </c>
      <c r="AH20" s="89">
        <v>266</v>
      </c>
      <c r="AI20" s="90">
        <v>341</v>
      </c>
      <c r="AJ20" s="87">
        <v>58</v>
      </c>
      <c r="AK20" s="88">
        <v>87</v>
      </c>
      <c r="AL20" s="89">
        <v>145</v>
      </c>
      <c r="AM20" s="399">
        <v>0</v>
      </c>
      <c r="AN20" s="88">
        <v>88</v>
      </c>
      <c r="AO20" s="88">
        <v>154</v>
      </c>
      <c r="AP20" s="88">
        <v>99</v>
      </c>
      <c r="AQ20" s="88">
        <v>67</v>
      </c>
      <c r="AR20" s="88">
        <v>54</v>
      </c>
      <c r="AS20" s="89">
        <v>462</v>
      </c>
      <c r="AT20" s="90">
        <v>607</v>
      </c>
      <c r="AU20" s="87">
        <v>114</v>
      </c>
      <c r="AV20" s="88">
        <v>88</v>
      </c>
      <c r="AW20" s="89">
        <v>202</v>
      </c>
      <c r="AX20" s="399">
        <v>0</v>
      </c>
      <c r="AY20" s="88">
        <v>179</v>
      </c>
      <c r="AZ20" s="88">
        <v>242</v>
      </c>
      <c r="BA20" s="88">
        <v>151</v>
      </c>
      <c r="BB20" s="88">
        <v>113</v>
      </c>
      <c r="BC20" s="88">
        <v>45</v>
      </c>
      <c r="BD20" s="89">
        <v>730</v>
      </c>
      <c r="BE20" s="90">
        <v>932</v>
      </c>
      <c r="BF20" s="87">
        <v>112</v>
      </c>
      <c r="BG20" s="88">
        <v>97</v>
      </c>
      <c r="BH20" s="89">
        <v>209</v>
      </c>
      <c r="BI20" s="399">
        <v>0</v>
      </c>
      <c r="BJ20" s="88">
        <v>143</v>
      </c>
      <c r="BK20" s="88">
        <v>165</v>
      </c>
      <c r="BL20" s="88">
        <v>134</v>
      </c>
      <c r="BM20" s="88">
        <v>114</v>
      </c>
      <c r="BN20" s="88">
        <v>36</v>
      </c>
      <c r="BO20" s="89">
        <v>592</v>
      </c>
      <c r="BP20" s="90">
        <v>801</v>
      </c>
      <c r="BQ20" s="87">
        <v>50</v>
      </c>
      <c r="BR20" s="88">
        <v>60</v>
      </c>
      <c r="BS20" s="89">
        <v>110</v>
      </c>
      <c r="BT20" s="399">
        <v>0</v>
      </c>
      <c r="BU20" s="88">
        <v>85</v>
      </c>
      <c r="BV20" s="88">
        <v>135</v>
      </c>
      <c r="BW20" s="88">
        <v>96</v>
      </c>
      <c r="BX20" s="88">
        <v>75</v>
      </c>
      <c r="BY20" s="88">
        <v>40</v>
      </c>
      <c r="BZ20" s="89">
        <v>431</v>
      </c>
      <c r="CA20" s="90">
        <v>541</v>
      </c>
      <c r="CB20" s="87">
        <v>8</v>
      </c>
      <c r="CC20" s="88">
        <v>15</v>
      </c>
      <c r="CD20" s="89">
        <v>23</v>
      </c>
      <c r="CE20" s="399">
        <v>0</v>
      </c>
      <c r="CF20" s="88">
        <v>24</v>
      </c>
      <c r="CG20" s="88">
        <v>35</v>
      </c>
      <c r="CH20" s="88">
        <v>32</v>
      </c>
      <c r="CI20" s="88">
        <v>17</v>
      </c>
      <c r="CJ20" s="88">
        <v>17</v>
      </c>
      <c r="CK20" s="89">
        <v>125</v>
      </c>
      <c r="CL20" s="90">
        <v>148</v>
      </c>
      <c r="CM20" s="87">
        <v>385</v>
      </c>
      <c r="CN20" s="88">
        <v>412</v>
      </c>
      <c r="CO20" s="89">
        <v>797</v>
      </c>
      <c r="CP20" s="399">
        <v>0</v>
      </c>
      <c r="CQ20" s="88">
        <v>586</v>
      </c>
      <c r="CR20" s="88">
        <v>875</v>
      </c>
      <c r="CS20" s="88">
        <v>597</v>
      </c>
      <c r="CT20" s="88">
        <v>449</v>
      </c>
      <c r="CU20" s="88">
        <v>246</v>
      </c>
      <c r="CV20" s="89">
        <v>2753</v>
      </c>
      <c r="CW20" s="90">
        <v>3550</v>
      </c>
      <c r="CX20" s="91">
        <v>692</v>
      </c>
      <c r="CY20" s="83">
        <v>958</v>
      </c>
      <c r="CZ20" s="84">
        <v>1650</v>
      </c>
      <c r="DA20" s="399">
        <v>0</v>
      </c>
      <c r="DB20" s="83">
        <v>936</v>
      </c>
      <c r="DC20" s="83">
        <v>1394</v>
      </c>
      <c r="DD20" s="83">
        <v>994</v>
      </c>
      <c r="DE20" s="83">
        <v>927</v>
      </c>
      <c r="DF20" s="83">
        <v>574</v>
      </c>
      <c r="DG20" s="85">
        <v>4825</v>
      </c>
      <c r="DH20" s="86">
        <v>6475</v>
      </c>
      <c r="DI20" s="87">
        <v>19</v>
      </c>
      <c r="DJ20" s="88">
        <v>33</v>
      </c>
      <c r="DK20" s="89">
        <v>52</v>
      </c>
      <c r="DL20" s="399">
        <v>0</v>
      </c>
      <c r="DM20" s="88">
        <v>15</v>
      </c>
      <c r="DN20" s="88">
        <v>28</v>
      </c>
      <c r="DO20" s="88">
        <v>27</v>
      </c>
      <c r="DP20" s="88">
        <v>21</v>
      </c>
      <c r="DQ20" s="88">
        <v>19</v>
      </c>
      <c r="DR20" s="89">
        <v>110</v>
      </c>
      <c r="DS20" s="90">
        <v>162</v>
      </c>
      <c r="DT20" s="87">
        <v>43</v>
      </c>
      <c r="DU20" s="88">
        <v>63</v>
      </c>
      <c r="DV20" s="89">
        <v>106</v>
      </c>
      <c r="DW20" s="399">
        <v>0</v>
      </c>
      <c r="DX20" s="88">
        <v>59</v>
      </c>
      <c r="DY20" s="88">
        <v>74</v>
      </c>
      <c r="DZ20" s="88">
        <v>55</v>
      </c>
      <c r="EA20" s="88">
        <v>54</v>
      </c>
      <c r="EB20" s="88">
        <v>29</v>
      </c>
      <c r="EC20" s="89">
        <v>271</v>
      </c>
      <c r="ED20" s="90">
        <v>377</v>
      </c>
      <c r="EE20" s="87">
        <v>123</v>
      </c>
      <c r="EF20" s="88">
        <v>173</v>
      </c>
      <c r="EG20" s="89">
        <v>296</v>
      </c>
      <c r="EH20" s="399">
        <v>0</v>
      </c>
      <c r="EI20" s="88">
        <v>133</v>
      </c>
      <c r="EJ20" s="88">
        <v>163</v>
      </c>
      <c r="EK20" s="88">
        <v>118</v>
      </c>
      <c r="EL20" s="88">
        <v>89</v>
      </c>
      <c r="EM20" s="88">
        <v>52</v>
      </c>
      <c r="EN20" s="89">
        <v>555</v>
      </c>
      <c r="EO20" s="90">
        <v>851</v>
      </c>
      <c r="EP20" s="87">
        <v>219</v>
      </c>
      <c r="EQ20" s="88">
        <v>275</v>
      </c>
      <c r="ER20" s="89">
        <v>494</v>
      </c>
      <c r="ES20" s="399">
        <v>0</v>
      </c>
      <c r="ET20" s="88">
        <v>243</v>
      </c>
      <c r="EU20" s="88">
        <v>362</v>
      </c>
      <c r="EV20" s="88">
        <v>227</v>
      </c>
      <c r="EW20" s="88">
        <v>196</v>
      </c>
      <c r="EX20" s="88">
        <v>131</v>
      </c>
      <c r="EY20" s="89">
        <v>1159</v>
      </c>
      <c r="EZ20" s="90">
        <v>1653</v>
      </c>
      <c r="FA20" s="87">
        <v>195</v>
      </c>
      <c r="FB20" s="88">
        <v>262</v>
      </c>
      <c r="FC20" s="89">
        <v>457</v>
      </c>
      <c r="FD20" s="399">
        <v>0</v>
      </c>
      <c r="FE20" s="88">
        <v>257</v>
      </c>
      <c r="FF20" s="88">
        <v>407</v>
      </c>
      <c r="FG20" s="88">
        <v>266</v>
      </c>
      <c r="FH20" s="88">
        <v>210</v>
      </c>
      <c r="FI20" s="88">
        <v>153</v>
      </c>
      <c r="FJ20" s="89">
        <v>1293</v>
      </c>
      <c r="FK20" s="90">
        <v>1750</v>
      </c>
      <c r="FL20" s="87">
        <v>93</v>
      </c>
      <c r="FM20" s="88">
        <v>152</v>
      </c>
      <c r="FN20" s="89">
        <v>245</v>
      </c>
      <c r="FO20" s="399">
        <v>0</v>
      </c>
      <c r="FP20" s="88">
        <v>229</v>
      </c>
      <c r="FQ20" s="88">
        <v>360</v>
      </c>
      <c r="FR20" s="88">
        <v>301</v>
      </c>
      <c r="FS20" s="88">
        <v>357</v>
      </c>
      <c r="FT20" s="88">
        <v>190</v>
      </c>
      <c r="FU20" s="89">
        <v>1437</v>
      </c>
      <c r="FV20" s="90">
        <v>1682</v>
      </c>
      <c r="FW20" s="87">
        <v>5</v>
      </c>
      <c r="FX20" s="88">
        <v>18</v>
      </c>
      <c r="FY20" s="89">
        <v>23</v>
      </c>
      <c r="FZ20" s="399">
        <v>0</v>
      </c>
      <c r="GA20" s="88">
        <v>5</v>
      </c>
      <c r="GB20" s="88">
        <v>30</v>
      </c>
      <c r="GC20" s="88">
        <v>18</v>
      </c>
      <c r="GD20" s="88">
        <v>20</v>
      </c>
      <c r="GE20" s="88">
        <v>22</v>
      </c>
      <c r="GF20" s="89">
        <v>95</v>
      </c>
      <c r="GG20" s="90">
        <v>118</v>
      </c>
      <c r="GH20" s="87">
        <v>697</v>
      </c>
      <c r="GI20" s="88">
        <v>976</v>
      </c>
      <c r="GJ20" s="89">
        <v>1673</v>
      </c>
      <c r="GK20" s="399">
        <v>0</v>
      </c>
      <c r="GL20" s="88">
        <v>941</v>
      </c>
      <c r="GM20" s="88">
        <v>1424</v>
      </c>
      <c r="GN20" s="88">
        <v>1012</v>
      </c>
      <c r="GO20" s="88">
        <v>947</v>
      </c>
      <c r="GP20" s="88">
        <v>596</v>
      </c>
      <c r="GQ20" s="89">
        <v>4920</v>
      </c>
      <c r="GR20" s="90">
        <v>6593</v>
      </c>
      <c r="GS20" s="91">
        <v>1069</v>
      </c>
      <c r="GT20" s="83">
        <v>1355</v>
      </c>
      <c r="GU20" s="84">
        <v>2424</v>
      </c>
      <c r="GV20" s="399">
        <v>0</v>
      </c>
      <c r="GW20" s="83">
        <v>1498</v>
      </c>
      <c r="GX20" s="83">
        <v>2234</v>
      </c>
      <c r="GY20" s="83">
        <v>1559</v>
      </c>
      <c r="GZ20" s="83">
        <v>1359</v>
      </c>
      <c r="HA20" s="83">
        <v>803</v>
      </c>
      <c r="HB20" s="85">
        <v>7453</v>
      </c>
      <c r="HC20" s="86">
        <v>9877</v>
      </c>
      <c r="HD20" s="87">
        <v>34</v>
      </c>
      <c r="HE20" s="88">
        <v>51</v>
      </c>
      <c r="HF20" s="89">
        <v>85</v>
      </c>
      <c r="HG20" s="402">
        <v>0</v>
      </c>
      <c r="HH20" s="88">
        <v>36</v>
      </c>
      <c r="HI20" s="88">
        <v>74</v>
      </c>
      <c r="HJ20" s="88">
        <v>61</v>
      </c>
      <c r="HK20" s="88">
        <v>47</v>
      </c>
      <c r="HL20" s="88">
        <v>39</v>
      </c>
      <c r="HM20" s="89">
        <v>257</v>
      </c>
      <c r="HN20" s="90">
        <v>342</v>
      </c>
      <c r="HO20" s="87">
        <v>71</v>
      </c>
      <c r="HP20" s="88">
        <v>110</v>
      </c>
      <c r="HQ20" s="89">
        <v>181</v>
      </c>
      <c r="HR20" s="399">
        <v>0</v>
      </c>
      <c r="HS20" s="88">
        <v>105</v>
      </c>
      <c r="HT20" s="88">
        <v>172</v>
      </c>
      <c r="HU20" s="88">
        <v>106</v>
      </c>
      <c r="HV20" s="88">
        <v>91</v>
      </c>
      <c r="HW20" s="88">
        <v>63</v>
      </c>
      <c r="HX20" s="89">
        <v>537</v>
      </c>
      <c r="HY20" s="90">
        <v>718</v>
      </c>
      <c r="HZ20" s="87">
        <v>181</v>
      </c>
      <c r="IA20" s="88">
        <v>260</v>
      </c>
      <c r="IB20" s="89">
        <v>441</v>
      </c>
      <c r="IC20" s="399">
        <v>0</v>
      </c>
      <c r="ID20" s="88">
        <v>221</v>
      </c>
      <c r="IE20" s="88">
        <v>317</v>
      </c>
      <c r="IF20" s="88">
        <v>217</v>
      </c>
      <c r="IG20" s="88">
        <v>156</v>
      </c>
      <c r="IH20" s="88">
        <v>106</v>
      </c>
      <c r="II20" s="89">
        <v>1017</v>
      </c>
      <c r="IJ20" s="90">
        <v>1458</v>
      </c>
      <c r="IK20" s="87">
        <v>333</v>
      </c>
      <c r="IL20" s="88">
        <v>363</v>
      </c>
      <c r="IM20" s="89">
        <v>696</v>
      </c>
      <c r="IN20" s="399">
        <v>0</v>
      </c>
      <c r="IO20" s="88">
        <v>422</v>
      </c>
      <c r="IP20" s="88">
        <v>604</v>
      </c>
      <c r="IQ20" s="88">
        <v>378</v>
      </c>
      <c r="IR20" s="88">
        <v>309</v>
      </c>
      <c r="IS20" s="88">
        <v>176</v>
      </c>
      <c r="IT20" s="89">
        <v>1889</v>
      </c>
      <c r="IU20" s="90">
        <v>2585</v>
      </c>
      <c r="IV20" s="87">
        <v>307</v>
      </c>
      <c r="IW20" s="88">
        <v>359</v>
      </c>
      <c r="IX20" s="89">
        <v>666</v>
      </c>
      <c r="IY20" s="399">
        <v>0</v>
      </c>
      <c r="IZ20" s="88">
        <v>400</v>
      </c>
      <c r="JA20" s="88">
        <v>572</v>
      </c>
      <c r="JB20" s="88">
        <v>400</v>
      </c>
      <c r="JC20" s="88">
        <v>324</v>
      </c>
      <c r="JD20" s="88">
        <v>189</v>
      </c>
      <c r="JE20" s="89">
        <v>1885</v>
      </c>
      <c r="JF20" s="90">
        <v>2551</v>
      </c>
      <c r="JG20" s="87">
        <v>143</v>
      </c>
      <c r="JH20" s="88">
        <v>212</v>
      </c>
      <c r="JI20" s="89">
        <v>355</v>
      </c>
      <c r="JJ20" s="399">
        <v>0</v>
      </c>
      <c r="JK20" s="88">
        <v>314</v>
      </c>
      <c r="JL20" s="88">
        <v>495</v>
      </c>
      <c r="JM20" s="88">
        <v>397</v>
      </c>
      <c r="JN20" s="88">
        <v>432</v>
      </c>
      <c r="JO20" s="88">
        <v>230</v>
      </c>
      <c r="JP20" s="89">
        <v>1868</v>
      </c>
      <c r="JQ20" s="90">
        <v>2223</v>
      </c>
      <c r="JR20" s="87">
        <v>13</v>
      </c>
      <c r="JS20" s="88">
        <v>33</v>
      </c>
      <c r="JT20" s="89">
        <v>46</v>
      </c>
      <c r="JU20" s="399">
        <v>0</v>
      </c>
      <c r="JV20" s="88">
        <v>29</v>
      </c>
      <c r="JW20" s="88">
        <v>65</v>
      </c>
      <c r="JX20" s="88">
        <v>50</v>
      </c>
      <c r="JY20" s="88">
        <v>37</v>
      </c>
      <c r="JZ20" s="88">
        <v>39</v>
      </c>
      <c r="KA20" s="89">
        <v>220</v>
      </c>
      <c r="KB20" s="90">
        <v>266</v>
      </c>
      <c r="KC20" s="87">
        <v>1082</v>
      </c>
      <c r="KD20" s="88">
        <v>1388</v>
      </c>
      <c r="KE20" s="89">
        <v>2470</v>
      </c>
      <c r="KF20" s="399">
        <v>0</v>
      </c>
      <c r="KG20" s="88">
        <v>1527</v>
      </c>
      <c r="KH20" s="88">
        <v>2299</v>
      </c>
      <c r="KI20" s="88">
        <v>1609</v>
      </c>
      <c r="KJ20" s="88">
        <v>1396</v>
      </c>
      <c r="KK20" s="88">
        <v>842</v>
      </c>
      <c r="KL20" s="89">
        <v>7673</v>
      </c>
      <c r="KM20" s="90">
        <v>10143</v>
      </c>
    </row>
    <row r="21" spans="2:299" s="56" customFormat="1" ht="21" customHeight="1" x14ac:dyDescent="0.2">
      <c r="B21" s="92" t="s">
        <v>18</v>
      </c>
      <c r="C21" s="82">
        <v>457</v>
      </c>
      <c r="D21" s="83">
        <v>475</v>
      </c>
      <c r="E21" s="84">
        <v>932</v>
      </c>
      <c r="F21" s="399">
        <v>0</v>
      </c>
      <c r="G21" s="83">
        <v>973</v>
      </c>
      <c r="H21" s="83">
        <v>823</v>
      </c>
      <c r="I21" s="83">
        <v>566</v>
      </c>
      <c r="J21" s="83">
        <v>420</v>
      </c>
      <c r="K21" s="83">
        <v>271</v>
      </c>
      <c r="L21" s="85">
        <v>3053</v>
      </c>
      <c r="M21" s="86">
        <v>3985</v>
      </c>
      <c r="N21" s="87">
        <v>23</v>
      </c>
      <c r="O21" s="88">
        <v>24</v>
      </c>
      <c r="P21" s="89">
        <v>47</v>
      </c>
      <c r="Q21" s="399">
        <v>0</v>
      </c>
      <c r="R21" s="88">
        <v>40</v>
      </c>
      <c r="S21" s="88">
        <v>44</v>
      </c>
      <c r="T21" s="88">
        <v>30</v>
      </c>
      <c r="U21" s="88">
        <v>24</v>
      </c>
      <c r="V21" s="88">
        <v>23</v>
      </c>
      <c r="W21" s="89">
        <v>161</v>
      </c>
      <c r="X21" s="90">
        <v>208</v>
      </c>
      <c r="Y21" s="87">
        <v>41</v>
      </c>
      <c r="Z21" s="88">
        <v>44</v>
      </c>
      <c r="AA21" s="89">
        <v>85</v>
      </c>
      <c r="AB21" s="399">
        <v>0</v>
      </c>
      <c r="AC21" s="88">
        <v>102</v>
      </c>
      <c r="AD21" s="88">
        <v>76</v>
      </c>
      <c r="AE21" s="88">
        <v>55</v>
      </c>
      <c r="AF21" s="88">
        <v>50</v>
      </c>
      <c r="AG21" s="88">
        <v>32</v>
      </c>
      <c r="AH21" s="89">
        <v>315</v>
      </c>
      <c r="AI21" s="90">
        <v>400</v>
      </c>
      <c r="AJ21" s="87">
        <v>79</v>
      </c>
      <c r="AK21" s="88">
        <v>83</v>
      </c>
      <c r="AL21" s="89">
        <v>162</v>
      </c>
      <c r="AM21" s="399">
        <v>0</v>
      </c>
      <c r="AN21" s="88">
        <v>154</v>
      </c>
      <c r="AO21" s="88">
        <v>145</v>
      </c>
      <c r="AP21" s="88">
        <v>86</v>
      </c>
      <c r="AQ21" s="88">
        <v>67</v>
      </c>
      <c r="AR21" s="88">
        <v>47</v>
      </c>
      <c r="AS21" s="89">
        <v>499</v>
      </c>
      <c r="AT21" s="90">
        <v>661</v>
      </c>
      <c r="AU21" s="87">
        <v>127</v>
      </c>
      <c r="AV21" s="88">
        <v>130</v>
      </c>
      <c r="AW21" s="89">
        <v>257</v>
      </c>
      <c r="AX21" s="399">
        <v>0</v>
      </c>
      <c r="AY21" s="88">
        <v>269</v>
      </c>
      <c r="AZ21" s="88">
        <v>219</v>
      </c>
      <c r="BA21" s="88">
        <v>131</v>
      </c>
      <c r="BB21" s="88">
        <v>94</v>
      </c>
      <c r="BC21" s="88">
        <v>90</v>
      </c>
      <c r="BD21" s="89">
        <v>803</v>
      </c>
      <c r="BE21" s="90">
        <v>1060</v>
      </c>
      <c r="BF21" s="87">
        <v>131</v>
      </c>
      <c r="BG21" s="88">
        <v>128</v>
      </c>
      <c r="BH21" s="89">
        <v>259</v>
      </c>
      <c r="BI21" s="399">
        <v>0</v>
      </c>
      <c r="BJ21" s="88">
        <v>262</v>
      </c>
      <c r="BK21" s="88">
        <v>207</v>
      </c>
      <c r="BL21" s="88">
        <v>156</v>
      </c>
      <c r="BM21" s="88">
        <v>120</v>
      </c>
      <c r="BN21" s="88">
        <v>49</v>
      </c>
      <c r="BO21" s="89">
        <v>794</v>
      </c>
      <c r="BP21" s="90">
        <v>1053</v>
      </c>
      <c r="BQ21" s="87">
        <v>56</v>
      </c>
      <c r="BR21" s="88">
        <v>66</v>
      </c>
      <c r="BS21" s="89">
        <v>122</v>
      </c>
      <c r="BT21" s="399">
        <v>0</v>
      </c>
      <c r="BU21" s="88">
        <v>146</v>
      </c>
      <c r="BV21" s="88">
        <v>132</v>
      </c>
      <c r="BW21" s="88">
        <v>108</v>
      </c>
      <c r="BX21" s="88">
        <v>65</v>
      </c>
      <c r="BY21" s="88">
        <v>30</v>
      </c>
      <c r="BZ21" s="89">
        <v>481</v>
      </c>
      <c r="CA21" s="90">
        <v>603</v>
      </c>
      <c r="CB21" s="87">
        <v>14</v>
      </c>
      <c r="CC21" s="88">
        <v>27</v>
      </c>
      <c r="CD21" s="89">
        <v>41</v>
      </c>
      <c r="CE21" s="399">
        <v>0</v>
      </c>
      <c r="CF21" s="88">
        <v>32</v>
      </c>
      <c r="CG21" s="88">
        <v>40</v>
      </c>
      <c r="CH21" s="88">
        <v>23</v>
      </c>
      <c r="CI21" s="88">
        <v>34</v>
      </c>
      <c r="CJ21" s="88">
        <v>15</v>
      </c>
      <c r="CK21" s="89">
        <v>144</v>
      </c>
      <c r="CL21" s="90">
        <v>185</v>
      </c>
      <c r="CM21" s="87">
        <v>471</v>
      </c>
      <c r="CN21" s="88">
        <v>502</v>
      </c>
      <c r="CO21" s="89">
        <v>973</v>
      </c>
      <c r="CP21" s="399">
        <v>0</v>
      </c>
      <c r="CQ21" s="88">
        <v>1005</v>
      </c>
      <c r="CR21" s="88">
        <v>863</v>
      </c>
      <c r="CS21" s="88">
        <v>589</v>
      </c>
      <c r="CT21" s="88">
        <v>454</v>
      </c>
      <c r="CU21" s="88">
        <v>286</v>
      </c>
      <c r="CV21" s="89">
        <v>3197</v>
      </c>
      <c r="CW21" s="90">
        <v>4170</v>
      </c>
      <c r="CX21" s="91">
        <v>810</v>
      </c>
      <c r="CY21" s="83">
        <v>1214</v>
      </c>
      <c r="CZ21" s="84">
        <v>2024</v>
      </c>
      <c r="DA21" s="399">
        <v>0</v>
      </c>
      <c r="DB21" s="83">
        <v>1548</v>
      </c>
      <c r="DC21" s="83">
        <v>1312</v>
      </c>
      <c r="DD21" s="83">
        <v>1006</v>
      </c>
      <c r="DE21" s="83">
        <v>985</v>
      </c>
      <c r="DF21" s="83">
        <v>657</v>
      </c>
      <c r="DG21" s="85">
        <v>5508</v>
      </c>
      <c r="DH21" s="86">
        <v>7532</v>
      </c>
      <c r="DI21" s="87">
        <v>11</v>
      </c>
      <c r="DJ21" s="88">
        <v>35</v>
      </c>
      <c r="DK21" s="89">
        <v>46</v>
      </c>
      <c r="DL21" s="399">
        <v>0</v>
      </c>
      <c r="DM21" s="88">
        <v>33</v>
      </c>
      <c r="DN21" s="88">
        <v>23</v>
      </c>
      <c r="DO21" s="88">
        <v>19</v>
      </c>
      <c r="DP21" s="88">
        <v>23</v>
      </c>
      <c r="DQ21" s="88">
        <v>17</v>
      </c>
      <c r="DR21" s="89">
        <v>115</v>
      </c>
      <c r="DS21" s="90">
        <v>161</v>
      </c>
      <c r="DT21" s="87">
        <v>65</v>
      </c>
      <c r="DU21" s="88">
        <v>77</v>
      </c>
      <c r="DV21" s="89">
        <v>142</v>
      </c>
      <c r="DW21" s="399">
        <v>0</v>
      </c>
      <c r="DX21" s="88">
        <v>88</v>
      </c>
      <c r="DY21" s="88">
        <v>80</v>
      </c>
      <c r="DZ21" s="88">
        <v>31</v>
      </c>
      <c r="EA21" s="88">
        <v>45</v>
      </c>
      <c r="EB21" s="88">
        <v>40</v>
      </c>
      <c r="EC21" s="89">
        <v>284</v>
      </c>
      <c r="ED21" s="90">
        <v>426</v>
      </c>
      <c r="EE21" s="87">
        <v>151</v>
      </c>
      <c r="EF21" s="88">
        <v>207</v>
      </c>
      <c r="EG21" s="89">
        <v>358</v>
      </c>
      <c r="EH21" s="399">
        <v>0</v>
      </c>
      <c r="EI21" s="88">
        <v>215</v>
      </c>
      <c r="EJ21" s="88">
        <v>163</v>
      </c>
      <c r="EK21" s="88">
        <v>102</v>
      </c>
      <c r="EL21" s="88">
        <v>96</v>
      </c>
      <c r="EM21" s="88">
        <v>74</v>
      </c>
      <c r="EN21" s="89">
        <v>650</v>
      </c>
      <c r="EO21" s="90">
        <v>1008</v>
      </c>
      <c r="EP21" s="87">
        <v>280</v>
      </c>
      <c r="EQ21" s="88">
        <v>380</v>
      </c>
      <c r="ER21" s="89">
        <v>660</v>
      </c>
      <c r="ES21" s="399">
        <v>0</v>
      </c>
      <c r="ET21" s="88">
        <v>438</v>
      </c>
      <c r="EU21" s="88">
        <v>292</v>
      </c>
      <c r="EV21" s="88">
        <v>230</v>
      </c>
      <c r="EW21" s="88">
        <v>177</v>
      </c>
      <c r="EX21" s="88">
        <v>143</v>
      </c>
      <c r="EY21" s="89">
        <v>1280</v>
      </c>
      <c r="EZ21" s="90">
        <v>1940</v>
      </c>
      <c r="FA21" s="87">
        <v>210</v>
      </c>
      <c r="FB21" s="88">
        <v>327</v>
      </c>
      <c r="FC21" s="89">
        <v>537</v>
      </c>
      <c r="FD21" s="399">
        <v>0</v>
      </c>
      <c r="FE21" s="88">
        <v>413</v>
      </c>
      <c r="FF21" s="88">
        <v>403</v>
      </c>
      <c r="FG21" s="88">
        <v>301</v>
      </c>
      <c r="FH21" s="88">
        <v>254</v>
      </c>
      <c r="FI21" s="88">
        <v>164</v>
      </c>
      <c r="FJ21" s="89">
        <v>1535</v>
      </c>
      <c r="FK21" s="90">
        <v>2072</v>
      </c>
      <c r="FL21" s="87">
        <v>93</v>
      </c>
      <c r="FM21" s="88">
        <v>188</v>
      </c>
      <c r="FN21" s="89">
        <v>281</v>
      </c>
      <c r="FO21" s="399">
        <v>0</v>
      </c>
      <c r="FP21" s="88">
        <v>361</v>
      </c>
      <c r="FQ21" s="88">
        <v>351</v>
      </c>
      <c r="FR21" s="88">
        <v>323</v>
      </c>
      <c r="FS21" s="88">
        <v>390</v>
      </c>
      <c r="FT21" s="88">
        <v>219</v>
      </c>
      <c r="FU21" s="89">
        <v>1644</v>
      </c>
      <c r="FV21" s="90">
        <v>1925</v>
      </c>
      <c r="FW21" s="87">
        <v>16</v>
      </c>
      <c r="FX21" s="88">
        <v>16</v>
      </c>
      <c r="FY21" s="89">
        <v>32</v>
      </c>
      <c r="FZ21" s="399">
        <v>0</v>
      </c>
      <c r="GA21" s="88">
        <v>22</v>
      </c>
      <c r="GB21" s="88">
        <v>33</v>
      </c>
      <c r="GC21" s="88">
        <v>14</v>
      </c>
      <c r="GD21" s="88">
        <v>19</v>
      </c>
      <c r="GE21" s="88">
        <v>17</v>
      </c>
      <c r="GF21" s="89">
        <v>105</v>
      </c>
      <c r="GG21" s="90">
        <v>137</v>
      </c>
      <c r="GH21" s="87">
        <v>826</v>
      </c>
      <c r="GI21" s="88">
        <v>1230</v>
      </c>
      <c r="GJ21" s="89">
        <v>2056</v>
      </c>
      <c r="GK21" s="399">
        <v>0</v>
      </c>
      <c r="GL21" s="88">
        <v>1570</v>
      </c>
      <c r="GM21" s="88">
        <v>1345</v>
      </c>
      <c r="GN21" s="88">
        <v>1020</v>
      </c>
      <c r="GO21" s="88">
        <v>1004</v>
      </c>
      <c r="GP21" s="88">
        <v>674</v>
      </c>
      <c r="GQ21" s="89">
        <v>5613</v>
      </c>
      <c r="GR21" s="90">
        <v>7669</v>
      </c>
      <c r="GS21" s="91">
        <v>1267</v>
      </c>
      <c r="GT21" s="83">
        <v>1689</v>
      </c>
      <c r="GU21" s="84">
        <v>2956</v>
      </c>
      <c r="GV21" s="399">
        <v>0</v>
      </c>
      <c r="GW21" s="83">
        <v>2521</v>
      </c>
      <c r="GX21" s="83">
        <v>2135</v>
      </c>
      <c r="GY21" s="83">
        <v>1572</v>
      </c>
      <c r="GZ21" s="83">
        <v>1405</v>
      </c>
      <c r="HA21" s="83">
        <v>928</v>
      </c>
      <c r="HB21" s="85">
        <v>8561</v>
      </c>
      <c r="HC21" s="86">
        <v>11517</v>
      </c>
      <c r="HD21" s="87">
        <v>34</v>
      </c>
      <c r="HE21" s="88">
        <v>59</v>
      </c>
      <c r="HF21" s="89">
        <v>93</v>
      </c>
      <c r="HG21" s="402">
        <v>0</v>
      </c>
      <c r="HH21" s="88">
        <v>73</v>
      </c>
      <c r="HI21" s="88">
        <v>67</v>
      </c>
      <c r="HJ21" s="88">
        <v>49</v>
      </c>
      <c r="HK21" s="88">
        <v>47</v>
      </c>
      <c r="HL21" s="88">
        <v>40</v>
      </c>
      <c r="HM21" s="89">
        <v>276</v>
      </c>
      <c r="HN21" s="90">
        <v>369</v>
      </c>
      <c r="HO21" s="87">
        <v>106</v>
      </c>
      <c r="HP21" s="88">
        <v>121</v>
      </c>
      <c r="HQ21" s="89">
        <v>227</v>
      </c>
      <c r="HR21" s="399">
        <v>0</v>
      </c>
      <c r="HS21" s="88">
        <v>190</v>
      </c>
      <c r="HT21" s="88">
        <v>156</v>
      </c>
      <c r="HU21" s="88">
        <v>86</v>
      </c>
      <c r="HV21" s="88">
        <v>95</v>
      </c>
      <c r="HW21" s="88">
        <v>72</v>
      </c>
      <c r="HX21" s="89">
        <v>599</v>
      </c>
      <c r="HY21" s="90">
        <v>826</v>
      </c>
      <c r="HZ21" s="87">
        <v>230</v>
      </c>
      <c r="IA21" s="88">
        <v>290</v>
      </c>
      <c r="IB21" s="89">
        <v>520</v>
      </c>
      <c r="IC21" s="399">
        <v>0</v>
      </c>
      <c r="ID21" s="88">
        <v>369</v>
      </c>
      <c r="IE21" s="88">
        <v>308</v>
      </c>
      <c r="IF21" s="88">
        <v>188</v>
      </c>
      <c r="IG21" s="88">
        <v>163</v>
      </c>
      <c r="IH21" s="88">
        <v>121</v>
      </c>
      <c r="II21" s="89">
        <v>1149</v>
      </c>
      <c r="IJ21" s="90">
        <v>1669</v>
      </c>
      <c r="IK21" s="87">
        <v>407</v>
      </c>
      <c r="IL21" s="88">
        <v>510</v>
      </c>
      <c r="IM21" s="89">
        <v>917</v>
      </c>
      <c r="IN21" s="399">
        <v>0</v>
      </c>
      <c r="IO21" s="88">
        <v>707</v>
      </c>
      <c r="IP21" s="88">
        <v>511</v>
      </c>
      <c r="IQ21" s="88">
        <v>361</v>
      </c>
      <c r="IR21" s="88">
        <v>271</v>
      </c>
      <c r="IS21" s="88">
        <v>233</v>
      </c>
      <c r="IT21" s="89">
        <v>2083</v>
      </c>
      <c r="IU21" s="90">
        <v>3000</v>
      </c>
      <c r="IV21" s="87">
        <v>341</v>
      </c>
      <c r="IW21" s="88">
        <v>455</v>
      </c>
      <c r="IX21" s="89">
        <v>796</v>
      </c>
      <c r="IY21" s="399">
        <v>0</v>
      </c>
      <c r="IZ21" s="88">
        <v>675</v>
      </c>
      <c r="JA21" s="88">
        <v>610</v>
      </c>
      <c r="JB21" s="88">
        <v>457</v>
      </c>
      <c r="JC21" s="88">
        <v>374</v>
      </c>
      <c r="JD21" s="88">
        <v>213</v>
      </c>
      <c r="JE21" s="89">
        <v>2329</v>
      </c>
      <c r="JF21" s="90">
        <v>3125</v>
      </c>
      <c r="JG21" s="87">
        <v>149</v>
      </c>
      <c r="JH21" s="88">
        <v>254</v>
      </c>
      <c r="JI21" s="89">
        <v>403</v>
      </c>
      <c r="JJ21" s="399">
        <v>0</v>
      </c>
      <c r="JK21" s="88">
        <v>507</v>
      </c>
      <c r="JL21" s="88">
        <v>483</v>
      </c>
      <c r="JM21" s="88">
        <v>431</v>
      </c>
      <c r="JN21" s="88">
        <v>455</v>
      </c>
      <c r="JO21" s="88">
        <v>249</v>
      </c>
      <c r="JP21" s="89">
        <v>2125</v>
      </c>
      <c r="JQ21" s="90">
        <v>2528</v>
      </c>
      <c r="JR21" s="87">
        <v>30</v>
      </c>
      <c r="JS21" s="88">
        <v>43</v>
      </c>
      <c r="JT21" s="89">
        <v>73</v>
      </c>
      <c r="JU21" s="399">
        <v>0</v>
      </c>
      <c r="JV21" s="88">
        <v>54</v>
      </c>
      <c r="JW21" s="88">
        <v>73</v>
      </c>
      <c r="JX21" s="88">
        <v>37</v>
      </c>
      <c r="JY21" s="88">
        <v>53</v>
      </c>
      <c r="JZ21" s="88">
        <v>32</v>
      </c>
      <c r="KA21" s="89">
        <v>249</v>
      </c>
      <c r="KB21" s="90">
        <v>322</v>
      </c>
      <c r="KC21" s="87">
        <v>1297</v>
      </c>
      <c r="KD21" s="88">
        <v>1732</v>
      </c>
      <c r="KE21" s="89">
        <v>3029</v>
      </c>
      <c r="KF21" s="399">
        <v>0</v>
      </c>
      <c r="KG21" s="88">
        <v>2575</v>
      </c>
      <c r="KH21" s="88">
        <v>2208</v>
      </c>
      <c r="KI21" s="88">
        <v>1609</v>
      </c>
      <c r="KJ21" s="88">
        <v>1458</v>
      </c>
      <c r="KK21" s="88">
        <v>960</v>
      </c>
      <c r="KL21" s="89">
        <v>8810</v>
      </c>
      <c r="KM21" s="90">
        <v>11839</v>
      </c>
    </row>
    <row r="22" spans="2:299" s="56" customFormat="1" ht="21" customHeight="1" x14ac:dyDescent="0.2">
      <c r="B22" s="92" t="s">
        <v>19</v>
      </c>
      <c r="C22" s="82">
        <v>243</v>
      </c>
      <c r="D22" s="83">
        <v>207</v>
      </c>
      <c r="E22" s="84">
        <v>450</v>
      </c>
      <c r="F22" s="399">
        <v>0</v>
      </c>
      <c r="G22" s="83">
        <v>423</v>
      </c>
      <c r="H22" s="83">
        <v>323</v>
      </c>
      <c r="I22" s="83">
        <v>238</v>
      </c>
      <c r="J22" s="83">
        <v>146</v>
      </c>
      <c r="K22" s="83">
        <v>103</v>
      </c>
      <c r="L22" s="85">
        <v>1233</v>
      </c>
      <c r="M22" s="86">
        <v>1683</v>
      </c>
      <c r="N22" s="93">
        <v>5</v>
      </c>
      <c r="O22" s="88">
        <v>12</v>
      </c>
      <c r="P22" s="89">
        <v>17</v>
      </c>
      <c r="Q22" s="399">
        <v>0</v>
      </c>
      <c r="R22" s="88">
        <v>12</v>
      </c>
      <c r="S22" s="88">
        <v>13</v>
      </c>
      <c r="T22" s="88">
        <v>10</v>
      </c>
      <c r="U22" s="88">
        <v>6</v>
      </c>
      <c r="V22" s="88">
        <v>5</v>
      </c>
      <c r="W22" s="89">
        <v>46</v>
      </c>
      <c r="X22" s="90">
        <v>63</v>
      </c>
      <c r="Y22" s="87">
        <v>18</v>
      </c>
      <c r="Z22" s="88">
        <v>18</v>
      </c>
      <c r="AA22" s="89">
        <v>36</v>
      </c>
      <c r="AB22" s="399">
        <v>0</v>
      </c>
      <c r="AC22" s="88">
        <v>46</v>
      </c>
      <c r="AD22" s="88">
        <v>31</v>
      </c>
      <c r="AE22" s="88">
        <v>30</v>
      </c>
      <c r="AF22" s="88">
        <v>14</v>
      </c>
      <c r="AG22" s="88">
        <v>14</v>
      </c>
      <c r="AH22" s="89">
        <v>135</v>
      </c>
      <c r="AI22" s="90">
        <v>171</v>
      </c>
      <c r="AJ22" s="93">
        <v>35</v>
      </c>
      <c r="AK22" s="88">
        <v>38</v>
      </c>
      <c r="AL22" s="89">
        <v>73</v>
      </c>
      <c r="AM22" s="399">
        <v>0</v>
      </c>
      <c r="AN22" s="88">
        <v>72</v>
      </c>
      <c r="AO22" s="88">
        <v>58</v>
      </c>
      <c r="AP22" s="88">
        <v>38</v>
      </c>
      <c r="AQ22" s="88">
        <v>30</v>
      </c>
      <c r="AR22" s="88">
        <v>18</v>
      </c>
      <c r="AS22" s="89">
        <v>216</v>
      </c>
      <c r="AT22" s="90">
        <v>289</v>
      </c>
      <c r="AU22" s="87">
        <v>70</v>
      </c>
      <c r="AV22" s="88">
        <v>50</v>
      </c>
      <c r="AW22" s="89">
        <v>120</v>
      </c>
      <c r="AX22" s="399">
        <v>0</v>
      </c>
      <c r="AY22" s="88">
        <v>106</v>
      </c>
      <c r="AZ22" s="88">
        <v>84</v>
      </c>
      <c r="BA22" s="88">
        <v>62</v>
      </c>
      <c r="BB22" s="88">
        <v>40</v>
      </c>
      <c r="BC22" s="88">
        <v>18</v>
      </c>
      <c r="BD22" s="89">
        <v>310</v>
      </c>
      <c r="BE22" s="90">
        <v>430</v>
      </c>
      <c r="BF22" s="93">
        <v>68</v>
      </c>
      <c r="BG22" s="88">
        <v>42</v>
      </c>
      <c r="BH22" s="89">
        <v>110</v>
      </c>
      <c r="BI22" s="399">
        <v>0</v>
      </c>
      <c r="BJ22" s="88">
        <v>108</v>
      </c>
      <c r="BK22" s="88">
        <v>79</v>
      </c>
      <c r="BL22" s="88">
        <v>55</v>
      </c>
      <c r="BM22" s="88">
        <v>38</v>
      </c>
      <c r="BN22" s="88">
        <v>36</v>
      </c>
      <c r="BO22" s="89">
        <v>316</v>
      </c>
      <c r="BP22" s="90">
        <v>426</v>
      </c>
      <c r="BQ22" s="87">
        <v>47</v>
      </c>
      <c r="BR22" s="88">
        <v>47</v>
      </c>
      <c r="BS22" s="89">
        <v>94</v>
      </c>
      <c r="BT22" s="399">
        <v>0</v>
      </c>
      <c r="BU22" s="88">
        <v>79</v>
      </c>
      <c r="BV22" s="88">
        <v>58</v>
      </c>
      <c r="BW22" s="88">
        <v>43</v>
      </c>
      <c r="BX22" s="88">
        <v>18</v>
      </c>
      <c r="BY22" s="88">
        <v>12</v>
      </c>
      <c r="BZ22" s="89">
        <v>210</v>
      </c>
      <c r="CA22" s="90">
        <v>304</v>
      </c>
      <c r="CB22" s="87">
        <v>8</v>
      </c>
      <c r="CC22" s="88">
        <v>9</v>
      </c>
      <c r="CD22" s="89">
        <v>17</v>
      </c>
      <c r="CE22" s="399">
        <v>0</v>
      </c>
      <c r="CF22" s="88">
        <v>19</v>
      </c>
      <c r="CG22" s="88">
        <v>11</v>
      </c>
      <c r="CH22" s="88">
        <v>11</v>
      </c>
      <c r="CI22" s="88">
        <v>7</v>
      </c>
      <c r="CJ22" s="88">
        <v>6</v>
      </c>
      <c r="CK22" s="89">
        <v>54</v>
      </c>
      <c r="CL22" s="90">
        <v>71</v>
      </c>
      <c r="CM22" s="87">
        <v>251</v>
      </c>
      <c r="CN22" s="88">
        <v>216</v>
      </c>
      <c r="CO22" s="89">
        <v>467</v>
      </c>
      <c r="CP22" s="399">
        <v>0</v>
      </c>
      <c r="CQ22" s="88">
        <v>442</v>
      </c>
      <c r="CR22" s="88">
        <v>334</v>
      </c>
      <c r="CS22" s="88">
        <v>249</v>
      </c>
      <c r="CT22" s="88">
        <v>153</v>
      </c>
      <c r="CU22" s="88">
        <v>109</v>
      </c>
      <c r="CV22" s="89">
        <v>1287</v>
      </c>
      <c r="CW22" s="90">
        <v>1754</v>
      </c>
      <c r="CX22" s="91">
        <v>425</v>
      </c>
      <c r="CY22" s="83">
        <v>442</v>
      </c>
      <c r="CZ22" s="84">
        <v>867</v>
      </c>
      <c r="DA22" s="399">
        <v>0</v>
      </c>
      <c r="DB22" s="83">
        <v>718</v>
      </c>
      <c r="DC22" s="83">
        <v>482</v>
      </c>
      <c r="DD22" s="83">
        <v>442</v>
      </c>
      <c r="DE22" s="83">
        <v>341</v>
      </c>
      <c r="DF22" s="83">
        <v>259</v>
      </c>
      <c r="DG22" s="85">
        <v>2242</v>
      </c>
      <c r="DH22" s="86">
        <v>3109</v>
      </c>
      <c r="DI22" s="93">
        <v>10</v>
      </c>
      <c r="DJ22" s="88">
        <v>2</v>
      </c>
      <c r="DK22" s="89">
        <v>12</v>
      </c>
      <c r="DL22" s="399">
        <v>0</v>
      </c>
      <c r="DM22" s="88">
        <v>12</v>
      </c>
      <c r="DN22" s="88">
        <v>14</v>
      </c>
      <c r="DO22" s="88">
        <v>8</v>
      </c>
      <c r="DP22" s="88">
        <v>4</v>
      </c>
      <c r="DQ22" s="88">
        <v>3</v>
      </c>
      <c r="DR22" s="89">
        <v>41</v>
      </c>
      <c r="DS22" s="90">
        <v>53</v>
      </c>
      <c r="DT22" s="87">
        <v>30</v>
      </c>
      <c r="DU22" s="88">
        <v>27</v>
      </c>
      <c r="DV22" s="89">
        <v>57</v>
      </c>
      <c r="DW22" s="399">
        <v>0</v>
      </c>
      <c r="DX22" s="88">
        <v>44</v>
      </c>
      <c r="DY22" s="88">
        <v>26</v>
      </c>
      <c r="DZ22" s="88">
        <v>17</v>
      </c>
      <c r="EA22" s="88">
        <v>9</v>
      </c>
      <c r="EB22" s="88">
        <v>20</v>
      </c>
      <c r="EC22" s="89">
        <v>116</v>
      </c>
      <c r="ED22" s="90">
        <v>173</v>
      </c>
      <c r="EE22" s="93">
        <v>75</v>
      </c>
      <c r="EF22" s="88">
        <v>80</v>
      </c>
      <c r="EG22" s="89">
        <v>155</v>
      </c>
      <c r="EH22" s="399">
        <v>0</v>
      </c>
      <c r="EI22" s="88">
        <v>91</v>
      </c>
      <c r="EJ22" s="88">
        <v>48</v>
      </c>
      <c r="EK22" s="88">
        <v>36</v>
      </c>
      <c r="EL22" s="88">
        <v>36</v>
      </c>
      <c r="EM22" s="88">
        <v>17</v>
      </c>
      <c r="EN22" s="89">
        <v>228</v>
      </c>
      <c r="EO22" s="90">
        <v>383</v>
      </c>
      <c r="EP22" s="87">
        <v>131</v>
      </c>
      <c r="EQ22" s="88">
        <v>126</v>
      </c>
      <c r="ER22" s="89">
        <v>257</v>
      </c>
      <c r="ES22" s="399">
        <v>0</v>
      </c>
      <c r="ET22" s="88">
        <v>187</v>
      </c>
      <c r="EU22" s="88">
        <v>108</v>
      </c>
      <c r="EV22" s="88">
        <v>88</v>
      </c>
      <c r="EW22" s="88">
        <v>64</v>
      </c>
      <c r="EX22" s="88">
        <v>56</v>
      </c>
      <c r="EY22" s="89">
        <v>503</v>
      </c>
      <c r="EZ22" s="90">
        <v>760</v>
      </c>
      <c r="FA22" s="93">
        <v>119</v>
      </c>
      <c r="FB22" s="88">
        <v>129</v>
      </c>
      <c r="FC22" s="89">
        <v>248</v>
      </c>
      <c r="FD22" s="399">
        <v>0</v>
      </c>
      <c r="FE22" s="88">
        <v>199</v>
      </c>
      <c r="FF22" s="88">
        <v>143</v>
      </c>
      <c r="FG22" s="88">
        <v>122</v>
      </c>
      <c r="FH22" s="88">
        <v>90</v>
      </c>
      <c r="FI22" s="88">
        <v>73</v>
      </c>
      <c r="FJ22" s="89">
        <v>627</v>
      </c>
      <c r="FK22" s="90">
        <v>875</v>
      </c>
      <c r="FL22" s="87">
        <v>60</v>
      </c>
      <c r="FM22" s="88">
        <v>78</v>
      </c>
      <c r="FN22" s="89">
        <v>138</v>
      </c>
      <c r="FO22" s="399">
        <v>0</v>
      </c>
      <c r="FP22" s="88">
        <v>185</v>
      </c>
      <c r="FQ22" s="88">
        <v>143</v>
      </c>
      <c r="FR22" s="88">
        <v>171</v>
      </c>
      <c r="FS22" s="88">
        <v>138</v>
      </c>
      <c r="FT22" s="88">
        <v>90</v>
      </c>
      <c r="FU22" s="89">
        <v>727</v>
      </c>
      <c r="FV22" s="90">
        <v>865</v>
      </c>
      <c r="FW22" s="87">
        <v>4</v>
      </c>
      <c r="FX22" s="88">
        <v>10</v>
      </c>
      <c r="FY22" s="89">
        <v>14</v>
      </c>
      <c r="FZ22" s="399">
        <v>0</v>
      </c>
      <c r="GA22" s="88">
        <v>5</v>
      </c>
      <c r="GB22" s="88">
        <v>12</v>
      </c>
      <c r="GC22" s="88">
        <v>5</v>
      </c>
      <c r="GD22" s="88">
        <v>6</v>
      </c>
      <c r="GE22" s="88">
        <v>3</v>
      </c>
      <c r="GF22" s="89">
        <v>31</v>
      </c>
      <c r="GG22" s="90">
        <v>45</v>
      </c>
      <c r="GH22" s="87">
        <v>429</v>
      </c>
      <c r="GI22" s="88">
        <v>452</v>
      </c>
      <c r="GJ22" s="89">
        <v>881</v>
      </c>
      <c r="GK22" s="399">
        <v>0</v>
      </c>
      <c r="GL22" s="88">
        <v>723</v>
      </c>
      <c r="GM22" s="88">
        <v>494</v>
      </c>
      <c r="GN22" s="88">
        <v>447</v>
      </c>
      <c r="GO22" s="88">
        <v>347</v>
      </c>
      <c r="GP22" s="88">
        <v>262</v>
      </c>
      <c r="GQ22" s="89">
        <v>2273</v>
      </c>
      <c r="GR22" s="90">
        <v>3154</v>
      </c>
      <c r="GS22" s="91">
        <v>668</v>
      </c>
      <c r="GT22" s="83">
        <v>649</v>
      </c>
      <c r="GU22" s="84">
        <v>1317</v>
      </c>
      <c r="GV22" s="399">
        <v>0</v>
      </c>
      <c r="GW22" s="83">
        <v>1141</v>
      </c>
      <c r="GX22" s="83">
        <v>805</v>
      </c>
      <c r="GY22" s="83">
        <v>680</v>
      </c>
      <c r="GZ22" s="83">
        <v>487</v>
      </c>
      <c r="HA22" s="83">
        <v>362</v>
      </c>
      <c r="HB22" s="85">
        <v>3475</v>
      </c>
      <c r="HC22" s="86">
        <v>4792</v>
      </c>
      <c r="HD22" s="93">
        <v>15</v>
      </c>
      <c r="HE22" s="88">
        <v>14</v>
      </c>
      <c r="HF22" s="89">
        <v>29</v>
      </c>
      <c r="HG22" s="402">
        <v>0</v>
      </c>
      <c r="HH22" s="88">
        <v>24</v>
      </c>
      <c r="HI22" s="88">
        <v>27</v>
      </c>
      <c r="HJ22" s="88">
        <v>18</v>
      </c>
      <c r="HK22" s="88">
        <v>10</v>
      </c>
      <c r="HL22" s="88">
        <v>8</v>
      </c>
      <c r="HM22" s="89">
        <v>87</v>
      </c>
      <c r="HN22" s="90">
        <v>116</v>
      </c>
      <c r="HO22" s="87">
        <v>48</v>
      </c>
      <c r="HP22" s="88">
        <v>45</v>
      </c>
      <c r="HQ22" s="89">
        <v>93</v>
      </c>
      <c r="HR22" s="399">
        <v>0</v>
      </c>
      <c r="HS22" s="88">
        <v>90</v>
      </c>
      <c r="HT22" s="88">
        <v>57</v>
      </c>
      <c r="HU22" s="88">
        <v>47</v>
      </c>
      <c r="HV22" s="88">
        <v>23</v>
      </c>
      <c r="HW22" s="88">
        <v>34</v>
      </c>
      <c r="HX22" s="89">
        <v>251</v>
      </c>
      <c r="HY22" s="90">
        <v>344</v>
      </c>
      <c r="HZ22" s="93">
        <v>110</v>
      </c>
      <c r="IA22" s="88">
        <v>118</v>
      </c>
      <c r="IB22" s="89">
        <v>228</v>
      </c>
      <c r="IC22" s="399">
        <v>0</v>
      </c>
      <c r="ID22" s="88">
        <v>163</v>
      </c>
      <c r="IE22" s="88">
        <v>106</v>
      </c>
      <c r="IF22" s="88">
        <v>74</v>
      </c>
      <c r="IG22" s="88">
        <v>66</v>
      </c>
      <c r="IH22" s="88">
        <v>35</v>
      </c>
      <c r="II22" s="89">
        <v>444</v>
      </c>
      <c r="IJ22" s="90">
        <v>672</v>
      </c>
      <c r="IK22" s="87">
        <v>201</v>
      </c>
      <c r="IL22" s="88">
        <v>176</v>
      </c>
      <c r="IM22" s="89">
        <v>377</v>
      </c>
      <c r="IN22" s="399">
        <v>0</v>
      </c>
      <c r="IO22" s="88">
        <v>293</v>
      </c>
      <c r="IP22" s="88">
        <v>192</v>
      </c>
      <c r="IQ22" s="88">
        <v>150</v>
      </c>
      <c r="IR22" s="88">
        <v>104</v>
      </c>
      <c r="IS22" s="88">
        <v>74</v>
      </c>
      <c r="IT22" s="89">
        <v>813</v>
      </c>
      <c r="IU22" s="90">
        <v>1190</v>
      </c>
      <c r="IV22" s="93">
        <v>187</v>
      </c>
      <c r="IW22" s="88">
        <v>171</v>
      </c>
      <c r="IX22" s="89">
        <v>358</v>
      </c>
      <c r="IY22" s="399">
        <v>0</v>
      </c>
      <c r="IZ22" s="88">
        <v>307</v>
      </c>
      <c r="JA22" s="88">
        <v>222</v>
      </c>
      <c r="JB22" s="88">
        <v>177</v>
      </c>
      <c r="JC22" s="88">
        <v>128</v>
      </c>
      <c r="JD22" s="88">
        <v>109</v>
      </c>
      <c r="JE22" s="89">
        <v>943</v>
      </c>
      <c r="JF22" s="90">
        <v>1301</v>
      </c>
      <c r="JG22" s="87">
        <v>107</v>
      </c>
      <c r="JH22" s="88">
        <v>125</v>
      </c>
      <c r="JI22" s="89">
        <v>232</v>
      </c>
      <c r="JJ22" s="399">
        <v>0</v>
      </c>
      <c r="JK22" s="88">
        <v>264</v>
      </c>
      <c r="JL22" s="88">
        <v>201</v>
      </c>
      <c r="JM22" s="88">
        <v>214</v>
      </c>
      <c r="JN22" s="88">
        <v>156</v>
      </c>
      <c r="JO22" s="88">
        <v>102</v>
      </c>
      <c r="JP22" s="89">
        <v>937</v>
      </c>
      <c r="JQ22" s="90">
        <v>1169</v>
      </c>
      <c r="JR22" s="87">
        <v>12</v>
      </c>
      <c r="JS22" s="88">
        <v>19</v>
      </c>
      <c r="JT22" s="89">
        <v>31</v>
      </c>
      <c r="JU22" s="399">
        <v>0</v>
      </c>
      <c r="JV22" s="88">
        <v>24</v>
      </c>
      <c r="JW22" s="88">
        <v>23</v>
      </c>
      <c r="JX22" s="88">
        <v>16</v>
      </c>
      <c r="JY22" s="88">
        <v>13</v>
      </c>
      <c r="JZ22" s="88">
        <v>9</v>
      </c>
      <c r="KA22" s="89">
        <v>85</v>
      </c>
      <c r="KB22" s="90">
        <v>116</v>
      </c>
      <c r="KC22" s="87">
        <v>680</v>
      </c>
      <c r="KD22" s="88">
        <v>668</v>
      </c>
      <c r="KE22" s="89">
        <v>1348</v>
      </c>
      <c r="KF22" s="399">
        <v>0</v>
      </c>
      <c r="KG22" s="88">
        <v>1165</v>
      </c>
      <c r="KH22" s="88">
        <v>828</v>
      </c>
      <c r="KI22" s="88">
        <v>696</v>
      </c>
      <c r="KJ22" s="88">
        <v>500</v>
      </c>
      <c r="KK22" s="88">
        <v>371</v>
      </c>
      <c r="KL22" s="89">
        <v>3560</v>
      </c>
      <c r="KM22" s="90">
        <v>4908</v>
      </c>
    </row>
    <row r="23" spans="2:299" s="56" customFormat="1" ht="21" customHeight="1" x14ac:dyDescent="0.2">
      <c r="B23" s="92" t="s">
        <v>20</v>
      </c>
      <c r="C23" s="82">
        <v>289</v>
      </c>
      <c r="D23" s="83">
        <v>305</v>
      </c>
      <c r="E23" s="84">
        <v>594</v>
      </c>
      <c r="F23" s="399">
        <v>0</v>
      </c>
      <c r="G23" s="83">
        <v>677</v>
      </c>
      <c r="H23" s="83">
        <v>398</v>
      </c>
      <c r="I23" s="83">
        <v>301</v>
      </c>
      <c r="J23" s="83">
        <v>220</v>
      </c>
      <c r="K23" s="83">
        <v>121</v>
      </c>
      <c r="L23" s="85">
        <v>1717</v>
      </c>
      <c r="M23" s="86">
        <v>2311</v>
      </c>
      <c r="N23" s="87">
        <v>4</v>
      </c>
      <c r="O23" s="88">
        <v>7</v>
      </c>
      <c r="P23" s="89">
        <v>11</v>
      </c>
      <c r="Q23" s="399">
        <v>0</v>
      </c>
      <c r="R23" s="88">
        <v>24</v>
      </c>
      <c r="S23" s="88">
        <v>19</v>
      </c>
      <c r="T23" s="88">
        <v>19</v>
      </c>
      <c r="U23" s="88">
        <v>7</v>
      </c>
      <c r="V23" s="88">
        <v>12</v>
      </c>
      <c r="W23" s="89">
        <v>81</v>
      </c>
      <c r="X23" s="90">
        <v>92</v>
      </c>
      <c r="Y23" s="87">
        <v>31</v>
      </c>
      <c r="Z23" s="88">
        <v>19</v>
      </c>
      <c r="AA23" s="89">
        <v>50</v>
      </c>
      <c r="AB23" s="399">
        <v>0</v>
      </c>
      <c r="AC23" s="88">
        <v>58</v>
      </c>
      <c r="AD23" s="88">
        <v>32</v>
      </c>
      <c r="AE23" s="88">
        <v>27</v>
      </c>
      <c r="AF23" s="88">
        <v>30</v>
      </c>
      <c r="AG23" s="88">
        <v>15</v>
      </c>
      <c r="AH23" s="89">
        <v>162</v>
      </c>
      <c r="AI23" s="90">
        <v>212</v>
      </c>
      <c r="AJ23" s="87">
        <v>47</v>
      </c>
      <c r="AK23" s="88">
        <v>47</v>
      </c>
      <c r="AL23" s="89">
        <v>94</v>
      </c>
      <c r="AM23" s="399">
        <v>0</v>
      </c>
      <c r="AN23" s="88">
        <v>112</v>
      </c>
      <c r="AO23" s="88">
        <v>63</v>
      </c>
      <c r="AP23" s="88">
        <v>54</v>
      </c>
      <c r="AQ23" s="88">
        <v>42</v>
      </c>
      <c r="AR23" s="88">
        <v>18</v>
      </c>
      <c r="AS23" s="89">
        <v>289</v>
      </c>
      <c r="AT23" s="90">
        <v>383</v>
      </c>
      <c r="AU23" s="87">
        <v>91</v>
      </c>
      <c r="AV23" s="88">
        <v>94</v>
      </c>
      <c r="AW23" s="89">
        <v>185</v>
      </c>
      <c r="AX23" s="399">
        <v>0</v>
      </c>
      <c r="AY23" s="88">
        <v>196</v>
      </c>
      <c r="AZ23" s="88">
        <v>94</v>
      </c>
      <c r="BA23" s="88">
        <v>78</v>
      </c>
      <c r="BB23" s="88">
        <v>66</v>
      </c>
      <c r="BC23" s="88">
        <v>33</v>
      </c>
      <c r="BD23" s="89">
        <v>467</v>
      </c>
      <c r="BE23" s="90">
        <v>652</v>
      </c>
      <c r="BF23" s="87">
        <v>73</v>
      </c>
      <c r="BG23" s="88">
        <v>92</v>
      </c>
      <c r="BH23" s="89">
        <v>165</v>
      </c>
      <c r="BI23" s="399">
        <v>0</v>
      </c>
      <c r="BJ23" s="88">
        <v>192</v>
      </c>
      <c r="BK23" s="88">
        <v>113</v>
      </c>
      <c r="BL23" s="88">
        <v>81</v>
      </c>
      <c r="BM23" s="88">
        <v>44</v>
      </c>
      <c r="BN23" s="88">
        <v>25</v>
      </c>
      <c r="BO23" s="89">
        <v>455</v>
      </c>
      <c r="BP23" s="90">
        <v>620</v>
      </c>
      <c r="BQ23" s="87">
        <v>43</v>
      </c>
      <c r="BR23" s="88">
        <v>46</v>
      </c>
      <c r="BS23" s="89">
        <v>89</v>
      </c>
      <c r="BT23" s="399">
        <v>0</v>
      </c>
      <c r="BU23" s="88">
        <v>95</v>
      </c>
      <c r="BV23" s="88">
        <v>77</v>
      </c>
      <c r="BW23" s="88">
        <v>42</v>
      </c>
      <c r="BX23" s="88">
        <v>31</v>
      </c>
      <c r="BY23" s="88">
        <v>18</v>
      </c>
      <c r="BZ23" s="89">
        <v>263</v>
      </c>
      <c r="CA23" s="90">
        <v>352</v>
      </c>
      <c r="CB23" s="87">
        <v>8</v>
      </c>
      <c r="CC23" s="88">
        <v>8</v>
      </c>
      <c r="CD23" s="89">
        <v>16</v>
      </c>
      <c r="CE23" s="399">
        <v>0</v>
      </c>
      <c r="CF23" s="88">
        <v>20</v>
      </c>
      <c r="CG23" s="88">
        <v>18</v>
      </c>
      <c r="CH23" s="88">
        <v>15</v>
      </c>
      <c r="CI23" s="88">
        <v>9</v>
      </c>
      <c r="CJ23" s="88">
        <v>9</v>
      </c>
      <c r="CK23" s="89">
        <v>71</v>
      </c>
      <c r="CL23" s="90">
        <v>87</v>
      </c>
      <c r="CM23" s="87">
        <v>297</v>
      </c>
      <c r="CN23" s="88">
        <v>313</v>
      </c>
      <c r="CO23" s="89">
        <v>610</v>
      </c>
      <c r="CP23" s="399">
        <v>0</v>
      </c>
      <c r="CQ23" s="88">
        <v>697</v>
      </c>
      <c r="CR23" s="88">
        <v>416</v>
      </c>
      <c r="CS23" s="88">
        <v>316</v>
      </c>
      <c r="CT23" s="88">
        <v>229</v>
      </c>
      <c r="CU23" s="88">
        <v>130</v>
      </c>
      <c r="CV23" s="89">
        <v>1788</v>
      </c>
      <c r="CW23" s="90">
        <v>2398</v>
      </c>
      <c r="CX23" s="91">
        <v>554</v>
      </c>
      <c r="CY23" s="83">
        <v>662</v>
      </c>
      <c r="CZ23" s="84">
        <v>1216</v>
      </c>
      <c r="DA23" s="399">
        <v>0</v>
      </c>
      <c r="DB23" s="83">
        <v>990</v>
      </c>
      <c r="DC23" s="83">
        <v>589</v>
      </c>
      <c r="DD23" s="83">
        <v>495</v>
      </c>
      <c r="DE23" s="83">
        <v>487</v>
      </c>
      <c r="DF23" s="83">
        <v>286</v>
      </c>
      <c r="DG23" s="85">
        <v>2847</v>
      </c>
      <c r="DH23" s="86">
        <v>4063</v>
      </c>
      <c r="DI23" s="87">
        <v>11</v>
      </c>
      <c r="DJ23" s="88">
        <v>10</v>
      </c>
      <c r="DK23" s="89">
        <v>21</v>
      </c>
      <c r="DL23" s="399">
        <v>0</v>
      </c>
      <c r="DM23" s="88">
        <v>26</v>
      </c>
      <c r="DN23" s="88">
        <v>19</v>
      </c>
      <c r="DO23" s="88">
        <v>7</v>
      </c>
      <c r="DP23" s="88">
        <v>9</v>
      </c>
      <c r="DQ23" s="88">
        <v>5</v>
      </c>
      <c r="DR23" s="89">
        <v>66</v>
      </c>
      <c r="DS23" s="90">
        <v>87</v>
      </c>
      <c r="DT23" s="87">
        <v>31</v>
      </c>
      <c r="DU23" s="88">
        <v>40</v>
      </c>
      <c r="DV23" s="89">
        <v>71</v>
      </c>
      <c r="DW23" s="399">
        <v>0</v>
      </c>
      <c r="DX23" s="88">
        <v>36</v>
      </c>
      <c r="DY23" s="88">
        <v>29</v>
      </c>
      <c r="DZ23" s="88">
        <v>18</v>
      </c>
      <c r="EA23" s="88">
        <v>24</v>
      </c>
      <c r="EB23" s="88">
        <v>19</v>
      </c>
      <c r="EC23" s="89">
        <v>126</v>
      </c>
      <c r="ED23" s="90">
        <v>197</v>
      </c>
      <c r="EE23" s="87">
        <v>86</v>
      </c>
      <c r="EF23" s="88">
        <v>101</v>
      </c>
      <c r="EG23" s="89">
        <v>187</v>
      </c>
      <c r="EH23" s="399">
        <v>0</v>
      </c>
      <c r="EI23" s="88">
        <v>152</v>
      </c>
      <c r="EJ23" s="88">
        <v>72</v>
      </c>
      <c r="EK23" s="88">
        <v>63</v>
      </c>
      <c r="EL23" s="88">
        <v>51</v>
      </c>
      <c r="EM23" s="88">
        <v>28</v>
      </c>
      <c r="EN23" s="89">
        <v>366</v>
      </c>
      <c r="EO23" s="90">
        <v>553</v>
      </c>
      <c r="EP23" s="87">
        <v>200</v>
      </c>
      <c r="EQ23" s="88">
        <v>204</v>
      </c>
      <c r="ER23" s="89">
        <v>404</v>
      </c>
      <c r="ES23" s="399">
        <v>0</v>
      </c>
      <c r="ET23" s="88">
        <v>254</v>
      </c>
      <c r="EU23" s="88">
        <v>145</v>
      </c>
      <c r="EV23" s="88">
        <v>101</v>
      </c>
      <c r="EW23" s="88">
        <v>93</v>
      </c>
      <c r="EX23" s="88">
        <v>60</v>
      </c>
      <c r="EY23" s="89">
        <v>653</v>
      </c>
      <c r="EZ23" s="90">
        <v>1057</v>
      </c>
      <c r="FA23" s="87">
        <v>154</v>
      </c>
      <c r="FB23" s="88">
        <v>182</v>
      </c>
      <c r="FC23" s="89">
        <v>336</v>
      </c>
      <c r="FD23" s="399">
        <v>0</v>
      </c>
      <c r="FE23" s="88">
        <v>297</v>
      </c>
      <c r="FF23" s="88">
        <v>167</v>
      </c>
      <c r="FG23" s="88">
        <v>127</v>
      </c>
      <c r="FH23" s="88">
        <v>119</v>
      </c>
      <c r="FI23" s="88">
        <v>68</v>
      </c>
      <c r="FJ23" s="89">
        <v>778</v>
      </c>
      <c r="FK23" s="90">
        <v>1114</v>
      </c>
      <c r="FL23" s="87">
        <v>72</v>
      </c>
      <c r="FM23" s="88">
        <v>125</v>
      </c>
      <c r="FN23" s="89">
        <v>197</v>
      </c>
      <c r="FO23" s="399">
        <v>0</v>
      </c>
      <c r="FP23" s="88">
        <v>225</v>
      </c>
      <c r="FQ23" s="88">
        <v>157</v>
      </c>
      <c r="FR23" s="88">
        <v>179</v>
      </c>
      <c r="FS23" s="88">
        <v>191</v>
      </c>
      <c r="FT23" s="88">
        <v>106</v>
      </c>
      <c r="FU23" s="89">
        <v>858</v>
      </c>
      <c r="FV23" s="90">
        <v>1055</v>
      </c>
      <c r="FW23" s="87">
        <v>5</v>
      </c>
      <c r="FX23" s="88">
        <v>13</v>
      </c>
      <c r="FY23" s="89">
        <v>18</v>
      </c>
      <c r="FZ23" s="399">
        <v>0</v>
      </c>
      <c r="GA23" s="88">
        <v>16</v>
      </c>
      <c r="GB23" s="88">
        <v>10</v>
      </c>
      <c r="GC23" s="88">
        <v>5</v>
      </c>
      <c r="GD23" s="88">
        <v>8</v>
      </c>
      <c r="GE23" s="88">
        <v>9</v>
      </c>
      <c r="GF23" s="89">
        <v>48</v>
      </c>
      <c r="GG23" s="90">
        <v>66</v>
      </c>
      <c r="GH23" s="87">
        <v>559</v>
      </c>
      <c r="GI23" s="88">
        <v>675</v>
      </c>
      <c r="GJ23" s="89">
        <v>1234</v>
      </c>
      <c r="GK23" s="399">
        <v>0</v>
      </c>
      <c r="GL23" s="88">
        <v>1006</v>
      </c>
      <c r="GM23" s="88">
        <v>599</v>
      </c>
      <c r="GN23" s="88">
        <v>500</v>
      </c>
      <c r="GO23" s="88">
        <v>495</v>
      </c>
      <c r="GP23" s="88">
        <v>295</v>
      </c>
      <c r="GQ23" s="89">
        <v>2895</v>
      </c>
      <c r="GR23" s="90">
        <v>4129</v>
      </c>
      <c r="GS23" s="91">
        <v>843</v>
      </c>
      <c r="GT23" s="83">
        <v>967</v>
      </c>
      <c r="GU23" s="84">
        <v>1810</v>
      </c>
      <c r="GV23" s="399">
        <v>0</v>
      </c>
      <c r="GW23" s="83">
        <v>1667</v>
      </c>
      <c r="GX23" s="83">
        <v>987</v>
      </c>
      <c r="GY23" s="83">
        <v>796</v>
      </c>
      <c r="GZ23" s="83">
        <v>707</v>
      </c>
      <c r="HA23" s="83">
        <v>407</v>
      </c>
      <c r="HB23" s="85">
        <v>4564</v>
      </c>
      <c r="HC23" s="86">
        <v>6374</v>
      </c>
      <c r="HD23" s="87">
        <v>15</v>
      </c>
      <c r="HE23" s="88">
        <v>17</v>
      </c>
      <c r="HF23" s="89">
        <v>32</v>
      </c>
      <c r="HG23" s="402">
        <v>0</v>
      </c>
      <c r="HH23" s="88">
        <v>50</v>
      </c>
      <c r="HI23" s="88">
        <v>38</v>
      </c>
      <c r="HJ23" s="88">
        <v>26</v>
      </c>
      <c r="HK23" s="88">
        <v>16</v>
      </c>
      <c r="HL23" s="88">
        <v>17</v>
      </c>
      <c r="HM23" s="89">
        <v>147</v>
      </c>
      <c r="HN23" s="90">
        <v>179</v>
      </c>
      <c r="HO23" s="87">
        <v>62</v>
      </c>
      <c r="HP23" s="88">
        <v>59</v>
      </c>
      <c r="HQ23" s="89">
        <v>121</v>
      </c>
      <c r="HR23" s="399">
        <v>0</v>
      </c>
      <c r="HS23" s="88">
        <v>94</v>
      </c>
      <c r="HT23" s="88">
        <v>61</v>
      </c>
      <c r="HU23" s="88">
        <v>45</v>
      </c>
      <c r="HV23" s="88">
        <v>54</v>
      </c>
      <c r="HW23" s="88">
        <v>34</v>
      </c>
      <c r="HX23" s="89">
        <v>288</v>
      </c>
      <c r="HY23" s="90">
        <v>409</v>
      </c>
      <c r="HZ23" s="87">
        <v>133</v>
      </c>
      <c r="IA23" s="88">
        <v>148</v>
      </c>
      <c r="IB23" s="89">
        <v>281</v>
      </c>
      <c r="IC23" s="399">
        <v>0</v>
      </c>
      <c r="ID23" s="88">
        <v>264</v>
      </c>
      <c r="IE23" s="88">
        <v>135</v>
      </c>
      <c r="IF23" s="88">
        <v>117</v>
      </c>
      <c r="IG23" s="88">
        <v>93</v>
      </c>
      <c r="IH23" s="88">
        <v>46</v>
      </c>
      <c r="II23" s="89">
        <v>655</v>
      </c>
      <c r="IJ23" s="90">
        <v>936</v>
      </c>
      <c r="IK23" s="87">
        <v>291</v>
      </c>
      <c r="IL23" s="88">
        <v>298</v>
      </c>
      <c r="IM23" s="89">
        <v>589</v>
      </c>
      <c r="IN23" s="399">
        <v>0</v>
      </c>
      <c r="IO23" s="88">
        <v>450</v>
      </c>
      <c r="IP23" s="88">
        <v>239</v>
      </c>
      <c r="IQ23" s="88">
        <v>179</v>
      </c>
      <c r="IR23" s="88">
        <v>159</v>
      </c>
      <c r="IS23" s="88">
        <v>93</v>
      </c>
      <c r="IT23" s="89">
        <v>1120</v>
      </c>
      <c r="IU23" s="90">
        <v>1709</v>
      </c>
      <c r="IV23" s="87">
        <v>227</v>
      </c>
      <c r="IW23" s="88">
        <v>274</v>
      </c>
      <c r="IX23" s="89">
        <v>501</v>
      </c>
      <c r="IY23" s="399">
        <v>0</v>
      </c>
      <c r="IZ23" s="88">
        <v>489</v>
      </c>
      <c r="JA23" s="88">
        <v>280</v>
      </c>
      <c r="JB23" s="88">
        <v>208</v>
      </c>
      <c r="JC23" s="88">
        <v>163</v>
      </c>
      <c r="JD23" s="88">
        <v>93</v>
      </c>
      <c r="JE23" s="89">
        <v>1233</v>
      </c>
      <c r="JF23" s="90">
        <v>1734</v>
      </c>
      <c r="JG23" s="87">
        <v>115</v>
      </c>
      <c r="JH23" s="88">
        <v>171</v>
      </c>
      <c r="JI23" s="89">
        <v>286</v>
      </c>
      <c r="JJ23" s="399">
        <v>0</v>
      </c>
      <c r="JK23" s="88">
        <v>320</v>
      </c>
      <c r="JL23" s="88">
        <v>234</v>
      </c>
      <c r="JM23" s="88">
        <v>221</v>
      </c>
      <c r="JN23" s="88">
        <v>222</v>
      </c>
      <c r="JO23" s="88">
        <v>124</v>
      </c>
      <c r="JP23" s="89">
        <v>1121</v>
      </c>
      <c r="JQ23" s="90">
        <v>1407</v>
      </c>
      <c r="JR23" s="87">
        <v>13</v>
      </c>
      <c r="JS23" s="88">
        <v>21</v>
      </c>
      <c r="JT23" s="89">
        <v>34</v>
      </c>
      <c r="JU23" s="399">
        <v>0</v>
      </c>
      <c r="JV23" s="88">
        <v>36</v>
      </c>
      <c r="JW23" s="88">
        <v>28</v>
      </c>
      <c r="JX23" s="88">
        <v>20</v>
      </c>
      <c r="JY23" s="88">
        <v>17</v>
      </c>
      <c r="JZ23" s="88">
        <v>18</v>
      </c>
      <c r="KA23" s="89">
        <v>119</v>
      </c>
      <c r="KB23" s="90">
        <v>153</v>
      </c>
      <c r="KC23" s="87">
        <v>856</v>
      </c>
      <c r="KD23" s="88">
        <v>988</v>
      </c>
      <c r="KE23" s="89">
        <v>1844</v>
      </c>
      <c r="KF23" s="399">
        <v>0</v>
      </c>
      <c r="KG23" s="88">
        <v>1703</v>
      </c>
      <c r="KH23" s="88">
        <v>1015</v>
      </c>
      <c r="KI23" s="88">
        <v>816</v>
      </c>
      <c r="KJ23" s="88">
        <v>724</v>
      </c>
      <c r="KK23" s="88">
        <v>425</v>
      </c>
      <c r="KL23" s="89">
        <v>4683</v>
      </c>
      <c r="KM23" s="90">
        <v>6527</v>
      </c>
    </row>
    <row r="24" spans="2:299" s="56" customFormat="1" ht="21" customHeight="1" x14ac:dyDescent="0.2">
      <c r="B24" s="92" t="s">
        <v>21</v>
      </c>
      <c r="C24" s="82">
        <v>324</v>
      </c>
      <c r="D24" s="83">
        <v>243</v>
      </c>
      <c r="E24" s="84">
        <v>567</v>
      </c>
      <c r="F24" s="399">
        <v>0</v>
      </c>
      <c r="G24" s="83">
        <v>474</v>
      </c>
      <c r="H24" s="83">
        <v>443</v>
      </c>
      <c r="I24" s="83">
        <v>274</v>
      </c>
      <c r="J24" s="83">
        <v>233</v>
      </c>
      <c r="K24" s="83">
        <v>137</v>
      </c>
      <c r="L24" s="85">
        <v>1561</v>
      </c>
      <c r="M24" s="86">
        <v>2128</v>
      </c>
      <c r="N24" s="87">
        <v>17</v>
      </c>
      <c r="O24" s="88">
        <v>11</v>
      </c>
      <c r="P24" s="89">
        <v>28</v>
      </c>
      <c r="Q24" s="399">
        <v>0</v>
      </c>
      <c r="R24" s="88">
        <v>16</v>
      </c>
      <c r="S24" s="88">
        <v>23</v>
      </c>
      <c r="T24" s="88">
        <v>21</v>
      </c>
      <c r="U24" s="88">
        <v>6</v>
      </c>
      <c r="V24" s="88">
        <v>12</v>
      </c>
      <c r="W24" s="89">
        <v>78</v>
      </c>
      <c r="X24" s="90">
        <v>106</v>
      </c>
      <c r="Y24" s="87">
        <v>24</v>
      </c>
      <c r="Z24" s="88">
        <v>25</v>
      </c>
      <c r="AA24" s="89">
        <v>49</v>
      </c>
      <c r="AB24" s="399">
        <v>0</v>
      </c>
      <c r="AC24" s="88">
        <v>34</v>
      </c>
      <c r="AD24" s="88">
        <v>46</v>
      </c>
      <c r="AE24" s="88">
        <v>23</v>
      </c>
      <c r="AF24" s="88">
        <v>26</v>
      </c>
      <c r="AG24" s="88">
        <v>21</v>
      </c>
      <c r="AH24" s="89">
        <v>150</v>
      </c>
      <c r="AI24" s="90">
        <v>199</v>
      </c>
      <c r="AJ24" s="87">
        <v>57</v>
      </c>
      <c r="AK24" s="88">
        <v>47</v>
      </c>
      <c r="AL24" s="89">
        <v>104</v>
      </c>
      <c r="AM24" s="399">
        <v>0</v>
      </c>
      <c r="AN24" s="88">
        <v>88</v>
      </c>
      <c r="AO24" s="88">
        <v>78</v>
      </c>
      <c r="AP24" s="88">
        <v>45</v>
      </c>
      <c r="AQ24" s="88">
        <v>41</v>
      </c>
      <c r="AR24" s="88">
        <v>26</v>
      </c>
      <c r="AS24" s="89">
        <v>278</v>
      </c>
      <c r="AT24" s="90">
        <v>382</v>
      </c>
      <c r="AU24" s="87">
        <v>93</v>
      </c>
      <c r="AV24" s="88">
        <v>66</v>
      </c>
      <c r="AW24" s="89">
        <v>159</v>
      </c>
      <c r="AX24" s="399">
        <v>0</v>
      </c>
      <c r="AY24" s="88">
        <v>123</v>
      </c>
      <c r="AZ24" s="88">
        <v>130</v>
      </c>
      <c r="BA24" s="88">
        <v>74</v>
      </c>
      <c r="BB24" s="88">
        <v>74</v>
      </c>
      <c r="BC24" s="88">
        <v>33</v>
      </c>
      <c r="BD24" s="89">
        <v>434</v>
      </c>
      <c r="BE24" s="90">
        <v>593</v>
      </c>
      <c r="BF24" s="87">
        <v>90</v>
      </c>
      <c r="BG24" s="88">
        <v>62</v>
      </c>
      <c r="BH24" s="89">
        <v>152</v>
      </c>
      <c r="BI24" s="399">
        <v>0</v>
      </c>
      <c r="BJ24" s="88">
        <v>141</v>
      </c>
      <c r="BK24" s="88">
        <v>113</v>
      </c>
      <c r="BL24" s="88">
        <v>64</v>
      </c>
      <c r="BM24" s="88">
        <v>51</v>
      </c>
      <c r="BN24" s="88">
        <v>26</v>
      </c>
      <c r="BO24" s="89">
        <v>395</v>
      </c>
      <c r="BP24" s="90">
        <v>547</v>
      </c>
      <c r="BQ24" s="87">
        <v>43</v>
      </c>
      <c r="BR24" s="88">
        <v>32</v>
      </c>
      <c r="BS24" s="89">
        <v>75</v>
      </c>
      <c r="BT24" s="399">
        <v>0</v>
      </c>
      <c r="BU24" s="88">
        <v>72</v>
      </c>
      <c r="BV24" s="88">
        <v>53</v>
      </c>
      <c r="BW24" s="88">
        <v>47</v>
      </c>
      <c r="BX24" s="88">
        <v>35</v>
      </c>
      <c r="BY24" s="88">
        <v>19</v>
      </c>
      <c r="BZ24" s="89">
        <v>226</v>
      </c>
      <c r="CA24" s="90">
        <v>301</v>
      </c>
      <c r="CB24" s="87">
        <v>12</v>
      </c>
      <c r="CC24" s="88">
        <v>11</v>
      </c>
      <c r="CD24" s="89">
        <v>23</v>
      </c>
      <c r="CE24" s="399">
        <v>0</v>
      </c>
      <c r="CF24" s="88">
        <v>7</v>
      </c>
      <c r="CG24" s="88">
        <v>18</v>
      </c>
      <c r="CH24" s="88">
        <v>11</v>
      </c>
      <c r="CI24" s="88">
        <v>10</v>
      </c>
      <c r="CJ24" s="88">
        <v>12</v>
      </c>
      <c r="CK24" s="89">
        <v>58</v>
      </c>
      <c r="CL24" s="90">
        <v>81</v>
      </c>
      <c r="CM24" s="87">
        <v>336</v>
      </c>
      <c r="CN24" s="88">
        <v>254</v>
      </c>
      <c r="CO24" s="89">
        <v>590</v>
      </c>
      <c r="CP24" s="399">
        <v>0</v>
      </c>
      <c r="CQ24" s="88">
        <v>481</v>
      </c>
      <c r="CR24" s="88">
        <v>461</v>
      </c>
      <c r="CS24" s="88">
        <v>285</v>
      </c>
      <c r="CT24" s="88">
        <v>243</v>
      </c>
      <c r="CU24" s="88">
        <v>149</v>
      </c>
      <c r="CV24" s="89">
        <v>1619</v>
      </c>
      <c r="CW24" s="90">
        <v>2209</v>
      </c>
      <c r="CX24" s="91">
        <v>632</v>
      </c>
      <c r="CY24" s="83">
        <v>617</v>
      </c>
      <c r="CZ24" s="84">
        <v>1249</v>
      </c>
      <c r="DA24" s="399">
        <v>0</v>
      </c>
      <c r="DB24" s="83">
        <v>844</v>
      </c>
      <c r="DC24" s="83">
        <v>731</v>
      </c>
      <c r="DD24" s="83">
        <v>607</v>
      </c>
      <c r="DE24" s="83">
        <v>446</v>
      </c>
      <c r="DF24" s="83">
        <v>327</v>
      </c>
      <c r="DG24" s="85">
        <v>2955</v>
      </c>
      <c r="DH24" s="86">
        <v>4204</v>
      </c>
      <c r="DI24" s="87">
        <v>13</v>
      </c>
      <c r="DJ24" s="88">
        <v>21</v>
      </c>
      <c r="DK24" s="89">
        <v>34</v>
      </c>
      <c r="DL24" s="399">
        <v>0</v>
      </c>
      <c r="DM24" s="88">
        <v>16</v>
      </c>
      <c r="DN24" s="88">
        <v>23</v>
      </c>
      <c r="DO24" s="88">
        <v>12</v>
      </c>
      <c r="DP24" s="88">
        <v>5</v>
      </c>
      <c r="DQ24" s="88">
        <v>15</v>
      </c>
      <c r="DR24" s="89">
        <v>71</v>
      </c>
      <c r="DS24" s="90">
        <v>105</v>
      </c>
      <c r="DT24" s="87">
        <v>27</v>
      </c>
      <c r="DU24" s="88">
        <v>30</v>
      </c>
      <c r="DV24" s="89">
        <v>57</v>
      </c>
      <c r="DW24" s="399">
        <v>0</v>
      </c>
      <c r="DX24" s="88">
        <v>38</v>
      </c>
      <c r="DY24" s="88">
        <v>32</v>
      </c>
      <c r="DZ24" s="88">
        <v>35</v>
      </c>
      <c r="EA24" s="88">
        <v>19</v>
      </c>
      <c r="EB24" s="88">
        <v>23</v>
      </c>
      <c r="EC24" s="89">
        <v>147</v>
      </c>
      <c r="ED24" s="90">
        <v>204</v>
      </c>
      <c r="EE24" s="87">
        <v>95</v>
      </c>
      <c r="EF24" s="88">
        <v>116</v>
      </c>
      <c r="EG24" s="89">
        <v>211</v>
      </c>
      <c r="EH24" s="399">
        <v>0</v>
      </c>
      <c r="EI24" s="88">
        <v>107</v>
      </c>
      <c r="EJ24" s="88">
        <v>79</v>
      </c>
      <c r="EK24" s="88">
        <v>53</v>
      </c>
      <c r="EL24" s="88">
        <v>47</v>
      </c>
      <c r="EM24" s="88">
        <v>37</v>
      </c>
      <c r="EN24" s="89">
        <v>323</v>
      </c>
      <c r="EO24" s="90">
        <v>534</v>
      </c>
      <c r="EP24" s="87">
        <v>210</v>
      </c>
      <c r="EQ24" s="88">
        <v>178</v>
      </c>
      <c r="ER24" s="89">
        <v>388</v>
      </c>
      <c r="ES24" s="399">
        <v>0</v>
      </c>
      <c r="ET24" s="88">
        <v>246</v>
      </c>
      <c r="EU24" s="88">
        <v>156</v>
      </c>
      <c r="EV24" s="88">
        <v>125</v>
      </c>
      <c r="EW24" s="88">
        <v>88</v>
      </c>
      <c r="EX24" s="88">
        <v>76</v>
      </c>
      <c r="EY24" s="89">
        <v>691</v>
      </c>
      <c r="EZ24" s="90">
        <v>1079</v>
      </c>
      <c r="FA24" s="87">
        <v>182</v>
      </c>
      <c r="FB24" s="88">
        <v>189</v>
      </c>
      <c r="FC24" s="89">
        <v>371</v>
      </c>
      <c r="FD24" s="399">
        <v>0</v>
      </c>
      <c r="FE24" s="88">
        <v>223</v>
      </c>
      <c r="FF24" s="88">
        <v>222</v>
      </c>
      <c r="FG24" s="88">
        <v>162</v>
      </c>
      <c r="FH24" s="88">
        <v>126</v>
      </c>
      <c r="FI24" s="88">
        <v>79</v>
      </c>
      <c r="FJ24" s="89">
        <v>812</v>
      </c>
      <c r="FK24" s="90">
        <v>1183</v>
      </c>
      <c r="FL24" s="87">
        <v>105</v>
      </c>
      <c r="FM24" s="88">
        <v>83</v>
      </c>
      <c r="FN24" s="89">
        <v>188</v>
      </c>
      <c r="FO24" s="399">
        <v>0</v>
      </c>
      <c r="FP24" s="88">
        <v>214</v>
      </c>
      <c r="FQ24" s="88">
        <v>219</v>
      </c>
      <c r="FR24" s="88">
        <v>220</v>
      </c>
      <c r="FS24" s="88">
        <v>161</v>
      </c>
      <c r="FT24" s="88">
        <v>97</v>
      </c>
      <c r="FU24" s="89">
        <v>911</v>
      </c>
      <c r="FV24" s="90">
        <v>1099</v>
      </c>
      <c r="FW24" s="87">
        <v>5</v>
      </c>
      <c r="FX24" s="88">
        <v>11</v>
      </c>
      <c r="FY24" s="89">
        <v>16</v>
      </c>
      <c r="FZ24" s="399">
        <v>0</v>
      </c>
      <c r="GA24" s="88">
        <v>6</v>
      </c>
      <c r="GB24" s="88">
        <v>20</v>
      </c>
      <c r="GC24" s="88">
        <v>15</v>
      </c>
      <c r="GD24" s="88">
        <v>7</v>
      </c>
      <c r="GE24" s="88">
        <v>17</v>
      </c>
      <c r="GF24" s="89">
        <v>65</v>
      </c>
      <c r="GG24" s="90">
        <v>81</v>
      </c>
      <c r="GH24" s="87">
        <v>637</v>
      </c>
      <c r="GI24" s="88">
        <v>628</v>
      </c>
      <c r="GJ24" s="89">
        <v>1265</v>
      </c>
      <c r="GK24" s="399">
        <v>0</v>
      </c>
      <c r="GL24" s="88">
        <v>850</v>
      </c>
      <c r="GM24" s="88">
        <v>751</v>
      </c>
      <c r="GN24" s="88">
        <v>622</v>
      </c>
      <c r="GO24" s="88">
        <v>453</v>
      </c>
      <c r="GP24" s="88">
        <v>344</v>
      </c>
      <c r="GQ24" s="89">
        <v>3020</v>
      </c>
      <c r="GR24" s="90">
        <v>4285</v>
      </c>
      <c r="GS24" s="91">
        <v>956</v>
      </c>
      <c r="GT24" s="83">
        <v>860</v>
      </c>
      <c r="GU24" s="84">
        <v>1816</v>
      </c>
      <c r="GV24" s="399">
        <v>0</v>
      </c>
      <c r="GW24" s="83">
        <v>1318</v>
      </c>
      <c r="GX24" s="83">
        <v>1174</v>
      </c>
      <c r="GY24" s="83">
        <v>881</v>
      </c>
      <c r="GZ24" s="83">
        <v>679</v>
      </c>
      <c r="HA24" s="83">
        <v>464</v>
      </c>
      <c r="HB24" s="85">
        <v>4516</v>
      </c>
      <c r="HC24" s="86">
        <v>6332</v>
      </c>
      <c r="HD24" s="87">
        <v>30</v>
      </c>
      <c r="HE24" s="88">
        <v>32</v>
      </c>
      <c r="HF24" s="89">
        <v>62</v>
      </c>
      <c r="HG24" s="402">
        <v>0</v>
      </c>
      <c r="HH24" s="88">
        <v>32</v>
      </c>
      <c r="HI24" s="88">
        <v>46</v>
      </c>
      <c r="HJ24" s="88">
        <v>33</v>
      </c>
      <c r="HK24" s="88">
        <v>11</v>
      </c>
      <c r="HL24" s="88">
        <v>27</v>
      </c>
      <c r="HM24" s="89">
        <v>149</v>
      </c>
      <c r="HN24" s="90">
        <v>211</v>
      </c>
      <c r="HO24" s="87">
        <v>51</v>
      </c>
      <c r="HP24" s="88">
        <v>55</v>
      </c>
      <c r="HQ24" s="89">
        <v>106</v>
      </c>
      <c r="HR24" s="399">
        <v>0</v>
      </c>
      <c r="HS24" s="88">
        <v>72</v>
      </c>
      <c r="HT24" s="88">
        <v>78</v>
      </c>
      <c r="HU24" s="88">
        <v>58</v>
      </c>
      <c r="HV24" s="88">
        <v>45</v>
      </c>
      <c r="HW24" s="88">
        <v>44</v>
      </c>
      <c r="HX24" s="89">
        <v>297</v>
      </c>
      <c r="HY24" s="90">
        <v>403</v>
      </c>
      <c r="HZ24" s="87">
        <v>152</v>
      </c>
      <c r="IA24" s="88">
        <v>163</v>
      </c>
      <c r="IB24" s="89">
        <v>315</v>
      </c>
      <c r="IC24" s="399">
        <v>0</v>
      </c>
      <c r="ID24" s="88">
        <v>195</v>
      </c>
      <c r="IE24" s="88">
        <v>157</v>
      </c>
      <c r="IF24" s="88">
        <v>98</v>
      </c>
      <c r="IG24" s="88">
        <v>88</v>
      </c>
      <c r="IH24" s="88">
        <v>63</v>
      </c>
      <c r="II24" s="89">
        <v>601</v>
      </c>
      <c r="IJ24" s="90">
        <v>916</v>
      </c>
      <c r="IK24" s="87">
        <v>303</v>
      </c>
      <c r="IL24" s="88">
        <v>244</v>
      </c>
      <c r="IM24" s="89">
        <v>547</v>
      </c>
      <c r="IN24" s="399">
        <v>0</v>
      </c>
      <c r="IO24" s="88">
        <v>369</v>
      </c>
      <c r="IP24" s="88">
        <v>286</v>
      </c>
      <c r="IQ24" s="88">
        <v>199</v>
      </c>
      <c r="IR24" s="88">
        <v>162</v>
      </c>
      <c r="IS24" s="88">
        <v>109</v>
      </c>
      <c r="IT24" s="89">
        <v>1125</v>
      </c>
      <c r="IU24" s="90">
        <v>1672</v>
      </c>
      <c r="IV24" s="87">
        <v>272</v>
      </c>
      <c r="IW24" s="88">
        <v>251</v>
      </c>
      <c r="IX24" s="89">
        <v>523</v>
      </c>
      <c r="IY24" s="399">
        <v>0</v>
      </c>
      <c r="IZ24" s="88">
        <v>364</v>
      </c>
      <c r="JA24" s="88">
        <v>335</v>
      </c>
      <c r="JB24" s="88">
        <v>226</v>
      </c>
      <c r="JC24" s="88">
        <v>177</v>
      </c>
      <c r="JD24" s="88">
        <v>105</v>
      </c>
      <c r="JE24" s="89">
        <v>1207</v>
      </c>
      <c r="JF24" s="90">
        <v>1730</v>
      </c>
      <c r="JG24" s="87">
        <v>148</v>
      </c>
      <c r="JH24" s="88">
        <v>115</v>
      </c>
      <c r="JI24" s="89">
        <v>263</v>
      </c>
      <c r="JJ24" s="399">
        <v>0</v>
      </c>
      <c r="JK24" s="88">
        <v>286</v>
      </c>
      <c r="JL24" s="88">
        <v>272</v>
      </c>
      <c r="JM24" s="88">
        <v>267</v>
      </c>
      <c r="JN24" s="88">
        <v>196</v>
      </c>
      <c r="JO24" s="88">
        <v>116</v>
      </c>
      <c r="JP24" s="89">
        <v>1137</v>
      </c>
      <c r="JQ24" s="90">
        <v>1400</v>
      </c>
      <c r="JR24" s="87">
        <v>17</v>
      </c>
      <c r="JS24" s="88">
        <v>22</v>
      </c>
      <c r="JT24" s="89">
        <v>39</v>
      </c>
      <c r="JU24" s="399">
        <v>0</v>
      </c>
      <c r="JV24" s="88">
        <v>13</v>
      </c>
      <c r="JW24" s="88">
        <v>38</v>
      </c>
      <c r="JX24" s="88">
        <v>26</v>
      </c>
      <c r="JY24" s="88">
        <v>17</v>
      </c>
      <c r="JZ24" s="88">
        <v>29</v>
      </c>
      <c r="KA24" s="89">
        <v>123</v>
      </c>
      <c r="KB24" s="90">
        <v>162</v>
      </c>
      <c r="KC24" s="87">
        <v>973</v>
      </c>
      <c r="KD24" s="88">
        <v>882</v>
      </c>
      <c r="KE24" s="89">
        <v>1855</v>
      </c>
      <c r="KF24" s="399">
        <v>0</v>
      </c>
      <c r="KG24" s="88">
        <v>1331</v>
      </c>
      <c r="KH24" s="88">
        <v>1212</v>
      </c>
      <c r="KI24" s="88">
        <v>907</v>
      </c>
      <c r="KJ24" s="88">
        <v>696</v>
      </c>
      <c r="KK24" s="88">
        <v>493</v>
      </c>
      <c r="KL24" s="89">
        <v>4639</v>
      </c>
      <c r="KM24" s="90">
        <v>6494</v>
      </c>
    </row>
    <row r="25" spans="2:299" s="56" customFormat="1" ht="21" customHeight="1" x14ac:dyDescent="0.2">
      <c r="B25" s="92" t="s">
        <v>22</v>
      </c>
      <c r="C25" s="82">
        <v>105</v>
      </c>
      <c r="D25" s="83">
        <v>84</v>
      </c>
      <c r="E25" s="84">
        <v>189</v>
      </c>
      <c r="F25" s="399">
        <v>0</v>
      </c>
      <c r="G25" s="83">
        <v>194</v>
      </c>
      <c r="H25" s="83">
        <v>160</v>
      </c>
      <c r="I25" s="83">
        <v>114</v>
      </c>
      <c r="J25" s="83">
        <v>89</v>
      </c>
      <c r="K25" s="83">
        <v>41</v>
      </c>
      <c r="L25" s="85">
        <v>598</v>
      </c>
      <c r="M25" s="86">
        <v>787</v>
      </c>
      <c r="N25" s="87">
        <v>1</v>
      </c>
      <c r="O25" s="88">
        <v>2</v>
      </c>
      <c r="P25" s="89">
        <v>3</v>
      </c>
      <c r="Q25" s="399">
        <v>0</v>
      </c>
      <c r="R25" s="88">
        <v>6</v>
      </c>
      <c r="S25" s="88">
        <v>7</v>
      </c>
      <c r="T25" s="88">
        <v>2</v>
      </c>
      <c r="U25" s="88">
        <v>2</v>
      </c>
      <c r="V25" s="88">
        <v>2</v>
      </c>
      <c r="W25" s="89">
        <v>19</v>
      </c>
      <c r="X25" s="90">
        <v>22</v>
      </c>
      <c r="Y25" s="87">
        <v>2</v>
      </c>
      <c r="Z25" s="88">
        <v>9</v>
      </c>
      <c r="AA25" s="89">
        <v>11</v>
      </c>
      <c r="AB25" s="399">
        <v>0</v>
      </c>
      <c r="AC25" s="88">
        <v>13</v>
      </c>
      <c r="AD25" s="88">
        <v>11</v>
      </c>
      <c r="AE25" s="88">
        <v>9</v>
      </c>
      <c r="AF25" s="88">
        <v>6</v>
      </c>
      <c r="AG25" s="88">
        <v>9</v>
      </c>
      <c r="AH25" s="89">
        <v>48</v>
      </c>
      <c r="AI25" s="90">
        <v>59</v>
      </c>
      <c r="AJ25" s="87">
        <v>15</v>
      </c>
      <c r="AK25" s="88">
        <v>16</v>
      </c>
      <c r="AL25" s="89">
        <v>31</v>
      </c>
      <c r="AM25" s="399">
        <v>0</v>
      </c>
      <c r="AN25" s="88">
        <v>31</v>
      </c>
      <c r="AO25" s="88">
        <v>23</v>
      </c>
      <c r="AP25" s="88">
        <v>19</v>
      </c>
      <c r="AQ25" s="88">
        <v>12</v>
      </c>
      <c r="AR25" s="88">
        <v>7</v>
      </c>
      <c r="AS25" s="89">
        <v>92</v>
      </c>
      <c r="AT25" s="90">
        <v>123</v>
      </c>
      <c r="AU25" s="87">
        <v>31</v>
      </c>
      <c r="AV25" s="88">
        <v>20</v>
      </c>
      <c r="AW25" s="89">
        <v>51</v>
      </c>
      <c r="AX25" s="399">
        <v>0</v>
      </c>
      <c r="AY25" s="88">
        <v>47</v>
      </c>
      <c r="AZ25" s="88">
        <v>41</v>
      </c>
      <c r="BA25" s="88">
        <v>29</v>
      </c>
      <c r="BB25" s="88">
        <v>21</v>
      </c>
      <c r="BC25" s="88">
        <v>8</v>
      </c>
      <c r="BD25" s="89">
        <v>146</v>
      </c>
      <c r="BE25" s="90">
        <v>197</v>
      </c>
      <c r="BF25" s="87">
        <v>36</v>
      </c>
      <c r="BG25" s="88">
        <v>27</v>
      </c>
      <c r="BH25" s="89">
        <v>63</v>
      </c>
      <c r="BI25" s="399">
        <v>0</v>
      </c>
      <c r="BJ25" s="88">
        <v>47</v>
      </c>
      <c r="BK25" s="88">
        <v>41</v>
      </c>
      <c r="BL25" s="88">
        <v>22</v>
      </c>
      <c r="BM25" s="88">
        <v>25</v>
      </c>
      <c r="BN25" s="88">
        <v>10</v>
      </c>
      <c r="BO25" s="89">
        <v>145</v>
      </c>
      <c r="BP25" s="90">
        <v>208</v>
      </c>
      <c r="BQ25" s="87">
        <v>20</v>
      </c>
      <c r="BR25" s="88">
        <v>10</v>
      </c>
      <c r="BS25" s="89">
        <v>30</v>
      </c>
      <c r="BT25" s="399">
        <v>0</v>
      </c>
      <c r="BU25" s="88">
        <v>50</v>
      </c>
      <c r="BV25" s="88">
        <v>37</v>
      </c>
      <c r="BW25" s="88">
        <v>33</v>
      </c>
      <c r="BX25" s="88">
        <v>23</v>
      </c>
      <c r="BY25" s="88">
        <v>5</v>
      </c>
      <c r="BZ25" s="89">
        <v>148</v>
      </c>
      <c r="CA25" s="90">
        <v>178</v>
      </c>
      <c r="CB25" s="87">
        <v>5</v>
      </c>
      <c r="CC25" s="88">
        <v>5</v>
      </c>
      <c r="CD25" s="89">
        <v>10</v>
      </c>
      <c r="CE25" s="399">
        <v>0</v>
      </c>
      <c r="CF25" s="88">
        <v>8</v>
      </c>
      <c r="CG25" s="88">
        <v>4</v>
      </c>
      <c r="CH25" s="88">
        <v>2</v>
      </c>
      <c r="CI25" s="88">
        <v>2</v>
      </c>
      <c r="CJ25" s="88">
        <v>3</v>
      </c>
      <c r="CK25" s="89">
        <v>19</v>
      </c>
      <c r="CL25" s="90">
        <v>29</v>
      </c>
      <c r="CM25" s="87">
        <v>110</v>
      </c>
      <c r="CN25" s="88">
        <v>89</v>
      </c>
      <c r="CO25" s="89">
        <v>199</v>
      </c>
      <c r="CP25" s="399">
        <v>0</v>
      </c>
      <c r="CQ25" s="88">
        <v>202</v>
      </c>
      <c r="CR25" s="88">
        <v>164</v>
      </c>
      <c r="CS25" s="88">
        <v>116</v>
      </c>
      <c r="CT25" s="88">
        <v>91</v>
      </c>
      <c r="CU25" s="88">
        <v>44</v>
      </c>
      <c r="CV25" s="89">
        <v>617</v>
      </c>
      <c r="CW25" s="90">
        <v>816</v>
      </c>
      <c r="CX25" s="91">
        <v>149</v>
      </c>
      <c r="CY25" s="83">
        <v>276</v>
      </c>
      <c r="CZ25" s="84">
        <v>425</v>
      </c>
      <c r="DA25" s="399">
        <v>0</v>
      </c>
      <c r="DB25" s="83">
        <v>352</v>
      </c>
      <c r="DC25" s="83">
        <v>317</v>
      </c>
      <c r="DD25" s="83">
        <v>216</v>
      </c>
      <c r="DE25" s="83">
        <v>231</v>
      </c>
      <c r="DF25" s="83">
        <v>114</v>
      </c>
      <c r="DG25" s="85">
        <v>1230</v>
      </c>
      <c r="DH25" s="86">
        <v>1655</v>
      </c>
      <c r="DI25" s="87">
        <v>4</v>
      </c>
      <c r="DJ25" s="88">
        <v>6</v>
      </c>
      <c r="DK25" s="89">
        <v>10</v>
      </c>
      <c r="DL25" s="399">
        <v>0</v>
      </c>
      <c r="DM25" s="88">
        <v>6</v>
      </c>
      <c r="DN25" s="88">
        <v>5</v>
      </c>
      <c r="DO25" s="88">
        <v>6</v>
      </c>
      <c r="DP25" s="88">
        <v>2</v>
      </c>
      <c r="DQ25" s="88">
        <v>4</v>
      </c>
      <c r="DR25" s="89">
        <v>23</v>
      </c>
      <c r="DS25" s="90">
        <v>33</v>
      </c>
      <c r="DT25" s="87">
        <v>9</v>
      </c>
      <c r="DU25" s="88">
        <v>10</v>
      </c>
      <c r="DV25" s="89">
        <v>19</v>
      </c>
      <c r="DW25" s="399">
        <v>0</v>
      </c>
      <c r="DX25" s="88">
        <v>14</v>
      </c>
      <c r="DY25" s="88">
        <v>9</v>
      </c>
      <c r="DZ25" s="88">
        <v>10</v>
      </c>
      <c r="EA25" s="88">
        <v>7</v>
      </c>
      <c r="EB25" s="88">
        <v>1</v>
      </c>
      <c r="EC25" s="89">
        <v>41</v>
      </c>
      <c r="ED25" s="90">
        <v>60</v>
      </c>
      <c r="EE25" s="87">
        <v>25</v>
      </c>
      <c r="EF25" s="88">
        <v>49</v>
      </c>
      <c r="EG25" s="89">
        <v>74</v>
      </c>
      <c r="EH25" s="399">
        <v>0</v>
      </c>
      <c r="EI25" s="88">
        <v>39</v>
      </c>
      <c r="EJ25" s="88">
        <v>38</v>
      </c>
      <c r="EK25" s="88">
        <v>18</v>
      </c>
      <c r="EL25" s="88">
        <v>13</v>
      </c>
      <c r="EM25" s="88">
        <v>14</v>
      </c>
      <c r="EN25" s="89">
        <v>122</v>
      </c>
      <c r="EO25" s="90">
        <v>196</v>
      </c>
      <c r="EP25" s="87">
        <v>47</v>
      </c>
      <c r="EQ25" s="88">
        <v>73</v>
      </c>
      <c r="ER25" s="89">
        <v>120</v>
      </c>
      <c r="ES25" s="399">
        <v>0</v>
      </c>
      <c r="ET25" s="88">
        <v>79</v>
      </c>
      <c r="EU25" s="88">
        <v>65</v>
      </c>
      <c r="EV25" s="88">
        <v>43</v>
      </c>
      <c r="EW25" s="88">
        <v>40</v>
      </c>
      <c r="EX25" s="88">
        <v>19</v>
      </c>
      <c r="EY25" s="89">
        <v>246</v>
      </c>
      <c r="EZ25" s="90">
        <v>366</v>
      </c>
      <c r="FA25" s="87">
        <v>50</v>
      </c>
      <c r="FB25" s="88">
        <v>72</v>
      </c>
      <c r="FC25" s="89">
        <v>122</v>
      </c>
      <c r="FD25" s="399">
        <v>0</v>
      </c>
      <c r="FE25" s="88">
        <v>112</v>
      </c>
      <c r="FF25" s="88">
        <v>86</v>
      </c>
      <c r="FG25" s="88">
        <v>56</v>
      </c>
      <c r="FH25" s="88">
        <v>59</v>
      </c>
      <c r="FI25" s="88">
        <v>35</v>
      </c>
      <c r="FJ25" s="89">
        <v>348</v>
      </c>
      <c r="FK25" s="90">
        <v>470</v>
      </c>
      <c r="FL25" s="87">
        <v>14</v>
      </c>
      <c r="FM25" s="88">
        <v>66</v>
      </c>
      <c r="FN25" s="89">
        <v>80</v>
      </c>
      <c r="FO25" s="399">
        <v>0</v>
      </c>
      <c r="FP25" s="88">
        <v>102</v>
      </c>
      <c r="FQ25" s="88">
        <v>114</v>
      </c>
      <c r="FR25" s="88">
        <v>83</v>
      </c>
      <c r="FS25" s="88">
        <v>110</v>
      </c>
      <c r="FT25" s="88">
        <v>41</v>
      </c>
      <c r="FU25" s="89">
        <v>450</v>
      </c>
      <c r="FV25" s="90">
        <v>530</v>
      </c>
      <c r="FW25" s="87">
        <v>0</v>
      </c>
      <c r="FX25" s="88">
        <v>4</v>
      </c>
      <c r="FY25" s="89">
        <v>4</v>
      </c>
      <c r="FZ25" s="399">
        <v>0</v>
      </c>
      <c r="GA25" s="88">
        <v>3</v>
      </c>
      <c r="GB25" s="88">
        <v>5</v>
      </c>
      <c r="GC25" s="88">
        <v>2</v>
      </c>
      <c r="GD25" s="88">
        <v>1</v>
      </c>
      <c r="GE25" s="88">
        <v>3</v>
      </c>
      <c r="GF25" s="89">
        <v>14</v>
      </c>
      <c r="GG25" s="90">
        <v>18</v>
      </c>
      <c r="GH25" s="87">
        <v>149</v>
      </c>
      <c r="GI25" s="88">
        <v>280</v>
      </c>
      <c r="GJ25" s="89">
        <v>429</v>
      </c>
      <c r="GK25" s="399">
        <v>0</v>
      </c>
      <c r="GL25" s="88">
        <v>355</v>
      </c>
      <c r="GM25" s="88">
        <v>322</v>
      </c>
      <c r="GN25" s="88">
        <v>218</v>
      </c>
      <c r="GO25" s="88">
        <v>232</v>
      </c>
      <c r="GP25" s="88">
        <v>117</v>
      </c>
      <c r="GQ25" s="89">
        <v>1244</v>
      </c>
      <c r="GR25" s="90">
        <v>1673</v>
      </c>
      <c r="GS25" s="91">
        <v>254</v>
      </c>
      <c r="GT25" s="83">
        <v>360</v>
      </c>
      <c r="GU25" s="84">
        <v>614</v>
      </c>
      <c r="GV25" s="399">
        <v>0</v>
      </c>
      <c r="GW25" s="83">
        <v>546</v>
      </c>
      <c r="GX25" s="83">
        <v>477</v>
      </c>
      <c r="GY25" s="83">
        <v>330</v>
      </c>
      <c r="GZ25" s="83">
        <v>320</v>
      </c>
      <c r="HA25" s="83">
        <v>155</v>
      </c>
      <c r="HB25" s="85">
        <v>1828</v>
      </c>
      <c r="HC25" s="86">
        <v>2442</v>
      </c>
      <c r="HD25" s="87">
        <v>5</v>
      </c>
      <c r="HE25" s="88">
        <v>8</v>
      </c>
      <c r="HF25" s="89">
        <v>13</v>
      </c>
      <c r="HG25" s="402">
        <v>0</v>
      </c>
      <c r="HH25" s="88">
        <v>12</v>
      </c>
      <c r="HI25" s="88">
        <v>12</v>
      </c>
      <c r="HJ25" s="88">
        <v>8</v>
      </c>
      <c r="HK25" s="88">
        <v>4</v>
      </c>
      <c r="HL25" s="88">
        <v>6</v>
      </c>
      <c r="HM25" s="89">
        <v>42</v>
      </c>
      <c r="HN25" s="90">
        <v>55</v>
      </c>
      <c r="HO25" s="87">
        <v>11</v>
      </c>
      <c r="HP25" s="88">
        <v>19</v>
      </c>
      <c r="HQ25" s="89">
        <v>30</v>
      </c>
      <c r="HR25" s="399">
        <v>0</v>
      </c>
      <c r="HS25" s="88">
        <v>27</v>
      </c>
      <c r="HT25" s="88">
        <v>20</v>
      </c>
      <c r="HU25" s="88">
        <v>19</v>
      </c>
      <c r="HV25" s="88">
        <v>13</v>
      </c>
      <c r="HW25" s="88">
        <v>10</v>
      </c>
      <c r="HX25" s="89">
        <v>89</v>
      </c>
      <c r="HY25" s="90">
        <v>119</v>
      </c>
      <c r="HZ25" s="87">
        <v>40</v>
      </c>
      <c r="IA25" s="88">
        <v>65</v>
      </c>
      <c r="IB25" s="89">
        <v>105</v>
      </c>
      <c r="IC25" s="399">
        <v>0</v>
      </c>
      <c r="ID25" s="88">
        <v>70</v>
      </c>
      <c r="IE25" s="88">
        <v>61</v>
      </c>
      <c r="IF25" s="88">
        <v>37</v>
      </c>
      <c r="IG25" s="88">
        <v>25</v>
      </c>
      <c r="IH25" s="88">
        <v>21</v>
      </c>
      <c r="II25" s="89">
        <v>214</v>
      </c>
      <c r="IJ25" s="90">
        <v>319</v>
      </c>
      <c r="IK25" s="87">
        <v>78</v>
      </c>
      <c r="IL25" s="88">
        <v>93</v>
      </c>
      <c r="IM25" s="89">
        <v>171</v>
      </c>
      <c r="IN25" s="399">
        <v>0</v>
      </c>
      <c r="IO25" s="88">
        <v>126</v>
      </c>
      <c r="IP25" s="88">
        <v>106</v>
      </c>
      <c r="IQ25" s="88">
        <v>72</v>
      </c>
      <c r="IR25" s="88">
        <v>61</v>
      </c>
      <c r="IS25" s="88">
        <v>27</v>
      </c>
      <c r="IT25" s="89">
        <v>392</v>
      </c>
      <c r="IU25" s="90">
        <v>563</v>
      </c>
      <c r="IV25" s="87">
        <v>86</v>
      </c>
      <c r="IW25" s="88">
        <v>99</v>
      </c>
      <c r="IX25" s="89">
        <v>185</v>
      </c>
      <c r="IY25" s="399">
        <v>0</v>
      </c>
      <c r="IZ25" s="88">
        <v>159</v>
      </c>
      <c r="JA25" s="88">
        <v>127</v>
      </c>
      <c r="JB25" s="88">
        <v>78</v>
      </c>
      <c r="JC25" s="88">
        <v>84</v>
      </c>
      <c r="JD25" s="88">
        <v>45</v>
      </c>
      <c r="JE25" s="89">
        <v>493</v>
      </c>
      <c r="JF25" s="90">
        <v>678</v>
      </c>
      <c r="JG25" s="87">
        <v>34</v>
      </c>
      <c r="JH25" s="88">
        <v>76</v>
      </c>
      <c r="JI25" s="89">
        <v>110</v>
      </c>
      <c r="JJ25" s="399">
        <v>0</v>
      </c>
      <c r="JK25" s="88">
        <v>152</v>
      </c>
      <c r="JL25" s="88">
        <v>151</v>
      </c>
      <c r="JM25" s="88">
        <v>116</v>
      </c>
      <c r="JN25" s="88">
        <v>133</v>
      </c>
      <c r="JO25" s="88">
        <v>46</v>
      </c>
      <c r="JP25" s="89">
        <v>598</v>
      </c>
      <c r="JQ25" s="90">
        <v>708</v>
      </c>
      <c r="JR25" s="87">
        <v>5</v>
      </c>
      <c r="JS25" s="88">
        <v>9</v>
      </c>
      <c r="JT25" s="89">
        <v>14</v>
      </c>
      <c r="JU25" s="399">
        <v>0</v>
      </c>
      <c r="JV25" s="88">
        <v>11</v>
      </c>
      <c r="JW25" s="88">
        <v>9</v>
      </c>
      <c r="JX25" s="88">
        <v>4</v>
      </c>
      <c r="JY25" s="88">
        <v>3</v>
      </c>
      <c r="JZ25" s="88">
        <v>6</v>
      </c>
      <c r="KA25" s="89">
        <v>33</v>
      </c>
      <c r="KB25" s="90">
        <v>47</v>
      </c>
      <c r="KC25" s="87">
        <v>259</v>
      </c>
      <c r="KD25" s="88">
        <v>369</v>
      </c>
      <c r="KE25" s="89">
        <v>628</v>
      </c>
      <c r="KF25" s="399">
        <v>0</v>
      </c>
      <c r="KG25" s="88">
        <v>557</v>
      </c>
      <c r="KH25" s="88">
        <v>486</v>
      </c>
      <c r="KI25" s="88">
        <v>334</v>
      </c>
      <c r="KJ25" s="88">
        <v>323</v>
      </c>
      <c r="KK25" s="88">
        <v>161</v>
      </c>
      <c r="KL25" s="89">
        <v>1861</v>
      </c>
      <c r="KM25" s="90">
        <v>2489</v>
      </c>
    </row>
    <row r="26" spans="2:299" s="56" customFormat="1" ht="21" customHeight="1" x14ac:dyDescent="0.2">
      <c r="B26" s="92" t="s">
        <v>23</v>
      </c>
      <c r="C26" s="82">
        <v>219</v>
      </c>
      <c r="D26" s="83">
        <v>216</v>
      </c>
      <c r="E26" s="84">
        <v>435</v>
      </c>
      <c r="F26" s="399">
        <v>0</v>
      </c>
      <c r="G26" s="83">
        <v>342</v>
      </c>
      <c r="H26" s="83">
        <v>302</v>
      </c>
      <c r="I26" s="83">
        <v>181</v>
      </c>
      <c r="J26" s="83">
        <v>162</v>
      </c>
      <c r="K26" s="83">
        <v>95</v>
      </c>
      <c r="L26" s="85">
        <v>1082</v>
      </c>
      <c r="M26" s="86">
        <v>1517</v>
      </c>
      <c r="N26" s="87">
        <v>10</v>
      </c>
      <c r="O26" s="88">
        <v>8</v>
      </c>
      <c r="P26" s="89">
        <v>18</v>
      </c>
      <c r="Q26" s="399">
        <v>0</v>
      </c>
      <c r="R26" s="88">
        <v>7</v>
      </c>
      <c r="S26" s="88">
        <v>16</v>
      </c>
      <c r="T26" s="88">
        <v>4</v>
      </c>
      <c r="U26" s="88">
        <v>10</v>
      </c>
      <c r="V26" s="88">
        <v>4</v>
      </c>
      <c r="W26" s="89">
        <v>41</v>
      </c>
      <c r="X26" s="90">
        <v>59</v>
      </c>
      <c r="Y26" s="87">
        <v>15</v>
      </c>
      <c r="Z26" s="88">
        <v>20</v>
      </c>
      <c r="AA26" s="89">
        <v>35</v>
      </c>
      <c r="AB26" s="399">
        <v>0</v>
      </c>
      <c r="AC26" s="88">
        <v>23</v>
      </c>
      <c r="AD26" s="88">
        <v>26</v>
      </c>
      <c r="AE26" s="88">
        <v>21</v>
      </c>
      <c r="AF26" s="88">
        <v>15</v>
      </c>
      <c r="AG26" s="88">
        <v>8</v>
      </c>
      <c r="AH26" s="89">
        <v>93</v>
      </c>
      <c r="AI26" s="90">
        <v>128</v>
      </c>
      <c r="AJ26" s="87">
        <v>47</v>
      </c>
      <c r="AK26" s="88">
        <v>33</v>
      </c>
      <c r="AL26" s="89">
        <v>80</v>
      </c>
      <c r="AM26" s="399">
        <v>0</v>
      </c>
      <c r="AN26" s="88">
        <v>48</v>
      </c>
      <c r="AO26" s="88">
        <v>50</v>
      </c>
      <c r="AP26" s="88">
        <v>30</v>
      </c>
      <c r="AQ26" s="88">
        <v>21</v>
      </c>
      <c r="AR26" s="88">
        <v>19</v>
      </c>
      <c r="AS26" s="89">
        <v>168</v>
      </c>
      <c r="AT26" s="90">
        <v>248</v>
      </c>
      <c r="AU26" s="87">
        <v>65</v>
      </c>
      <c r="AV26" s="88">
        <v>71</v>
      </c>
      <c r="AW26" s="89">
        <v>136</v>
      </c>
      <c r="AX26" s="399">
        <v>0</v>
      </c>
      <c r="AY26" s="88">
        <v>106</v>
      </c>
      <c r="AZ26" s="88">
        <v>88</v>
      </c>
      <c r="BA26" s="88">
        <v>45</v>
      </c>
      <c r="BB26" s="88">
        <v>38</v>
      </c>
      <c r="BC26" s="88">
        <v>22</v>
      </c>
      <c r="BD26" s="89">
        <v>299</v>
      </c>
      <c r="BE26" s="90">
        <v>435</v>
      </c>
      <c r="BF26" s="87">
        <v>59</v>
      </c>
      <c r="BG26" s="88">
        <v>65</v>
      </c>
      <c r="BH26" s="89">
        <v>124</v>
      </c>
      <c r="BI26" s="399">
        <v>0</v>
      </c>
      <c r="BJ26" s="88">
        <v>116</v>
      </c>
      <c r="BK26" s="88">
        <v>84</v>
      </c>
      <c r="BL26" s="88">
        <v>52</v>
      </c>
      <c r="BM26" s="88">
        <v>46</v>
      </c>
      <c r="BN26" s="88">
        <v>27</v>
      </c>
      <c r="BO26" s="89">
        <v>325</v>
      </c>
      <c r="BP26" s="90">
        <v>449</v>
      </c>
      <c r="BQ26" s="87">
        <v>23</v>
      </c>
      <c r="BR26" s="88">
        <v>19</v>
      </c>
      <c r="BS26" s="89">
        <v>42</v>
      </c>
      <c r="BT26" s="399">
        <v>0</v>
      </c>
      <c r="BU26" s="88">
        <v>42</v>
      </c>
      <c r="BV26" s="88">
        <v>38</v>
      </c>
      <c r="BW26" s="88">
        <v>29</v>
      </c>
      <c r="BX26" s="88">
        <v>32</v>
      </c>
      <c r="BY26" s="88">
        <v>15</v>
      </c>
      <c r="BZ26" s="89">
        <v>156</v>
      </c>
      <c r="CA26" s="90">
        <v>198</v>
      </c>
      <c r="CB26" s="87">
        <v>5</v>
      </c>
      <c r="CC26" s="88">
        <v>13</v>
      </c>
      <c r="CD26" s="89">
        <v>18</v>
      </c>
      <c r="CE26" s="399">
        <v>0</v>
      </c>
      <c r="CF26" s="88">
        <v>6</v>
      </c>
      <c r="CG26" s="88">
        <v>12</v>
      </c>
      <c r="CH26" s="88">
        <v>8</v>
      </c>
      <c r="CI26" s="88">
        <v>7</v>
      </c>
      <c r="CJ26" s="88">
        <v>4</v>
      </c>
      <c r="CK26" s="89">
        <v>37</v>
      </c>
      <c r="CL26" s="90">
        <v>55</v>
      </c>
      <c r="CM26" s="87">
        <v>224</v>
      </c>
      <c r="CN26" s="88">
        <v>229</v>
      </c>
      <c r="CO26" s="89">
        <v>453</v>
      </c>
      <c r="CP26" s="399">
        <v>0</v>
      </c>
      <c r="CQ26" s="88">
        <v>348</v>
      </c>
      <c r="CR26" s="88">
        <v>314</v>
      </c>
      <c r="CS26" s="88">
        <v>189</v>
      </c>
      <c r="CT26" s="88">
        <v>169</v>
      </c>
      <c r="CU26" s="88">
        <v>99</v>
      </c>
      <c r="CV26" s="89">
        <v>1119</v>
      </c>
      <c r="CW26" s="90">
        <v>1572</v>
      </c>
      <c r="CX26" s="91">
        <v>389</v>
      </c>
      <c r="CY26" s="83">
        <v>483</v>
      </c>
      <c r="CZ26" s="84">
        <v>872</v>
      </c>
      <c r="DA26" s="399">
        <v>0</v>
      </c>
      <c r="DB26" s="83">
        <v>560</v>
      </c>
      <c r="DC26" s="83">
        <v>449</v>
      </c>
      <c r="DD26" s="83">
        <v>326</v>
      </c>
      <c r="DE26" s="83">
        <v>383</v>
      </c>
      <c r="DF26" s="83">
        <v>219</v>
      </c>
      <c r="DG26" s="85">
        <v>1937</v>
      </c>
      <c r="DH26" s="86">
        <v>2809</v>
      </c>
      <c r="DI26" s="87">
        <v>10</v>
      </c>
      <c r="DJ26" s="88">
        <v>11</v>
      </c>
      <c r="DK26" s="89">
        <v>21</v>
      </c>
      <c r="DL26" s="399">
        <v>0</v>
      </c>
      <c r="DM26" s="88">
        <v>12</v>
      </c>
      <c r="DN26" s="88">
        <v>9</v>
      </c>
      <c r="DO26" s="88">
        <v>3</v>
      </c>
      <c r="DP26" s="88">
        <v>4</v>
      </c>
      <c r="DQ26" s="88">
        <v>2</v>
      </c>
      <c r="DR26" s="89">
        <v>30</v>
      </c>
      <c r="DS26" s="90">
        <v>51</v>
      </c>
      <c r="DT26" s="87">
        <v>28</v>
      </c>
      <c r="DU26" s="88">
        <v>36</v>
      </c>
      <c r="DV26" s="89">
        <v>64</v>
      </c>
      <c r="DW26" s="399">
        <v>0</v>
      </c>
      <c r="DX26" s="88">
        <v>20</v>
      </c>
      <c r="DY26" s="88">
        <v>28</v>
      </c>
      <c r="DZ26" s="88">
        <v>20</v>
      </c>
      <c r="EA26" s="88">
        <v>21</v>
      </c>
      <c r="EB26" s="88">
        <v>10</v>
      </c>
      <c r="EC26" s="89">
        <v>99</v>
      </c>
      <c r="ED26" s="90">
        <v>163</v>
      </c>
      <c r="EE26" s="87">
        <v>68</v>
      </c>
      <c r="EF26" s="88">
        <v>80</v>
      </c>
      <c r="EG26" s="89">
        <v>148</v>
      </c>
      <c r="EH26" s="399">
        <v>0</v>
      </c>
      <c r="EI26" s="88">
        <v>72</v>
      </c>
      <c r="EJ26" s="88">
        <v>66</v>
      </c>
      <c r="EK26" s="88">
        <v>38</v>
      </c>
      <c r="EL26" s="88">
        <v>37</v>
      </c>
      <c r="EM26" s="88">
        <v>36</v>
      </c>
      <c r="EN26" s="89">
        <v>249</v>
      </c>
      <c r="EO26" s="90">
        <v>397</v>
      </c>
      <c r="EP26" s="87">
        <v>159</v>
      </c>
      <c r="EQ26" s="88">
        <v>163</v>
      </c>
      <c r="ER26" s="89">
        <v>322</v>
      </c>
      <c r="ES26" s="399">
        <v>0</v>
      </c>
      <c r="ET26" s="88">
        <v>165</v>
      </c>
      <c r="EU26" s="88">
        <v>113</v>
      </c>
      <c r="EV26" s="88">
        <v>74</v>
      </c>
      <c r="EW26" s="88">
        <v>90</v>
      </c>
      <c r="EX26" s="88">
        <v>50</v>
      </c>
      <c r="EY26" s="89">
        <v>492</v>
      </c>
      <c r="EZ26" s="90">
        <v>814</v>
      </c>
      <c r="FA26" s="87">
        <v>87</v>
      </c>
      <c r="FB26" s="88">
        <v>131</v>
      </c>
      <c r="FC26" s="89">
        <v>218</v>
      </c>
      <c r="FD26" s="399">
        <v>0</v>
      </c>
      <c r="FE26" s="88">
        <v>172</v>
      </c>
      <c r="FF26" s="88">
        <v>102</v>
      </c>
      <c r="FG26" s="88">
        <v>100</v>
      </c>
      <c r="FH26" s="88">
        <v>99</v>
      </c>
      <c r="FI26" s="88">
        <v>57</v>
      </c>
      <c r="FJ26" s="89">
        <v>530</v>
      </c>
      <c r="FK26" s="90">
        <v>748</v>
      </c>
      <c r="FL26" s="87">
        <v>37</v>
      </c>
      <c r="FM26" s="88">
        <v>62</v>
      </c>
      <c r="FN26" s="89">
        <v>99</v>
      </c>
      <c r="FO26" s="399">
        <v>0</v>
      </c>
      <c r="FP26" s="88">
        <v>119</v>
      </c>
      <c r="FQ26" s="88">
        <v>131</v>
      </c>
      <c r="FR26" s="88">
        <v>91</v>
      </c>
      <c r="FS26" s="88">
        <v>132</v>
      </c>
      <c r="FT26" s="88">
        <v>64</v>
      </c>
      <c r="FU26" s="89">
        <v>537</v>
      </c>
      <c r="FV26" s="90">
        <v>636</v>
      </c>
      <c r="FW26" s="87">
        <v>5</v>
      </c>
      <c r="FX26" s="88">
        <v>10</v>
      </c>
      <c r="FY26" s="89">
        <v>15</v>
      </c>
      <c r="FZ26" s="399">
        <v>0</v>
      </c>
      <c r="GA26" s="88">
        <v>6</v>
      </c>
      <c r="GB26" s="88">
        <v>12</v>
      </c>
      <c r="GC26" s="88">
        <v>4</v>
      </c>
      <c r="GD26" s="88">
        <v>3</v>
      </c>
      <c r="GE26" s="88">
        <v>5</v>
      </c>
      <c r="GF26" s="89">
        <v>30</v>
      </c>
      <c r="GG26" s="90">
        <v>45</v>
      </c>
      <c r="GH26" s="87">
        <v>394</v>
      </c>
      <c r="GI26" s="88">
        <v>493</v>
      </c>
      <c r="GJ26" s="89">
        <v>887</v>
      </c>
      <c r="GK26" s="399">
        <v>0</v>
      </c>
      <c r="GL26" s="88">
        <v>566</v>
      </c>
      <c r="GM26" s="88">
        <v>461</v>
      </c>
      <c r="GN26" s="88">
        <v>330</v>
      </c>
      <c r="GO26" s="88">
        <v>386</v>
      </c>
      <c r="GP26" s="88">
        <v>224</v>
      </c>
      <c r="GQ26" s="89">
        <v>1967</v>
      </c>
      <c r="GR26" s="90">
        <v>2854</v>
      </c>
      <c r="GS26" s="91">
        <v>608</v>
      </c>
      <c r="GT26" s="83">
        <v>699</v>
      </c>
      <c r="GU26" s="84">
        <v>1307</v>
      </c>
      <c r="GV26" s="399">
        <v>0</v>
      </c>
      <c r="GW26" s="83">
        <v>902</v>
      </c>
      <c r="GX26" s="83">
        <v>751</v>
      </c>
      <c r="GY26" s="83">
        <v>507</v>
      </c>
      <c r="GZ26" s="83">
        <v>545</v>
      </c>
      <c r="HA26" s="83">
        <v>314</v>
      </c>
      <c r="HB26" s="85">
        <v>3019</v>
      </c>
      <c r="HC26" s="86">
        <v>4326</v>
      </c>
      <c r="HD26" s="87">
        <v>20</v>
      </c>
      <c r="HE26" s="88">
        <v>19</v>
      </c>
      <c r="HF26" s="89">
        <v>39</v>
      </c>
      <c r="HG26" s="402">
        <v>0</v>
      </c>
      <c r="HH26" s="88">
        <v>19</v>
      </c>
      <c r="HI26" s="88">
        <v>25</v>
      </c>
      <c r="HJ26" s="88">
        <v>7</v>
      </c>
      <c r="HK26" s="88">
        <v>14</v>
      </c>
      <c r="HL26" s="88">
        <v>6</v>
      </c>
      <c r="HM26" s="89">
        <v>71</v>
      </c>
      <c r="HN26" s="90">
        <v>110</v>
      </c>
      <c r="HO26" s="87">
        <v>43</v>
      </c>
      <c r="HP26" s="88">
        <v>56</v>
      </c>
      <c r="HQ26" s="89">
        <v>99</v>
      </c>
      <c r="HR26" s="399">
        <v>0</v>
      </c>
      <c r="HS26" s="88">
        <v>43</v>
      </c>
      <c r="HT26" s="88">
        <v>54</v>
      </c>
      <c r="HU26" s="88">
        <v>41</v>
      </c>
      <c r="HV26" s="88">
        <v>36</v>
      </c>
      <c r="HW26" s="88">
        <v>18</v>
      </c>
      <c r="HX26" s="89">
        <v>192</v>
      </c>
      <c r="HY26" s="90">
        <v>291</v>
      </c>
      <c r="HZ26" s="87">
        <v>115</v>
      </c>
      <c r="IA26" s="88">
        <v>113</v>
      </c>
      <c r="IB26" s="89">
        <v>228</v>
      </c>
      <c r="IC26" s="399">
        <v>0</v>
      </c>
      <c r="ID26" s="88">
        <v>120</v>
      </c>
      <c r="IE26" s="88">
        <v>116</v>
      </c>
      <c r="IF26" s="88">
        <v>68</v>
      </c>
      <c r="IG26" s="88">
        <v>58</v>
      </c>
      <c r="IH26" s="88">
        <v>55</v>
      </c>
      <c r="II26" s="89">
        <v>417</v>
      </c>
      <c r="IJ26" s="90">
        <v>645</v>
      </c>
      <c r="IK26" s="87">
        <v>224</v>
      </c>
      <c r="IL26" s="88">
        <v>234</v>
      </c>
      <c r="IM26" s="89">
        <v>458</v>
      </c>
      <c r="IN26" s="399">
        <v>0</v>
      </c>
      <c r="IO26" s="88">
        <v>271</v>
      </c>
      <c r="IP26" s="88">
        <v>201</v>
      </c>
      <c r="IQ26" s="88">
        <v>119</v>
      </c>
      <c r="IR26" s="88">
        <v>128</v>
      </c>
      <c r="IS26" s="88">
        <v>72</v>
      </c>
      <c r="IT26" s="89">
        <v>791</v>
      </c>
      <c r="IU26" s="90">
        <v>1249</v>
      </c>
      <c r="IV26" s="87">
        <v>146</v>
      </c>
      <c r="IW26" s="88">
        <v>196</v>
      </c>
      <c r="IX26" s="89">
        <v>342</v>
      </c>
      <c r="IY26" s="399">
        <v>0</v>
      </c>
      <c r="IZ26" s="88">
        <v>288</v>
      </c>
      <c r="JA26" s="88">
        <v>186</v>
      </c>
      <c r="JB26" s="88">
        <v>152</v>
      </c>
      <c r="JC26" s="88">
        <v>145</v>
      </c>
      <c r="JD26" s="88">
        <v>84</v>
      </c>
      <c r="JE26" s="89">
        <v>855</v>
      </c>
      <c r="JF26" s="90">
        <v>1197</v>
      </c>
      <c r="JG26" s="87">
        <v>60</v>
      </c>
      <c r="JH26" s="88">
        <v>81</v>
      </c>
      <c r="JI26" s="89">
        <v>141</v>
      </c>
      <c r="JJ26" s="399">
        <v>0</v>
      </c>
      <c r="JK26" s="88">
        <v>161</v>
      </c>
      <c r="JL26" s="88">
        <v>169</v>
      </c>
      <c r="JM26" s="88">
        <v>120</v>
      </c>
      <c r="JN26" s="88">
        <v>164</v>
      </c>
      <c r="JO26" s="88">
        <v>79</v>
      </c>
      <c r="JP26" s="89">
        <v>693</v>
      </c>
      <c r="JQ26" s="90">
        <v>834</v>
      </c>
      <c r="JR26" s="87">
        <v>10</v>
      </c>
      <c r="JS26" s="88">
        <v>23</v>
      </c>
      <c r="JT26" s="89">
        <v>33</v>
      </c>
      <c r="JU26" s="399">
        <v>0</v>
      </c>
      <c r="JV26" s="88">
        <v>12</v>
      </c>
      <c r="JW26" s="88">
        <v>24</v>
      </c>
      <c r="JX26" s="88">
        <v>12</v>
      </c>
      <c r="JY26" s="88">
        <v>10</v>
      </c>
      <c r="JZ26" s="88">
        <v>9</v>
      </c>
      <c r="KA26" s="89">
        <v>67</v>
      </c>
      <c r="KB26" s="90">
        <v>100</v>
      </c>
      <c r="KC26" s="87">
        <v>618</v>
      </c>
      <c r="KD26" s="88">
        <v>722</v>
      </c>
      <c r="KE26" s="89">
        <v>1340</v>
      </c>
      <c r="KF26" s="399">
        <v>0</v>
      </c>
      <c r="KG26" s="88">
        <v>914</v>
      </c>
      <c r="KH26" s="88">
        <v>775</v>
      </c>
      <c r="KI26" s="88">
        <v>519</v>
      </c>
      <c r="KJ26" s="88">
        <v>555</v>
      </c>
      <c r="KK26" s="88">
        <v>323</v>
      </c>
      <c r="KL26" s="89">
        <v>3086</v>
      </c>
      <c r="KM26" s="90">
        <v>4426</v>
      </c>
    </row>
    <row r="27" spans="2:299" s="56" customFormat="1" ht="21" customHeight="1" x14ac:dyDescent="0.2">
      <c r="B27" s="92" t="s">
        <v>24</v>
      </c>
      <c r="C27" s="82">
        <v>112</v>
      </c>
      <c r="D27" s="83">
        <v>79</v>
      </c>
      <c r="E27" s="84">
        <v>191</v>
      </c>
      <c r="F27" s="399">
        <v>0</v>
      </c>
      <c r="G27" s="83">
        <v>165</v>
      </c>
      <c r="H27" s="83">
        <v>103</v>
      </c>
      <c r="I27" s="83">
        <v>77</v>
      </c>
      <c r="J27" s="83">
        <v>57</v>
      </c>
      <c r="K27" s="83">
        <v>46</v>
      </c>
      <c r="L27" s="85">
        <v>448</v>
      </c>
      <c r="M27" s="86">
        <v>639</v>
      </c>
      <c r="N27" s="87">
        <v>2</v>
      </c>
      <c r="O27" s="88">
        <v>2</v>
      </c>
      <c r="P27" s="89">
        <v>4</v>
      </c>
      <c r="Q27" s="399">
        <v>0</v>
      </c>
      <c r="R27" s="88">
        <v>7</v>
      </c>
      <c r="S27" s="88">
        <v>0</v>
      </c>
      <c r="T27" s="88">
        <v>2</v>
      </c>
      <c r="U27" s="88">
        <v>0</v>
      </c>
      <c r="V27" s="88">
        <v>2</v>
      </c>
      <c r="W27" s="89">
        <v>11</v>
      </c>
      <c r="X27" s="90">
        <v>15</v>
      </c>
      <c r="Y27" s="87">
        <v>7</v>
      </c>
      <c r="Z27" s="88">
        <v>3</v>
      </c>
      <c r="AA27" s="89">
        <v>10</v>
      </c>
      <c r="AB27" s="399">
        <v>0</v>
      </c>
      <c r="AC27" s="88">
        <v>13</v>
      </c>
      <c r="AD27" s="88">
        <v>6</v>
      </c>
      <c r="AE27" s="88">
        <v>4</v>
      </c>
      <c r="AF27" s="88">
        <v>5</v>
      </c>
      <c r="AG27" s="88">
        <v>8</v>
      </c>
      <c r="AH27" s="89">
        <v>36</v>
      </c>
      <c r="AI27" s="90">
        <v>46</v>
      </c>
      <c r="AJ27" s="87">
        <v>10</v>
      </c>
      <c r="AK27" s="88">
        <v>18</v>
      </c>
      <c r="AL27" s="89">
        <v>28</v>
      </c>
      <c r="AM27" s="399">
        <v>0</v>
      </c>
      <c r="AN27" s="88">
        <v>24</v>
      </c>
      <c r="AO27" s="88">
        <v>13</v>
      </c>
      <c r="AP27" s="88">
        <v>11</v>
      </c>
      <c r="AQ27" s="88">
        <v>7</v>
      </c>
      <c r="AR27" s="88">
        <v>2</v>
      </c>
      <c r="AS27" s="89">
        <v>57</v>
      </c>
      <c r="AT27" s="90">
        <v>85</v>
      </c>
      <c r="AU27" s="87">
        <v>24</v>
      </c>
      <c r="AV27" s="88">
        <v>16</v>
      </c>
      <c r="AW27" s="89">
        <v>40</v>
      </c>
      <c r="AX27" s="399">
        <v>0</v>
      </c>
      <c r="AY27" s="88">
        <v>42</v>
      </c>
      <c r="AZ27" s="88">
        <v>26</v>
      </c>
      <c r="BA27" s="88">
        <v>17</v>
      </c>
      <c r="BB27" s="88">
        <v>13</v>
      </c>
      <c r="BC27" s="88">
        <v>11</v>
      </c>
      <c r="BD27" s="89">
        <v>109</v>
      </c>
      <c r="BE27" s="90">
        <v>149</v>
      </c>
      <c r="BF27" s="87">
        <v>39</v>
      </c>
      <c r="BG27" s="88">
        <v>21</v>
      </c>
      <c r="BH27" s="89">
        <v>60</v>
      </c>
      <c r="BI27" s="399">
        <v>0</v>
      </c>
      <c r="BJ27" s="88">
        <v>42</v>
      </c>
      <c r="BK27" s="88">
        <v>26</v>
      </c>
      <c r="BL27" s="88">
        <v>19</v>
      </c>
      <c r="BM27" s="88">
        <v>10</v>
      </c>
      <c r="BN27" s="88">
        <v>8</v>
      </c>
      <c r="BO27" s="89">
        <v>105</v>
      </c>
      <c r="BP27" s="90">
        <v>165</v>
      </c>
      <c r="BQ27" s="87">
        <v>30</v>
      </c>
      <c r="BR27" s="88">
        <v>19</v>
      </c>
      <c r="BS27" s="89">
        <v>49</v>
      </c>
      <c r="BT27" s="399">
        <v>0</v>
      </c>
      <c r="BU27" s="88">
        <v>37</v>
      </c>
      <c r="BV27" s="88">
        <v>32</v>
      </c>
      <c r="BW27" s="88">
        <v>24</v>
      </c>
      <c r="BX27" s="88">
        <v>22</v>
      </c>
      <c r="BY27" s="88">
        <v>15</v>
      </c>
      <c r="BZ27" s="89">
        <v>130</v>
      </c>
      <c r="CA27" s="90">
        <v>179</v>
      </c>
      <c r="CB27" s="87">
        <v>2</v>
      </c>
      <c r="CC27" s="88">
        <v>1</v>
      </c>
      <c r="CD27" s="89">
        <v>3</v>
      </c>
      <c r="CE27" s="399">
        <v>0</v>
      </c>
      <c r="CF27" s="88">
        <v>5</v>
      </c>
      <c r="CG27" s="88">
        <v>3</v>
      </c>
      <c r="CH27" s="88">
        <v>5</v>
      </c>
      <c r="CI27" s="88">
        <v>2</v>
      </c>
      <c r="CJ27" s="88">
        <v>0</v>
      </c>
      <c r="CK27" s="89">
        <v>15</v>
      </c>
      <c r="CL27" s="90">
        <v>18</v>
      </c>
      <c r="CM27" s="87">
        <v>114</v>
      </c>
      <c r="CN27" s="88">
        <v>80</v>
      </c>
      <c r="CO27" s="89">
        <v>194</v>
      </c>
      <c r="CP27" s="399">
        <v>0</v>
      </c>
      <c r="CQ27" s="88">
        <v>170</v>
      </c>
      <c r="CR27" s="88">
        <v>106</v>
      </c>
      <c r="CS27" s="88">
        <v>82</v>
      </c>
      <c r="CT27" s="88">
        <v>59</v>
      </c>
      <c r="CU27" s="88">
        <v>46</v>
      </c>
      <c r="CV27" s="89">
        <v>463</v>
      </c>
      <c r="CW27" s="90">
        <v>657</v>
      </c>
      <c r="CX27" s="91">
        <v>252</v>
      </c>
      <c r="CY27" s="83">
        <v>180</v>
      </c>
      <c r="CZ27" s="84">
        <v>432</v>
      </c>
      <c r="DA27" s="399">
        <v>0</v>
      </c>
      <c r="DB27" s="83">
        <v>286</v>
      </c>
      <c r="DC27" s="83">
        <v>185</v>
      </c>
      <c r="DD27" s="83">
        <v>149</v>
      </c>
      <c r="DE27" s="83">
        <v>210</v>
      </c>
      <c r="DF27" s="83">
        <v>121</v>
      </c>
      <c r="DG27" s="85">
        <v>951</v>
      </c>
      <c r="DH27" s="86">
        <v>1383</v>
      </c>
      <c r="DI27" s="87">
        <v>5</v>
      </c>
      <c r="DJ27" s="88">
        <v>7</v>
      </c>
      <c r="DK27" s="89">
        <v>12</v>
      </c>
      <c r="DL27" s="399">
        <v>0</v>
      </c>
      <c r="DM27" s="88">
        <v>4</v>
      </c>
      <c r="DN27" s="88">
        <v>2</v>
      </c>
      <c r="DO27" s="88">
        <v>3</v>
      </c>
      <c r="DP27" s="88">
        <v>1</v>
      </c>
      <c r="DQ27" s="88">
        <v>3</v>
      </c>
      <c r="DR27" s="89">
        <v>13</v>
      </c>
      <c r="DS27" s="90">
        <v>25</v>
      </c>
      <c r="DT27" s="87">
        <v>8</v>
      </c>
      <c r="DU27" s="88">
        <v>7</v>
      </c>
      <c r="DV27" s="89">
        <v>15</v>
      </c>
      <c r="DW27" s="399">
        <v>0</v>
      </c>
      <c r="DX27" s="88">
        <v>6</v>
      </c>
      <c r="DY27" s="88">
        <v>4</v>
      </c>
      <c r="DZ27" s="88">
        <v>2</v>
      </c>
      <c r="EA27" s="88">
        <v>8</v>
      </c>
      <c r="EB27" s="88">
        <v>2</v>
      </c>
      <c r="EC27" s="89">
        <v>22</v>
      </c>
      <c r="ED27" s="90">
        <v>37</v>
      </c>
      <c r="EE27" s="87">
        <v>35</v>
      </c>
      <c r="EF27" s="88">
        <v>20</v>
      </c>
      <c r="EG27" s="89">
        <v>55</v>
      </c>
      <c r="EH27" s="399">
        <v>0</v>
      </c>
      <c r="EI27" s="88">
        <v>34</v>
      </c>
      <c r="EJ27" s="88">
        <v>23</v>
      </c>
      <c r="EK27" s="88">
        <v>11</v>
      </c>
      <c r="EL27" s="88">
        <v>16</v>
      </c>
      <c r="EM27" s="88">
        <v>7</v>
      </c>
      <c r="EN27" s="89">
        <v>91</v>
      </c>
      <c r="EO27" s="90">
        <v>146</v>
      </c>
      <c r="EP27" s="87">
        <v>66</v>
      </c>
      <c r="EQ27" s="88">
        <v>41</v>
      </c>
      <c r="ER27" s="89">
        <v>107</v>
      </c>
      <c r="ES27" s="399">
        <v>0</v>
      </c>
      <c r="ET27" s="88">
        <v>63</v>
      </c>
      <c r="EU27" s="88">
        <v>27</v>
      </c>
      <c r="EV27" s="88">
        <v>33</v>
      </c>
      <c r="EW27" s="88">
        <v>26</v>
      </c>
      <c r="EX27" s="88">
        <v>21</v>
      </c>
      <c r="EY27" s="89">
        <v>170</v>
      </c>
      <c r="EZ27" s="90">
        <v>277</v>
      </c>
      <c r="FA27" s="87">
        <v>82</v>
      </c>
      <c r="FB27" s="88">
        <v>54</v>
      </c>
      <c r="FC27" s="89">
        <v>136</v>
      </c>
      <c r="FD27" s="399">
        <v>0</v>
      </c>
      <c r="FE27" s="88">
        <v>95</v>
      </c>
      <c r="FF27" s="88">
        <v>60</v>
      </c>
      <c r="FG27" s="88">
        <v>27</v>
      </c>
      <c r="FH27" s="88">
        <v>49</v>
      </c>
      <c r="FI27" s="88">
        <v>33</v>
      </c>
      <c r="FJ27" s="89">
        <v>264</v>
      </c>
      <c r="FK27" s="90">
        <v>400</v>
      </c>
      <c r="FL27" s="87">
        <v>56</v>
      </c>
      <c r="FM27" s="88">
        <v>51</v>
      </c>
      <c r="FN27" s="89">
        <v>107</v>
      </c>
      <c r="FO27" s="399">
        <v>0</v>
      </c>
      <c r="FP27" s="88">
        <v>84</v>
      </c>
      <c r="FQ27" s="88">
        <v>69</v>
      </c>
      <c r="FR27" s="88">
        <v>73</v>
      </c>
      <c r="FS27" s="88">
        <v>110</v>
      </c>
      <c r="FT27" s="88">
        <v>55</v>
      </c>
      <c r="FU27" s="89">
        <v>391</v>
      </c>
      <c r="FV27" s="90">
        <v>498</v>
      </c>
      <c r="FW27" s="87">
        <v>2</v>
      </c>
      <c r="FX27" s="88">
        <v>1</v>
      </c>
      <c r="FY27" s="89">
        <v>3</v>
      </c>
      <c r="FZ27" s="399">
        <v>0</v>
      </c>
      <c r="GA27" s="88">
        <v>2</v>
      </c>
      <c r="GB27" s="88">
        <v>5</v>
      </c>
      <c r="GC27" s="88">
        <v>2</v>
      </c>
      <c r="GD27" s="88">
        <v>2</v>
      </c>
      <c r="GE27" s="88">
        <v>4</v>
      </c>
      <c r="GF27" s="89">
        <v>15</v>
      </c>
      <c r="GG27" s="90">
        <v>18</v>
      </c>
      <c r="GH27" s="87">
        <v>254</v>
      </c>
      <c r="GI27" s="88">
        <v>181</v>
      </c>
      <c r="GJ27" s="89">
        <v>435</v>
      </c>
      <c r="GK27" s="399">
        <v>0</v>
      </c>
      <c r="GL27" s="88">
        <v>288</v>
      </c>
      <c r="GM27" s="88">
        <v>190</v>
      </c>
      <c r="GN27" s="88">
        <v>151</v>
      </c>
      <c r="GO27" s="88">
        <v>212</v>
      </c>
      <c r="GP27" s="88">
        <v>125</v>
      </c>
      <c r="GQ27" s="89">
        <v>966</v>
      </c>
      <c r="GR27" s="90">
        <v>1401</v>
      </c>
      <c r="GS27" s="91">
        <v>364</v>
      </c>
      <c r="GT27" s="83">
        <v>259</v>
      </c>
      <c r="GU27" s="84">
        <v>623</v>
      </c>
      <c r="GV27" s="399">
        <v>0</v>
      </c>
      <c r="GW27" s="83">
        <v>451</v>
      </c>
      <c r="GX27" s="83">
        <v>288</v>
      </c>
      <c r="GY27" s="83">
        <v>226</v>
      </c>
      <c r="GZ27" s="83">
        <v>267</v>
      </c>
      <c r="HA27" s="83">
        <v>167</v>
      </c>
      <c r="HB27" s="85">
        <v>1399</v>
      </c>
      <c r="HC27" s="86">
        <v>2022</v>
      </c>
      <c r="HD27" s="87">
        <v>7</v>
      </c>
      <c r="HE27" s="88">
        <v>9</v>
      </c>
      <c r="HF27" s="89">
        <v>16</v>
      </c>
      <c r="HG27" s="402">
        <v>0</v>
      </c>
      <c r="HH27" s="88">
        <v>11</v>
      </c>
      <c r="HI27" s="88">
        <v>2</v>
      </c>
      <c r="HJ27" s="88">
        <v>5</v>
      </c>
      <c r="HK27" s="88">
        <v>1</v>
      </c>
      <c r="HL27" s="88">
        <v>5</v>
      </c>
      <c r="HM27" s="89">
        <v>24</v>
      </c>
      <c r="HN27" s="90">
        <v>40</v>
      </c>
      <c r="HO27" s="87">
        <v>15</v>
      </c>
      <c r="HP27" s="88">
        <v>10</v>
      </c>
      <c r="HQ27" s="89">
        <v>25</v>
      </c>
      <c r="HR27" s="399">
        <v>0</v>
      </c>
      <c r="HS27" s="88">
        <v>19</v>
      </c>
      <c r="HT27" s="88">
        <v>10</v>
      </c>
      <c r="HU27" s="88">
        <v>6</v>
      </c>
      <c r="HV27" s="88">
        <v>13</v>
      </c>
      <c r="HW27" s="88">
        <v>10</v>
      </c>
      <c r="HX27" s="89">
        <v>58</v>
      </c>
      <c r="HY27" s="90">
        <v>83</v>
      </c>
      <c r="HZ27" s="87">
        <v>45</v>
      </c>
      <c r="IA27" s="88">
        <v>38</v>
      </c>
      <c r="IB27" s="89">
        <v>83</v>
      </c>
      <c r="IC27" s="399">
        <v>0</v>
      </c>
      <c r="ID27" s="88">
        <v>58</v>
      </c>
      <c r="IE27" s="88">
        <v>36</v>
      </c>
      <c r="IF27" s="88">
        <v>22</v>
      </c>
      <c r="IG27" s="88">
        <v>23</v>
      </c>
      <c r="IH27" s="88">
        <v>9</v>
      </c>
      <c r="II27" s="89">
        <v>148</v>
      </c>
      <c r="IJ27" s="90">
        <v>231</v>
      </c>
      <c r="IK27" s="87">
        <v>90</v>
      </c>
      <c r="IL27" s="88">
        <v>57</v>
      </c>
      <c r="IM27" s="89">
        <v>147</v>
      </c>
      <c r="IN27" s="399">
        <v>0</v>
      </c>
      <c r="IO27" s="88">
        <v>105</v>
      </c>
      <c r="IP27" s="88">
        <v>53</v>
      </c>
      <c r="IQ27" s="88">
        <v>50</v>
      </c>
      <c r="IR27" s="88">
        <v>39</v>
      </c>
      <c r="IS27" s="88">
        <v>32</v>
      </c>
      <c r="IT27" s="89">
        <v>279</v>
      </c>
      <c r="IU27" s="90">
        <v>426</v>
      </c>
      <c r="IV27" s="87">
        <v>121</v>
      </c>
      <c r="IW27" s="88">
        <v>75</v>
      </c>
      <c r="IX27" s="89">
        <v>196</v>
      </c>
      <c r="IY27" s="399">
        <v>0</v>
      </c>
      <c r="IZ27" s="88">
        <v>137</v>
      </c>
      <c r="JA27" s="88">
        <v>86</v>
      </c>
      <c r="JB27" s="88">
        <v>46</v>
      </c>
      <c r="JC27" s="88">
        <v>59</v>
      </c>
      <c r="JD27" s="88">
        <v>41</v>
      </c>
      <c r="JE27" s="89">
        <v>369</v>
      </c>
      <c r="JF27" s="90">
        <v>565</v>
      </c>
      <c r="JG27" s="87">
        <v>86</v>
      </c>
      <c r="JH27" s="88">
        <v>70</v>
      </c>
      <c r="JI27" s="89">
        <v>156</v>
      </c>
      <c r="JJ27" s="399">
        <v>0</v>
      </c>
      <c r="JK27" s="88">
        <v>121</v>
      </c>
      <c r="JL27" s="88">
        <v>101</v>
      </c>
      <c r="JM27" s="88">
        <v>97</v>
      </c>
      <c r="JN27" s="88">
        <v>132</v>
      </c>
      <c r="JO27" s="88">
        <v>70</v>
      </c>
      <c r="JP27" s="89">
        <v>521</v>
      </c>
      <c r="JQ27" s="90">
        <v>677</v>
      </c>
      <c r="JR27" s="87">
        <v>4</v>
      </c>
      <c r="JS27" s="88">
        <v>2</v>
      </c>
      <c r="JT27" s="89">
        <v>6</v>
      </c>
      <c r="JU27" s="399">
        <v>0</v>
      </c>
      <c r="JV27" s="88">
        <v>7</v>
      </c>
      <c r="JW27" s="88">
        <v>8</v>
      </c>
      <c r="JX27" s="88">
        <v>7</v>
      </c>
      <c r="JY27" s="88">
        <v>4</v>
      </c>
      <c r="JZ27" s="88">
        <v>4</v>
      </c>
      <c r="KA27" s="89">
        <v>30</v>
      </c>
      <c r="KB27" s="90">
        <v>36</v>
      </c>
      <c r="KC27" s="87">
        <v>368</v>
      </c>
      <c r="KD27" s="88">
        <v>261</v>
      </c>
      <c r="KE27" s="89">
        <v>629</v>
      </c>
      <c r="KF27" s="399">
        <v>0</v>
      </c>
      <c r="KG27" s="88">
        <v>458</v>
      </c>
      <c r="KH27" s="88">
        <v>296</v>
      </c>
      <c r="KI27" s="88">
        <v>233</v>
      </c>
      <c r="KJ27" s="88">
        <v>271</v>
      </c>
      <c r="KK27" s="88">
        <v>171</v>
      </c>
      <c r="KL27" s="89">
        <v>1429</v>
      </c>
      <c r="KM27" s="90">
        <v>2058</v>
      </c>
    </row>
    <row r="28" spans="2:299" s="56" customFormat="1" ht="21" customHeight="1" x14ac:dyDescent="0.2">
      <c r="B28" s="92" t="s">
        <v>25</v>
      </c>
      <c r="C28" s="82">
        <v>121</v>
      </c>
      <c r="D28" s="83">
        <v>142</v>
      </c>
      <c r="E28" s="84">
        <v>263</v>
      </c>
      <c r="F28" s="399">
        <v>0</v>
      </c>
      <c r="G28" s="83">
        <v>194</v>
      </c>
      <c r="H28" s="83">
        <v>173</v>
      </c>
      <c r="I28" s="83">
        <v>97</v>
      </c>
      <c r="J28" s="83">
        <v>93</v>
      </c>
      <c r="K28" s="83">
        <v>51</v>
      </c>
      <c r="L28" s="85">
        <v>608</v>
      </c>
      <c r="M28" s="86">
        <v>871</v>
      </c>
      <c r="N28" s="87">
        <v>4</v>
      </c>
      <c r="O28" s="88">
        <v>8</v>
      </c>
      <c r="P28" s="89">
        <v>12</v>
      </c>
      <c r="Q28" s="399">
        <v>0</v>
      </c>
      <c r="R28" s="88">
        <v>5</v>
      </c>
      <c r="S28" s="88">
        <v>9</v>
      </c>
      <c r="T28" s="88">
        <v>3</v>
      </c>
      <c r="U28" s="88">
        <v>5</v>
      </c>
      <c r="V28" s="88">
        <v>3</v>
      </c>
      <c r="W28" s="89">
        <v>25</v>
      </c>
      <c r="X28" s="90">
        <v>37</v>
      </c>
      <c r="Y28" s="87">
        <v>15</v>
      </c>
      <c r="Z28" s="88">
        <v>10</v>
      </c>
      <c r="AA28" s="89">
        <v>25</v>
      </c>
      <c r="AB28" s="399">
        <v>0</v>
      </c>
      <c r="AC28" s="88">
        <v>14</v>
      </c>
      <c r="AD28" s="88">
        <v>20</v>
      </c>
      <c r="AE28" s="88">
        <v>13</v>
      </c>
      <c r="AF28" s="88">
        <v>14</v>
      </c>
      <c r="AG28" s="88">
        <v>7</v>
      </c>
      <c r="AH28" s="89">
        <v>68</v>
      </c>
      <c r="AI28" s="90">
        <v>93</v>
      </c>
      <c r="AJ28" s="87">
        <v>20</v>
      </c>
      <c r="AK28" s="88">
        <v>21</v>
      </c>
      <c r="AL28" s="89">
        <v>41</v>
      </c>
      <c r="AM28" s="399">
        <v>0</v>
      </c>
      <c r="AN28" s="88">
        <v>30</v>
      </c>
      <c r="AO28" s="88">
        <v>33</v>
      </c>
      <c r="AP28" s="88">
        <v>20</v>
      </c>
      <c r="AQ28" s="88">
        <v>25</v>
      </c>
      <c r="AR28" s="88">
        <v>9</v>
      </c>
      <c r="AS28" s="89">
        <v>117</v>
      </c>
      <c r="AT28" s="90">
        <v>158</v>
      </c>
      <c r="AU28" s="87">
        <v>40</v>
      </c>
      <c r="AV28" s="88">
        <v>54</v>
      </c>
      <c r="AW28" s="89">
        <v>94</v>
      </c>
      <c r="AX28" s="399">
        <v>0</v>
      </c>
      <c r="AY28" s="88">
        <v>61</v>
      </c>
      <c r="AZ28" s="88">
        <v>49</v>
      </c>
      <c r="BA28" s="88">
        <v>24</v>
      </c>
      <c r="BB28" s="88">
        <v>20</v>
      </c>
      <c r="BC28" s="88">
        <v>12</v>
      </c>
      <c r="BD28" s="89">
        <v>166</v>
      </c>
      <c r="BE28" s="90">
        <v>260</v>
      </c>
      <c r="BF28" s="87">
        <v>24</v>
      </c>
      <c r="BG28" s="88">
        <v>32</v>
      </c>
      <c r="BH28" s="89">
        <v>56</v>
      </c>
      <c r="BI28" s="399">
        <v>0</v>
      </c>
      <c r="BJ28" s="88">
        <v>63</v>
      </c>
      <c r="BK28" s="88">
        <v>37</v>
      </c>
      <c r="BL28" s="88">
        <v>22</v>
      </c>
      <c r="BM28" s="88">
        <v>18</v>
      </c>
      <c r="BN28" s="88">
        <v>8</v>
      </c>
      <c r="BO28" s="89">
        <v>148</v>
      </c>
      <c r="BP28" s="90">
        <v>204</v>
      </c>
      <c r="BQ28" s="87">
        <v>18</v>
      </c>
      <c r="BR28" s="88">
        <v>17</v>
      </c>
      <c r="BS28" s="89">
        <v>35</v>
      </c>
      <c r="BT28" s="399">
        <v>0</v>
      </c>
      <c r="BU28" s="88">
        <v>21</v>
      </c>
      <c r="BV28" s="88">
        <v>25</v>
      </c>
      <c r="BW28" s="88">
        <v>15</v>
      </c>
      <c r="BX28" s="88">
        <v>11</v>
      </c>
      <c r="BY28" s="88">
        <v>12</v>
      </c>
      <c r="BZ28" s="89">
        <v>84</v>
      </c>
      <c r="CA28" s="90">
        <v>119</v>
      </c>
      <c r="CB28" s="87">
        <v>2</v>
      </c>
      <c r="CC28" s="88">
        <v>3</v>
      </c>
      <c r="CD28" s="89">
        <v>5</v>
      </c>
      <c r="CE28" s="399">
        <v>0</v>
      </c>
      <c r="CF28" s="88">
        <v>3</v>
      </c>
      <c r="CG28" s="88">
        <v>9</v>
      </c>
      <c r="CH28" s="88">
        <v>4</v>
      </c>
      <c r="CI28" s="88">
        <v>8</v>
      </c>
      <c r="CJ28" s="88">
        <v>1</v>
      </c>
      <c r="CK28" s="89">
        <v>25</v>
      </c>
      <c r="CL28" s="90">
        <v>30</v>
      </c>
      <c r="CM28" s="87">
        <v>123</v>
      </c>
      <c r="CN28" s="88">
        <v>145</v>
      </c>
      <c r="CO28" s="89">
        <v>268</v>
      </c>
      <c r="CP28" s="399">
        <v>0</v>
      </c>
      <c r="CQ28" s="88">
        <v>197</v>
      </c>
      <c r="CR28" s="88">
        <v>182</v>
      </c>
      <c r="CS28" s="88">
        <v>101</v>
      </c>
      <c r="CT28" s="88">
        <v>101</v>
      </c>
      <c r="CU28" s="88">
        <v>52</v>
      </c>
      <c r="CV28" s="89">
        <v>633</v>
      </c>
      <c r="CW28" s="90">
        <v>901</v>
      </c>
      <c r="CX28" s="91">
        <v>219</v>
      </c>
      <c r="CY28" s="83">
        <v>269</v>
      </c>
      <c r="CZ28" s="84">
        <v>488</v>
      </c>
      <c r="DA28" s="399">
        <v>0</v>
      </c>
      <c r="DB28" s="83">
        <v>338</v>
      </c>
      <c r="DC28" s="83">
        <v>233</v>
      </c>
      <c r="DD28" s="83">
        <v>179</v>
      </c>
      <c r="DE28" s="83">
        <v>192</v>
      </c>
      <c r="DF28" s="83">
        <v>98</v>
      </c>
      <c r="DG28" s="85">
        <v>1040</v>
      </c>
      <c r="DH28" s="86">
        <v>1528</v>
      </c>
      <c r="DI28" s="87">
        <v>6</v>
      </c>
      <c r="DJ28" s="88">
        <v>6</v>
      </c>
      <c r="DK28" s="89">
        <v>12</v>
      </c>
      <c r="DL28" s="399">
        <v>0</v>
      </c>
      <c r="DM28" s="88">
        <v>7</v>
      </c>
      <c r="DN28" s="88">
        <v>8</v>
      </c>
      <c r="DO28" s="88">
        <v>6</v>
      </c>
      <c r="DP28" s="88">
        <v>1</v>
      </c>
      <c r="DQ28" s="88">
        <v>3</v>
      </c>
      <c r="DR28" s="89">
        <v>25</v>
      </c>
      <c r="DS28" s="90">
        <v>37</v>
      </c>
      <c r="DT28" s="87">
        <v>7</v>
      </c>
      <c r="DU28" s="88">
        <v>24</v>
      </c>
      <c r="DV28" s="89">
        <v>31</v>
      </c>
      <c r="DW28" s="399">
        <v>0</v>
      </c>
      <c r="DX28" s="88">
        <v>18</v>
      </c>
      <c r="DY28" s="88">
        <v>12</v>
      </c>
      <c r="DZ28" s="88">
        <v>10</v>
      </c>
      <c r="EA28" s="88">
        <v>10</v>
      </c>
      <c r="EB28" s="88">
        <v>6</v>
      </c>
      <c r="EC28" s="89">
        <v>56</v>
      </c>
      <c r="ED28" s="90">
        <v>87</v>
      </c>
      <c r="EE28" s="87">
        <v>40</v>
      </c>
      <c r="EF28" s="88">
        <v>34</v>
      </c>
      <c r="EG28" s="89">
        <v>74</v>
      </c>
      <c r="EH28" s="399">
        <v>0</v>
      </c>
      <c r="EI28" s="88">
        <v>51</v>
      </c>
      <c r="EJ28" s="88">
        <v>30</v>
      </c>
      <c r="EK28" s="88">
        <v>19</v>
      </c>
      <c r="EL28" s="88">
        <v>19</v>
      </c>
      <c r="EM28" s="88">
        <v>17</v>
      </c>
      <c r="EN28" s="89">
        <v>136</v>
      </c>
      <c r="EO28" s="90">
        <v>210</v>
      </c>
      <c r="EP28" s="87">
        <v>78</v>
      </c>
      <c r="EQ28" s="88">
        <v>80</v>
      </c>
      <c r="ER28" s="89">
        <v>158</v>
      </c>
      <c r="ES28" s="399">
        <v>0</v>
      </c>
      <c r="ET28" s="88">
        <v>93</v>
      </c>
      <c r="EU28" s="88">
        <v>59</v>
      </c>
      <c r="EV28" s="88">
        <v>38</v>
      </c>
      <c r="EW28" s="88">
        <v>45</v>
      </c>
      <c r="EX28" s="88">
        <v>17</v>
      </c>
      <c r="EY28" s="89">
        <v>252</v>
      </c>
      <c r="EZ28" s="90">
        <v>410</v>
      </c>
      <c r="FA28" s="87">
        <v>58</v>
      </c>
      <c r="FB28" s="88">
        <v>72</v>
      </c>
      <c r="FC28" s="89">
        <v>130</v>
      </c>
      <c r="FD28" s="399">
        <v>0</v>
      </c>
      <c r="FE28" s="88">
        <v>80</v>
      </c>
      <c r="FF28" s="88">
        <v>56</v>
      </c>
      <c r="FG28" s="88">
        <v>50</v>
      </c>
      <c r="FH28" s="88">
        <v>46</v>
      </c>
      <c r="FI28" s="88">
        <v>30</v>
      </c>
      <c r="FJ28" s="89">
        <v>262</v>
      </c>
      <c r="FK28" s="90">
        <v>392</v>
      </c>
      <c r="FL28" s="87">
        <v>30</v>
      </c>
      <c r="FM28" s="88">
        <v>53</v>
      </c>
      <c r="FN28" s="89">
        <v>83</v>
      </c>
      <c r="FO28" s="399">
        <v>0</v>
      </c>
      <c r="FP28" s="88">
        <v>89</v>
      </c>
      <c r="FQ28" s="88">
        <v>68</v>
      </c>
      <c r="FR28" s="88">
        <v>56</v>
      </c>
      <c r="FS28" s="88">
        <v>71</v>
      </c>
      <c r="FT28" s="88">
        <v>25</v>
      </c>
      <c r="FU28" s="89">
        <v>309</v>
      </c>
      <c r="FV28" s="90">
        <v>392</v>
      </c>
      <c r="FW28" s="87">
        <v>2</v>
      </c>
      <c r="FX28" s="88">
        <v>3</v>
      </c>
      <c r="FY28" s="89">
        <v>5</v>
      </c>
      <c r="FZ28" s="399">
        <v>0</v>
      </c>
      <c r="GA28" s="88">
        <v>3</v>
      </c>
      <c r="GB28" s="88">
        <v>4</v>
      </c>
      <c r="GC28" s="88">
        <v>2</v>
      </c>
      <c r="GD28" s="88">
        <v>0</v>
      </c>
      <c r="GE28" s="88">
        <v>6</v>
      </c>
      <c r="GF28" s="89">
        <v>15</v>
      </c>
      <c r="GG28" s="90">
        <v>20</v>
      </c>
      <c r="GH28" s="87">
        <v>221</v>
      </c>
      <c r="GI28" s="88">
        <v>272</v>
      </c>
      <c r="GJ28" s="89">
        <v>493</v>
      </c>
      <c r="GK28" s="399">
        <v>0</v>
      </c>
      <c r="GL28" s="88">
        <v>341</v>
      </c>
      <c r="GM28" s="88">
        <v>237</v>
      </c>
      <c r="GN28" s="88">
        <v>181</v>
      </c>
      <c r="GO28" s="88">
        <v>192</v>
      </c>
      <c r="GP28" s="88">
        <v>104</v>
      </c>
      <c r="GQ28" s="89">
        <v>1055</v>
      </c>
      <c r="GR28" s="90">
        <v>1548</v>
      </c>
      <c r="GS28" s="91">
        <v>340</v>
      </c>
      <c r="GT28" s="83">
        <v>411</v>
      </c>
      <c r="GU28" s="84">
        <v>751</v>
      </c>
      <c r="GV28" s="399">
        <v>0</v>
      </c>
      <c r="GW28" s="83">
        <v>532</v>
      </c>
      <c r="GX28" s="83">
        <v>406</v>
      </c>
      <c r="GY28" s="83">
        <v>276</v>
      </c>
      <c r="GZ28" s="83">
        <v>285</v>
      </c>
      <c r="HA28" s="83">
        <v>149</v>
      </c>
      <c r="HB28" s="85">
        <v>1648</v>
      </c>
      <c r="HC28" s="86">
        <v>2399</v>
      </c>
      <c r="HD28" s="87">
        <v>10</v>
      </c>
      <c r="HE28" s="88">
        <v>14</v>
      </c>
      <c r="HF28" s="89">
        <v>24</v>
      </c>
      <c r="HG28" s="402">
        <v>0</v>
      </c>
      <c r="HH28" s="88">
        <v>12</v>
      </c>
      <c r="HI28" s="88">
        <v>17</v>
      </c>
      <c r="HJ28" s="88">
        <v>9</v>
      </c>
      <c r="HK28" s="88">
        <v>6</v>
      </c>
      <c r="HL28" s="88">
        <v>6</v>
      </c>
      <c r="HM28" s="89">
        <v>50</v>
      </c>
      <c r="HN28" s="90">
        <v>74</v>
      </c>
      <c r="HO28" s="87">
        <v>22</v>
      </c>
      <c r="HP28" s="88">
        <v>34</v>
      </c>
      <c r="HQ28" s="89">
        <v>56</v>
      </c>
      <c r="HR28" s="399">
        <v>0</v>
      </c>
      <c r="HS28" s="88">
        <v>32</v>
      </c>
      <c r="HT28" s="88">
        <v>32</v>
      </c>
      <c r="HU28" s="88">
        <v>23</v>
      </c>
      <c r="HV28" s="88">
        <v>24</v>
      </c>
      <c r="HW28" s="88">
        <v>13</v>
      </c>
      <c r="HX28" s="89">
        <v>124</v>
      </c>
      <c r="HY28" s="90">
        <v>180</v>
      </c>
      <c r="HZ28" s="87">
        <v>60</v>
      </c>
      <c r="IA28" s="88">
        <v>55</v>
      </c>
      <c r="IB28" s="89">
        <v>115</v>
      </c>
      <c r="IC28" s="399">
        <v>0</v>
      </c>
      <c r="ID28" s="88">
        <v>81</v>
      </c>
      <c r="IE28" s="88">
        <v>63</v>
      </c>
      <c r="IF28" s="88">
        <v>39</v>
      </c>
      <c r="IG28" s="88">
        <v>44</v>
      </c>
      <c r="IH28" s="88">
        <v>26</v>
      </c>
      <c r="II28" s="89">
        <v>253</v>
      </c>
      <c r="IJ28" s="90">
        <v>368</v>
      </c>
      <c r="IK28" s="87">
        <v>118</v>
      </c>
      <c r="IL28" s="88">
        <v>134</v>
      </c>
      <c r="IM28" s="89">
        <v>252</v>
      </c>
      <c r="IN28" s="399">
        <v>0</v>
      </c>
      <c r="IO28" s="88">
        <v>154</v>
      </c>
      <c r="IP28" s="88">
        <v>108</v>
      </c>
      <c r="IQ28" s="88">
        <v>62</v>
      </c>
      <c r="IR28" s="88">
        <v>65</v>
      </c>
      <c r="IS28" s="88">
        <v>29</v>
      </c>
      <c r="IT28" s="89">
        <v>418</v>
      </c>
      <c r="IU28" s="90">
        <v>670</v>
      </c>
      <c r="IV28" s="87">
        <v>82</v>
      </c>
      <c r="IW28" s="88">
        <v>104</v>
      </c>
      <c r="IX28" s="89">
        <v>186</v>
      </c>
      <c r="IY28" s="399">
        <v>0</v>
      </c>
      <c r="IZ28" s="88">
        <v>143</v>
      </c>
      <c r="JA28" s="88">
        <v>93</v>
      </c>
      <c r="JB28" s="88">
        <v>72</v>
      </c>
      <c r="JC28" s="88">
        <v>64</v>
      </c>
      <c r="JD28" s="88">
        <v>38</v>
      </c>
      <c r="JE28" s="89">
        <v>410</v>
      </c>
      <c r="JF28" s="90">
        <v>596</v>
      </c>
      <c r="JG28" s="87">
        <v>48</v>
      </c>
      <c r="JH28" s="88">
        <v>70</v>
      </c>
      <c r="JI28" s="89">
        <v>118</v>
      </c>
      <c r="JJ28" s="399">
        <v>0</v>
      </c>
      <c r="JK28" s="88">
        <v>110</v>
      </c>
      <c r="JL28" s="88">
        <v>93</v>
      </c>
      <c r="JM28" s="88">
        <v>71</v>
      </c>
      <c r="JN28" s="88">
        <v>82</v>
      </c>
      <c r="JO28" s="88">
        <v>37</v>
      </c>
      <c r="JP28" s="89">
        <v>393</v>
      </c>
      <c r="JQ28" s="90">
        <v>511</v>
      </c>
      <c r="JR28" s="87">
        <v>4</v>
      </c>
      <c r="JS28" s="88">
        <v>6</v>
      </c>
      <c r="JT28" s="89">
        <v>10</v>
      </c>
      <c r="JU28" s="399">
        <v>0</v>
      </c>
      <c r="JV28" s="88">
        <v>6</v>
      </c>
      <c r="JW28" s="88">
        <v>13</v>
      </c>
      <c r="JX28" s="88">
        <v>6</v>
      </c>
      <c r="JY28" s="88">
        <v>8</v>
      </c>
      <c r="JZ28" s="88">
        <v>7</v>
      </c>
      <c r="KA28" s="89">
        <v>40</v>
      </c>
      <c r="KB28" s="90">
        <v>50</v>
      </c>
      <c r="KC28" s="87">
        <v>344</v>
      </c>
      <c r="KD28" s="88">
        <v>417</v>
      </c>
      <c r="KE28" s="89">
        <v>761</v>
      </c>
      <c r="KF28" s="399">
        <v>0</v>
      </c>
      <c r="KG28" s="88">
        <v>538</v>
      </c>
      <c r="KH28" s="88">
        <v>419</v>
      </c>
      <c r="KI28" s="88">
        <v>282</v>
      </c>
      <c r="KJ28" s="88">
        <v>293</v>
      </c>
      <c r="KK28" s="88">
        <v>156</v>
      </c>
      <c r="KL28" s="89">
        <v>1688</v>
      </c>
      <c r="KM28" s="90">
        <v>2449</v>
      </c>
    </row>
    <row r="29" spans="2:299" s="56" customFormat="1" ht="21" customHeight="1" x14ac:dyDescent="0.2">
      <c r="B29" s="92" t="s">
        <v>26</v>
      </c>
      <c r="C29" s="82">
        <v>91</v>
      </c>
      <c r="D29" s="83">
        <v>84</v>
      </c>
      <c r="E29" s="84">
        <v>175</v>
      </c>
      <c r="F29" s="399">
        <v>0</v>
      </c>
      <c r="G29" s="83">
        <v>123</v>
      </c>
      <c r="H29" s="83">
        <v>140</v>
      </c>
      <c r="I29" s="83">
        <v>87</v>
      </c>
      <c r="J29" s="83">
        <v>68</v>
      </c>
      <c r="K29" s="83">
        <v>51</v>
      </c>
      <c r="L29" s="85">
        <v>469</v>
      </c>
      <c r="M29" s="86">
        <v>644</v>
      </c>
      <c r="N29" s="87">
        <v>0</v>
      </c>
      <c r="O29" s="88">
        <v>2</v>
      </c>
      <c r="P29" s="89">
        <v>2</v>
      </c>
      <c r="Q29" s="399">
        <v>0</v>
      </c>
      <c r="R29" s="88">
        <v>2</v>
      </c>
      <c r="S29" s="88">
        <v>3</v>
      </c>
      <c r="T29" s="88">
        <v>3</v>
      </c>
      <c r="U29" s="88">
        <v>4</v>
      </c>
      <c r="V29" s="88">
        <v>1</v>
      </c>
      <c r="W29" s="89">
        <v>13</v>
      </c>
      <c r="X29" s="90">
        <v>15</v>
      </c>
      <c r="Y29" s="87">
        <v>4</v>
      </c>
      <c r="Z29" s="88">
        <v>11</v>
      </c>
      <c r="AA29" s="89">
        <v>15</v>
      </c>
      <c r="AB29" s="399">
        <v>0</v>
      </c>
      <c r="AC29" s="88">
        <v>11</v>
      </c>
      <c r="AD29" s="88">
        <v>16</v>
      </c>
      <c r="AE29" s="88">
        <v>9</v>
      </c>
      <c r="AF29" s="88">
        <v>3</v>
      </c>
      <c r="AG29" s="88">
        <v>4</v>
      </c>
      <c r="AH29" s="89">
        <v>43</v>
      </c>
      <c r="AI29" s="90">
        <v>58</v>
      </c>
      <c r="AJ29" s="87">
        <v>14</v>
      </c>
      <c r="AK29" s="88">
        <v>15</v>
      </c>
      <c r="AL29" s="89">
        <v>29</v>
      </c>
      <c r="AM29" s="399">
        <v>0</v>
      </c>
      <c r="AN29" s="88">
        <v>23</v>
      </c>
      <c r="AO29" s="88">
        <v>15</v>
      </c>
      <c r="AP29" s="88">
        <v>7</v>
      </c>
      <c r="AQ29" s="88">
        <v>12</v>
      </c>
      <c r="AR29" s="88">
        <v>15</v>
      </c>
      <c r="AS29" s="89">
        <v>72</v>
      </c>
      <c r="AT29" s="90">
        <v>101</v>
      </c>
      <c r="AU29" s="87">
        <v>24</v>
      </c>
      <c r="AV29" s="88">
        <v>23</v>
      </c>
      <c r="AW29" s="89">
        <v>47</v>
      </c>
      <c r="AX29" s="399">
        <v>0</v>
      </c>
      <c r="AY29" s="88">
        <v>23</v>
      </c>
      <c r="AZ29" s="88">
        <v>34</v>
      </c>
      <c r="BA29" s="88">
        <v>26</v>
      </c>
      <c r="BB29" s="88">
        <v>18</v>
      </c>
      <c r="BC29" s="88">
        <v>11</v>
      </c>
      <c r="BD29" s="89">
        <v>112</v>
      </c>
      <c r="BE29" s="90">
        <v>159</v>
      </c>
      <c r="BF29" s="87">
        <v>26</v>
      </c>
      <c r="BG29" s="88">
        <v>20</v>
      </c>
      <c r="BH29" s="89">
        <v>46</v>
      </c>
      <c r="BI29" s="399">
        <v>0</v>
      </c>
      <c r="BJ29" s="88">
        <v>41</v>
      </c>
      <c r="BK29" s="88">
        <v>40</v>
      </c>
      <c r="BL29" s="88">
        <v>25</v>
      </c>
      <c r="BM29" s="88">
        <v>22</v>
      </c>
      <c r="BN29" s="88">
        <v>8</v>
      </c>
      <c r="BO29" s="89">
        <v>136</v>
      </c>
      <c r="BP29" s="90">
        <v>182</v>
      </c>
      <c r="BQ29" s="87">
        <v>23</v>
      </c>
      <c r="BR29" s="88">
        <v>13</v>
      </c>
      <c r="BS29" s="89">
        <v>36</v>
      </c>
      <c r="BT29" s="399">
        <v>0</v>
      </c>
      <c r="BU29" s="88">
        <v>23</v>
      </c>
      <c r="BV29" s="88">
        <v>32</v>
      </c>
      <c r="BW29" s="88">
        <v>17</v>
      </c>
      <c r="BX29" s="88">
        <v>9</v>
      </c>
      <c r="BY29" s="88">
        <v>12</v>
      </c>
      <c r="BZ29" s="89">
        <v>93</v>
      </c>
      <c r="CA29" s="90">
        <v>129</v>
      </c>
      <c r="CB29" s="87">
        <v>4</v>
      </c>
      <c r="CC29" s="88">
        <v>2</v>
      </c>
      <c r="CD29" s="89">
        <v>6</v>
      </c>
      <c r="CE29" s="399">
        <v>0</v>
      </c>
      <c r="CF29" s="88">
        <v>5</v>
      </c>
      <c r="CG29" s="88">
        <v>9</v>
      </c>
      <c r="CH29" s="88">
        <v>2</v>
      </c>
      <c r="CI29" s="88">
        <v>1</v>
      </c>
      <c r="CJ29" s="88">
        <v>1</v>
      </c>
      <c r="CK29" s="89">
        <v>18</v>
      </c>
      <c r="CL29" s="90">
        <v>24</v>
      </c>
      <c r="CM29" s="87">
        <v>95</v>
      </c>
      <c r="CN29" s="88">
        <v>86</v>
      </c>
      <c r="CO29" s="89">
        <v>181</v>
      </c>
      <c r="CP29" s="399">
        <v>0</v>
      </c>
      <c r="CQ29" s="88">
        <v>128</v>
      </c>
      <c r="CR29" s="88">
        <v>149</v>
      </c>
      <c r="CS29" s="88">
        <v>89</v>
      </c>
      <c r="CT29" s="88">
        <v>69</v>
      </c>
      <c r="CU29" s="88">
        <v>52</v>
      </c>
      <c r="CV29" s="89">
        <v>487</v>
      </c>
      <c r="CW29" s="90">
        <v>668</v>
      </c>
      <c r="CX29" s="91">
        <v>181</v>
      </c>
      <c r="CY29" s="83">
        <v>222</v>
      </c>
      <c r="CZ29" s="84">
        <v>403</v>
      </c>
      <c r="DA29" s="399">
        <v>0</v>
      </c>
      <c r="DB29" s="83">
        <v>246</v>
      </c>
      <c r="DC29" s="83">
        <v>277</v>
      </c>
      <c r="DD29" s="83">
        <v>174</v>
      </c>
      <c r="DE29" s="83">
        <v>160</v>
      </c>
      <c r="DF29" s="83">
        <v>125</v>
      </c>
      <c r="DG29" s="85">
        <v>982</v>
      </c>
      <c r="DH29" s="86">
        <v>1385</v>
      </c>
      <c r="DI29" s="87">
        <v>0</v>
      </c>
      <c r="DJ29" s="88">
        <v>6</v>
      </c>
      <c r="DK29" s="89">
        <v>6</v>
      </c>
      <c r="DL29" s="399">
        <v>0</v>
      </c>
      <c r="DM29" s="88">
        <v>3</v>
      </c>
      <c r="DN29" s="88">
        <v>4</v>
      </c>
      <c r="DO29" s="88">
        <v>2</v>
      </c>
      <c r="DP29" s="88">
        <v>4</v>
      </c>
      <c r="DQ29" s="88">
        <v>3</v>
      </c>
      <c r="DR29" s="89">
        <v>16</v>
      </c>
      <c r="DS29" s="90">
        <v>22</v>
      </c>
      <c r="DT29" s="87">
        <v>6</v>
      </c>
      <c r="DU29" s="88">
        <v>15</v>
      </c>
      <c r="DV29" s="89">
        <v>21</v>
      </c>
      <c r="DW29" s="399">
        <v>0</v>
      </c>
      <c r="DX29" s="88">
        <v>12</v>
      </c>
      <c r="DY29" s="88">
        <v>12</v>
      </c>
      <c r="DZ29" s="88">
        <v>1</v>
      </c>
      <c r="EA29" s="88">
        <v>6</v>
      </c>
      <c r="EB29" s="88">
        <v>6</v>
      </c>
      <c r="EC29" s="89">
        <v>37</v>
      </c>
      <c r="ED29" s="90">
        <v>58</v>
      </c>
      <c r="EE29" s="87">
        <v>29</v>
      </c>
      <c r="EF29" s="88">
        <v>31</v>
      </c>
      <c r="EG29" s="89">
        <v>60</v>
      </c>
      <c r="EH29" s="399">
        <v>0</v>
      </c>
      <c r="EI29" s="88">
        <v>25</v>
      </c>
      <c r="EJ29" s="88">
        <v>24</v>
      </c>
      <c r="EK29" s="88">
        <v>14</v>
      </c>
      <c r="EL29" s="88">
        <v>20</v>
      </c>
      <c r="EM29" s="88">
        <v>12</v>
      </c>
      <c r="EN29" s="89">
        <v>95</v>
      </c>
      <c r="EO29" s="90">
        <v>155</v>
      </c>
      <c r="EP29" s="87">
        <v>48</v>
      </c>
      <c r="EQ29" s="88">
        <v>61</v>
      </c>
      <c r="ER29" s="89">
        <v>109</v>
      </c>
      <c r="ES29" s="399">
        <v>0</v>
      </c>
      <c r="ET29" s="88">
        <v>57</v>
      </c>
      <c r="EU29" s="88">
        <v>66</v>
      </c>
      <c r="EV29" s="88">
        <v>40</v>
      </c>
      <c r="EW29" s="88">
        <v>25</v>
      </c>
      <c r="EX29" s="88">
        <v>14</v>
      </c>
      <c r="EY29" s="89">
        <v>202</v>
      </c>
      <c r="EZ29" s="90">
        <v>311</v>
      </c>
      <c r="FA29" s="87">
        <v>65</v>
      </c>
      <c r="FB29" s="88">
        <v>57</v>
      </c>
      <c r="FC29" s="89">
        <v>122</v>
      </c>
      <c r="FD29" s="399">
        <v>0</v>
      </c>
      <c r="FE29" s="88">
        <v>82</v>
      </c>
      <c r="FF29" s="88">
        <v>69</v>
      </c>
      <c r="FG29" s="88">
        <v>53</v>
      </c>
      <c r="FH29" s="88">
        <v>38</v>
      </c>
      <c r="FI29" s="88">
        <v>31</v>
      </c>
      <c r="FJ29" s="89">
        <v>273</v>
      </c>
      <c r="FK29" s="90">
        <v>395</v>
      </c>
      <c r="FL29" s="87">
        <v>33</v>
      </c>
      <c r="FM29" s="88">
        <v>52</v>
      </c>
      <c r="FN29" s="89">
        <v>85</v>
      </c>
      <c r="FO29" s="399">
        <v>0</v>
      </c>
      <c r="FP29" s="88">
        <v>67</v>
      </c>
      <c r="FQ29" s="88">
        <v>102</v>
      </c>
      <c r="FR29" s="88">
        <v>64</v>
      </c>
      <c r="FS29" s="88">
        <v>67</v>
      </c>
      <c r="FT29" s="88">
        <v>59</v>
      </c>
      <c r="FU29" s="89">
        <v>359</v>
      </c>
      <c r="FV29" s="90">
        <v>444</v>
      </c>
      <c r="FW29" s="87">
        <v>0</v>
      </c>
      <c r="FX29" s="88">
        <v>2</v>
      </c>
      <c r="FY29" s="89">
        <v>2</v>
      </c>
      <c r="FZ29" s="399">
        <v>0</v>
      </c>
      <c r="GA29" s="88">
        <v>2</v>
      </c>
      <c r="GB29" s="88">
        <v>1</v>
      </c>
      <c r="GC29" s="88">
        <v>4</v>
      </c>
      <c r="GD29" s="88">
        <v>2</v>
      </c>
      <c r="GE29" s="88">
        <v>2</v>
      </c>
      <c r="GF29" s="89">
        <v>11</v>
      </c>
      <c r="GG29" s="90">
        <v>13</v>
      </c>
      <c r="GH29" s="87">
        <v>181</v>
      </c>
      <c r="GI29" s="88">
        <v>224</v>
      </c>
      <c r="GJ29" s="89">
        <v>405</v>
      </c>
      <c r="GK29" s="399">
        <v>0</v>
      </c>
      <c r="GL29" s="88">
        <v>248</v>
      </c>
      <c r="GM29" s="88">
        <v>278</v>
      </c>
      <c r="GN29" s="88">
        <v>178</v>
      </c>
      <c r="GO29" s="88">
        <v>162</v>
      </c>
      <c r="GP29" s="88">
        <v>127</v>
      </c>
      <c r="GQ29" s="89">
        <v>993</v>
      </c>
      <c r="GR29" s="90">
        <v>1398</v>
      </c>
      <c r="GS29" s="91">
        <v>272</v>
      </c>
      <c r="GT29" s="83">
        <v>306</v>
      </c>
      <c r="GU29" s="84">
        <v>578</v>
      </c>
      <c r="GV29" s="399">
        <v>0</v>
      </c>
      <c r="GW29" s="83">
        <v>369</v>
      </c>
      <c r="GX29" s="83">
        <v>417</v>
      </c>
      <c r="GY29" s="83">
        <v>261</v>
      </c>
      <c r="GZ29" s="83">
        <v>228</v>
      </c>
      <c r="HA29" s="83">
        <v>176</v>
      </c>
      <c r="HB29" s="85">
        <v>1451</v>
      </c>
      <c r="HC29" s="86">
        <v>2029</v>
      </c>
      <c r="HD29" s="87">
        <v>0</v>
      </c>
      <c r="HE29" s="88">
        <v>8</v>
      </c>
      <c r="HF29" s="89">
        <v>8</v>
      </c>
      <c r="HG29" s="402">
        <v>0</v>
      </c>
      <c r="HH29" s="88">
        <v>5</v>
      </c>
      <c r="HI29" s="88">
        <v>7</v>
      </c>
      <c r="HJ29" s="88">
        <v>5</v>
      </c>
      <c r="HK29" s="88">
        <v>8</v>
      </c>
      <c r="HL29" s="88">
        <v>4</v>
      </c>
      <c r="HM29" s="89">
        <v>29</v>
      </c>
      <c r="HN29" s="90">
        <v>37</v>
      </c>
      <c r="HO29" s="87">
        <v>10</v>
      </c>
      <c r="HP29" s="88">
        <v>26</v>
      </c>
      <c r="HQ29" s="89">
        <v>36</v>
      </c>
      <c r="HR29" s="399">
        <v>0</v>
      </c>
      <c r="HS29" s="88">
        <v>23</v>
      </c>
      <c r="HT29" s="88">
        <v>28</v>
      </c>
      <c r="HU29" s="88">
        <v>10</v>
      </c>
      <c r="HV29" s="88">
        <v>9</v>
      </c>
      <c r="HW29" s="88">
        <v>10</v>
      </c>
      <c r="HX29" s="89">
        <v>80</v>
      </c>
      <c r="HY29" s="90">
        <v>116</v>
      </c>
      <c r="HZ29" s="87">
        <v>43</v>
      </c>
      <c r="IA29" s="88">
        <v>46</v>
      </c>
      <c r="IB29" s="89">
        <v>89</v>
      </c>
      <c r="IC29" s="399">
        <v>0</v>
      </c>
      <c r="ID29" s="88">
        <v>48</v>
      </c>
      <c r="IE29" s="88">
        <v>39</v>
      </c>
      <c r="IF29" s="88">
        <v>21</v>
      </c>
      <c r="IG29" s="88">
        <v>32</v>
      </c>
      <c r="IH29" s="88">
        <v>27</v>
      </c>
      <c r="II29" s="89">
        <v>167</v>
      </c>
      <c r="IJ29" s="90">
        <v>256</v>
      </c>
      <c r="IK29" s="87">
        <v>72</v>
      </c>
      <c r="IL29" s="88">
        <v>84</v>
      </c>
      <c r="IM29" s="89">
        <v>156</v>
      </c>
      <c r="IN29" s="399">
        <v>0</v>
      </c>
      <c r="IO29" s="88">
        <v>80</v>
      </c>
      <c r="IP29" s="88">
        <v>100</v>
      </c>
      <c r="IQ29" s="88">
        <v>66</v>
      </c>
      <c r="IR29" s="88">
        <v>43</v>
      </c>
      <c r="IS29" s="88">
        <v>25</v>
      </c>
      <c r="IT29" s="89">
        <v>314</v>
      </c>
      <c r="IU29" s="90">
        <v>470</v>
      </c>
      <c r="IV29" s="87">
        <v>91</v>
      </c>
      <c r="IW29" s="88">
        <v>77</v>
      </c>
      <c r="IX29" s="89">
        <v>168</v>
      </c>
      <c r="IY29" s="399">
        <v>0</v>
      </c>
      <c r="IZ29" s="88">
        <v>123</v>
      </c>
      <c r="JA29" s="88">
        <v>109</v>
      </c>
      <c r="JB29" s="88">
        <v>78</v>
      </c>
      <c r="JC29" s="88">
        <v>60</v>
      </c>
      <c r="JD29" s="88">
        <v>39</v>
      </c>
      <c r="JE29" s="89">
        <v>409</v>
      </c>
      <c r="JF29" s="90">
        <v>577</v>
      </c>
      <c r="JG29" s="87">
        <v>56</v>
      </c>
      <c r="JH29" s="88">
        <v>65</v>
      </c>
      <c r="JI29" s="89">
        <v>121</v>
      </c>
      <c r="JJ29" s="399">
        <v>0</v>
      </c>
      <c r="JK29" s="88">
        <v>90</v>
      </c>
      <c r="JL29" s="88">
        <v>134</v>
      </c>
      <c r="JM29" s="88">
        <v>81</v>
      </c>
      <c r="JN29" s="88">
        <v>76</v>
      </c>
      <c r="JO29" s="88">
        <v>71</v>
      </c>
      <c r="JP29" s="89">
        <v>452</v>
      </c>
      <c r="JQ29" s="90">
        <v>573</v>
      </c>
      <c r="JR29" s="87">
        <v>4</v>
      </c>
      <c r="JS29" s="88">
        <v>4</v>
      </c>
      <c r="JT29" s="89">
        <v>8</v>
      </c>
      <c r="JU29" s="399">
        <v>0</v>
      </c>
      <c r="JV29" s="88">
        <v>7</v>
      </c>
      <c r="JW29" s="88">
        <v>10</v>
      </c>
      <c r="JX29" s="88">
        <v>6</v>
      </c>
      <c r="JY29" s="88">
        <v>3</v>
      </c>
      <c r="JZ29" s="88">
        <v>3</v>
      </c>
      <c r="KA29" s="89">
        <v>29</v>
      </c>
      <c r="KB29" s="90">
        <v>37</v>
      </c>
      <c r="KC29" s="87">
        <v>276</v>
      </c>
      <c r="KD29" s="88">
        <v>310</v>
      </c>
      <c r="KE29" s="89">
        <v>586</v>
      </c>
      <c r="KF29" s="399">
        <v>0</v>
      </c>
      <c r="KG29" s="88">
        <v>376</v>
      </c>
      <c r="KH29" s="88">
        <v>427</v>
      </c>
      <c r="KI29" s="88">
        <v>267</v>
      </c>
      <c r="KJ29" s="88">
        <v>231</v>
      </c>
      <c r="KK29" s="88">
        <v>179</v>
      </c>
      <c r="KL29" s="89">
        <v>1480</v>
      </c>
      <c r="KM29" s="90">
        <v>2066</v>
      </c>
    </row>
    <row r="30" spans="2:299" s="56" customFormat="1" ht="21" customHeight="1" x14ac:dyDescent="0.2">
      <c r="B30" s="92" t="s">
        <v>27</v>
      </c>
      <c r="C30" s="82">
        <v>114</v>
      </c>
      <c r="D30" s="83">
        <v>125</v>
      </c>
      <c r="E30" s="84">
        <v>239</v>
      </c>
      <c r="F30" s="399">
        <v>0</v>
      </c>
      <c r="G30" s="83">
        <v>113</v>
      </c>
      <c r="H30" s="83">
        <v>84</v>
      </c>
      <c r="I30" s="83">
        <v>71</v>
      </c>
      <c r="J30" s="83">
        <v>82</v>
      </c>
      <c r="K30" s="83">
        <v>40</v>
      </c>
      <c r="L30" s="85">
        <v>390</v>
      </c>
      <c r="M30" s="86">
        <v>629</v>
      </c>
      <c r="N30" s="87">
        <v>2</v>
      </c>
      <c r="O30" s="88">
        <v>6</v>
      </c>
      <c r="P30" s="89">
        <v>8</v>
      </c>
      <c r="Q30" s="399">
        <v>0</v>
      </c>
      <c r="R30" s="88">
        <v>4</v>
      </c>
      <c r="S30" s="88">
        <v>1</v>
      </c>
      <c r="T30" s="88">
        <v>3</v>
      </c>
      <c r="U30" s="88">
        <v>4</v>
      </c>
      <c r="V30" s="88">
        <v>2</v>
      </c>
      <c r="W30" s="89">
        <v>14</v>
      </c>
      <c r="X30" s="90">
        <v>22</v>
      </c>
      <c r="Y30" s="87">
        <v>8</v>
      </c>
      <c r="Z30" s="88">
        <v>12</v>
      </c>
      <c r="AA30" s="89">
        <v>20</v>
      </c>
      <c r="AB30" s="399">
        <v>0</v>
      </c>
      <c r="AC30" s="88">
        <v>10</v>
      </c>
      <c r="AD30" s="88">
        <v>10</v>
      </c>
      <c r="AE30" s="88">
        <v>7</v>
      </c>
      <c r="AF30" s="88">
        <v>2</v>
      </c>
      <c r="AG30" s="88">
        <v>3</v>
      </c>
      <c r="AH30" s="89">
        <v>32</v>
      </c>
      <c r="AI30" s="90">
        <v>52</v>
      </c>
      <c r="AJ30" s="87">
        <v>20</v>
      </c>
      <c r="AK30" s="88">
        <v>24</v>
      </c>
      <c r="AL30" s="89">
        <v>44</v>
      </c>
      <c r="AM30" s="399">
        <v>0</v>
      </c>
      <c r="AN30" s="88">
        <v>19</v>
      </c>
      <c r="AO30" s="88">
        <v>14</v>
      </c>
      <c r="AP30" s="88">
        <v>9</v>
      </c>
      <c r="AQ30" s="88">
        <v>18</v>
      </c>
      <c r="AR30" s="88">
        <v>5</v>
      </c>
      <c r="AS30" s="89">
        <v>65</v>
      </c>
      <c r="AT30" s="90">
        <v>109</v>
      </c>
      <c r="AU30" s="87">
        <v>29</v>
      </c>
      <c r="AV30" s="88">
        <v>32</v>
      </c>
      <c r="AW30" s="89">
        <v>61</v>
      </c>
      <c r="AX30" s="399">
        <v>0</v>
      </c>
      <c r="AY30" s="88">
        <v>26</v>
      </c>
      <c r="AZ30" s="88">
        <v>23</v>
      </c>
      <c r="BA30" s="88">
        <v>18</v>
      </c>
      <c r="BB30" s="88">
        <v>18</v>
      </c>
      <c r="BC30" s="88">
        <v>13</v>
      </c>
      <c r="BD30" s="89">
        <v>98</v>
      </c>
      <c r="BE30" s="90">
        <v>159</v>
      </c>
      <c r="BF30" s="87">
        <v>37</v>
      </c>
      <c r="BG30" s="88">
        <v>30</v>
      </c>
      <c r="BH30" s="89">
        <v>67</v>
      </c>
      <c r="BI30" s="399">
        <v>0</v>
      </c>
      <c r="BJ30" s="88">
        <v>31</v>
      </c>
      <c r="BK30" s="88">
        <v>13</v>
      </c>
      <c r="BL30" s="88">
        <v>20</v>
      </c>
      <c r="BM30" s="88">
        <v>20</v>
      </c>
      <c r="BN30" s="88">
        <v>9</v>
      </c>
      <c r="BO30" s="89">
        <v>93</v>
      </c>
      <c r="BP30" s="90">
        <v>160</v>
      </c>
      <c r="BQ30" s="87">
        <v>18</v>
      </c>
      <c r="BR30" s="88">
        <v>21</v>
      </c>
      <c r="BS30" s="89">
        <v>39</v>
      </c>
      <c r="BT30" s="399">
        <v>0</v>
      </c>
      <c r="BU30" s="88">
        <v>23</v>
      </c>
      <c r="BV30" s="88">
        <v>23</v>
      </c>
      <c r="BW30" s="88">
        <v>14</v>
      </c>
      <c r="BX30" s="88">
        <v>20</v>
      </c>
      <c r="BY30" s="88">
        <v>8</v>
      </c>
      <c r="BZ30" s="89">
        <v>88</v>
      </c>
      <c r="CA30" s="90">
        <v>127</v>
      </c>
      <c r="CB30" s="87">
        <v>9</v>
      </c>
      <c r="CC30" s="88">
        <v>3</v>
      </c>
      <c r="CD30" s="89">
        <v>12</v>
      </c>
      <c r="CE30" s="399">
        <v>0</v>
      </c>
      <c r="CF30" s="88">
        <v>2</v>
      </c>
      <c r="CG30" s="88">
        <v>3</v>
      </c>
      <c r="CH30" s="88">
        <v>4</v>
      </c>
      <c r="CI30" s="88">
        <v>3</v>
      </c>
      <c r="CJ30" s="88">
        <v>1</v>
      </c>
      <c r="CK30" s="89">
        <v>13</v>
      </c>
      <c r="CL30" s="90">
        <v>25</v>
      </c>
      <c r="CM30" s="87">
        <v>123</v>
      </c>
      <c r="CN30" s="88">
        <v>128</v>
      </c>
      <c r="CO30" s="89">
        <v>251</v>
      </c>
      <c r="CP30" s="399">
        <v>0</v>
      </c>
      <c r="CQ30" s="88">
        <v>115</v>
      </c>
      <c r="CR30" s="88">
        <v>87</v>
      </c>
      <c r="CS30" s="88">
        <v>75</v>
      </c>
      <c r="CT30" s="88">
        <v>85</v>
      </c>
      <c r="CU30" s="88">
        <v>41</v>
      </c>
      <c r="CV30" s="89">
        <v>403</v>
      </c>
      <c r="CW30" s="90">
        <v>654</v>
      </c>
      <c r="CX30" s="91">
        <v>272</v>
      </c>
      <c r="CY30" s="83">
        <v>207</v>
      </c>
      <c r="CZ30" s="84">
        <v>479</v>
      </c>
      <c r="DA30" s="399">
        <v>0</v>
      </c>
      <c r="DB30" s="83">
        <v>252</v>
      </c>
      <c r="DC30" s="83">
        <v>132</v>
      </c>
      <c r="DD30" s="83">
        <v>126</v>
      </c>
      <c r="DE30" s="83">
        <v>154</v>
      </c>
      <c r="DF30" s="83">
        <v>102</v>
      </c>
      <c r="DG30" s="85">
        <v>766</v>
      </c>
      <c r="DH30" s="86">
        <v>1245</v>
      </c>
      <c r="DI30" s="87">
        <v>3</v>
      </c>
      <c r="DJ30" s="88">
        <v>2</v>
      </c>
      <c r="DK30" s="89">
        <v>5</v>
      </c>
      <c r="DL30" s="399">
        <v>0</v>
      </c>
      <c r="DM30" s="88">
        <v>5</v>
      </c>
      <c r="DN30" s="88">
        <v>2</v>
      </c>
      <c r="DO30" s="88">
        <v>0</v>
      </c>
      <c r="DP30" s="88">
        <v>1</v>
      </c>
      <c r="DQ30" s="88">
        <v>4</v>
      </c>
      <c r="DR30" s="89">
        <v>12</v>
      </c>
      <c r="DS30" s="90">
        <v>17</v>
      </c>
      <c r="DT30" s="87">
        <v>15</v>
      </c>
      <c r="DU30" s="88">
        <v>8</v>
      </c>
      <c r="DV30" s="89">
        <v>23</v>
      </c>
      <c r="DW30" s="399">
        <v>0</v>
      </c>
      <c r="DX30" s="88">
        <v>9</v>
      </c>
      <c r="DY30" s="88">
        <v>3</v>
      </c>
      <c r="DZ30" s="88">
        <v>7</v>
      </c>
      <c r="EA30" s="88">
        <v>6</v>
      </c>
      <c r="EB30" s="88">
        <v>1</v>
      </c>
      <c r="EC30" s="89">
        <v>26</v>
      </c>
      <c r="ED30" s="90">
        <v>49</v>
      </c>
      <c r="EE30" s="87">
        <v>39</v>
      </c>
      <c r="EF30" s="88">
        <v>24</v>
      </c>
      <c r="EG30" s="89">
        <v>63</v>
      </c>
      <c r="EH30" s="399">
        <v>0</v>
      </c>
      <c r="EI30" s="88">
        <v>23</v>
      </c>
      <c r="EJ30" s="88">
        <v>19</v>
      </c>
      <c r="EK30" s="88">
        <v>10</v>
      </c>
      <c r="EL30" s="88">
        <v>15</v>
      </c>
      <c r="EM30" s="88">
        <v>7</v>
      </c>
      <c r="EN30" s="89">
        <v>74</v>
      </c>
      <c r="EO30" s="90">
        <v>137</v>
      </c>
      <c r="EP30" s="87">
        <v>69</v>
      </c>
      <c r="EQ30" s="88">
        <v>46</v>
      </c>
      <c r="ER30" s="89">
        <v>115</v>
      </c>
      <c r="ES30" s="399">
        <v>0</v>
      </c>
      <c r="ET30" s="88">
        <v>59</v>
      </c>
      <c r="EU30" s="88">
        <v>22</v>
      </c>
      <c r="EV30" s="88">
        <v>21</v>
      </c>
      <c r="EW30" s="88">
        <v>34</v>
      </c>
      <c r="EX30" s="88">
        <v>18</v>
      </c>
      <c r="EY30" s="89">
        <v>154</v>
      </c>
      <c r="EZ30" s="90">
        <v>269</v>
      </c>
      <c r="FA30" s="87">
        <v>87</v>
      </c>
      <c r="FB30" s="88">
        <v>73</v>
      </c>
      <c r="FC30" s="89">
        <v>160</v>
      </c>
      <c r="FD30" s="399">
        <v>0</v>
      </c>
      <c r="FE30" s="88">
        <v>78</v>
      </c>
      <c r="FF30" s="88">
        <v>33</v>
      </c>
      <c r="FG30" s="88">
        <v>27</v>
      </c>
      <c r="FH30" s="88">
        <v>34</v>
      </c>
      <c r="FI30" s="88">
        <v>27</v>
      </c>
      <c r="FJ30" s="89">
        <v>199</v>
      </c>
      <c r="FK30" s="90">
        <v>359</v>
      </c>
      <c r="FL30" s="87">
        <v>59</v>
      </c>
      <c r="FM30" s="88">
        <v>54</v>
      </c>
      <c r="FN30" s="89">
        <v>113</v>
      </c>
      <c r="FO30" s="399">
        <v>0</v>
      </c>
      <c r="FP30" s="88">
        <v>78</v>
      </c>
      <c r="FQ30" s="88">
        <v>53</v>
      </c>
      <c r="FR30" s="88">
        <v>61</v>
      </c>
      <c r="FS30" s="88">
        <v>64</v>
      </c>
      <c r="FT30" s="88">
        <v>45</v>
      </c>
      <c r="FU30" s="89">
        <v>301</v>
      </c>
      <c r="FV30" s="90">
        <v>414</v>
      </c>
      <c r="FW30" s="87">
        <v>0</v>
      </c>
      <c r="FX30" s="88">
        <v>3</v>
      </c>
      <c r="FY30" s="89">
        <v>3</v>
      </c>
      <c r="FZ30" s="399">
        <v>0</v>
      </c>
      <c r="GA30" s="88">
        <v>2</v>
      </c>
      <c r="GB30" s="88">
        <v>6</v>
      </c>
      <c r="GC30" s="88">
        <v>3</v>
      </c>
      <c r="GD30" s="88">
        <v>1</v>
      </c>
      <c r="GE30" s="88">
        <v>2</v>
      </c>
      <c r="GF30" s="89">
        <v>14</v>
      </c>
      <c r="GG30" s="90">
        <v>17</v>
      </c>
      <c r="GH30" s="87">
        <v>272</v>
      </c>
      <c r="GI30" s="88">
        <v>210</v>
      </c>
      <c r="GJ30" s="89">
        <v>482</v>
      </c>
      <c r="GK30" s="399">
        <v>0</v>
      </c>
      <c r="GL30" s="88">
        <v>254</v>
      </c>
      <c r="GM30" s="88">
        <v>138</v>
      </c>
      <c r="GN30" s="88">
        <v>129</v>
      </c>
      <c r="GO30" s="88">
        <v>155</v>
      </c>
      <c r="GP30" s="88">
        <v>104</v>
      </c>
      <c r="GQ30" s="89">
        <v>780</v>
      </c>
      <c r="GR30" s="90">
        <v>1262</v>
      </c>
      <c r="GS30" s="91">
        <v>386</v>
      </c>
      <c r="GT30" s="83">
        <v>332</v>
      </c>
      <c r="GU30" s="84">
        <v>718</v>
      </c>
      <c r="GV30" s="399">
        <v>0</v>
      </c>
      <c r="GW30" s="83">
        <v>365</v>
      </c>
      <c r="GX30" s="83">
        <v>216</v>
      </c>
      <c r="GY30" s="83">
        <v>197</v>
      </c>
      <c r="GZ30" s="83">
        <v>236</v>
      </c>
      <c r="HA30" s="83">
        <v>142</v>
      </c>
      <c r="HB30" s="85">
        <v>1156</v>
      </c>
      <c r="HC30" s="86">
        <v>1874</v>
      </c>
      <c r="HD30" s="87">
        <v>5</v>
      </c>
      <c r="HE30" s="88">
        <v>8</v>
      </c>
      <c r="HF30" s="89">
        <v>13</v>
      </c>
      <c r="HG30" s="402">
        <v>0</v>
      </c>
      <c r="HH30" s="88">
        <v>9</v>
      </c>
      <c r="HI30" s="88">
        <v>3</v>
      </c>
      <c r="HJ30" s="88">
        <v>3</v>
      </c>
      <c r="HK30" s="88">
        <v>5</v>
      </c>
      <c r="HL30" s="88">
        <v>6</v>
      </c>
      <c r="HM30" s="89">
        <v>26</v>
      </c>
      <c r="HN30" s="90">
        <v>39</v>
      </c>
      <c r="HO30" s="87">
        <v>23</v>
      </c>
      <c r="HP30" s="88">
        <v>20</v>
      </c>
      <c r="HQ30" s="89">
        <v>43</v>
      </c>
      <c r="HR30" s="399">
        <v>0</v>
      </c>
      <c r="HS30" s="88">
        <v>19</v>
      </c>
      <c r="HT30" s="88">
        <v>13</v>
      </c>
      <c r="HU30" s="88">
        <v>14</v>
      </c>
      <c r="HV30" s="88">
        <v>8</v>
      </c>
      <c r="HW30" s="88">
        <v>4</v>
      </c>
      <c r="HX30" s="89">
        <v>58</v>
      </c>
      <c r="HY30" s="90">
        <v>101</v>
      </c>
      <c r="HZ30" s="87">
        <v>59</v>
      </c>
      <c r="IA30" s="88">
        <v>48</v>
      </c>
      <c r="IB30" s="89">
        <v>107</v>
      </c>
      <c r="IC30" s="399">
        <v>0</v>
      </c>
      <c r="ID30" s="88">
        <v>42</v>
      </c>
      <c r="IE30" s="88">
        <v>33</v>
      </c>
      <c r="IF30" s="88">
        <v>19</v>
      </c>
      <c r="IG30" s="88">
        <v>33</v>
      </c>
      <c r="IH30" s="88">
        <v>12</v>
      </c>
      <c r="II30" s="89">
        <v>139</v>
      </c>
      <c r="IJ30" s="90">
        <v>246</v>
      </c>
      <c r="IK30" s="87">
        <v>98</v>
      </c>
      <c r="IL30" s="88">
        <v>78</v>
      </c>
      <c r="IM30" s="89">
        <v>176</v>
      </c>
      <c r="IN30" s="399">
        <v>0</v>
      </c>
      <c r="IO30" s="88">
        <v>85</v>
      </c>
      <c r="IP30" s="88">
        <v>45</v>
      </c>
      <c r="IQ30" s="88">
        <v>39</v>
      </c>
      <c r="IR30" s="88">
        <v>52</v>
      </c>
      <c r="IS30" s="88">
        <v>31</v>
      </c>
      <c r="IT30" s="89">
        <v>252</v>
      </c>
      <c r="IU30" s="90">
        <v>428</v>
      </c>
      <c r="IV30" s="87">
        <v>124</v>
      </c>
      <c r="IW30" s="88">
        <v>103</v>
      </c>
      <c r="IX30" s="89">
        <v>227</v>
      </c>
      <c r="IY30" s="399">
        <v>0</v>
      </c>
      <c r="IZ30" s="88">
        <v>109</v>
      </c>
      <c r="JA30" s="88">
        <v>46</v>
      </c>
      <c r="JB30" s="88">
        <v>47</v>
      </c>
      <c r="JC30" s="88">
        <v>54</v>
      </c>
      <c r="JD30" s="88">
        <v>36</v>
      </c>
      <c r="JE30" s="89">
        <v>292</v>
      </c>
      <c r="JF30" s="90">
        <v>519</v>
      </c>
      <c r="JG30" s="87">
        <v>77</v>
      </c>
      <c r="JH30" s="88">
        <v>75</v>
      </c>
      <c r="JI30" s="89">
        <v>152</v>
      </c>
      <c r="JJ30" s="399">
        <v>0</v>
      </c>
      <c r="JK30" s="88">
        <v>101</v>
      </c>
      <c r="JL30" s="88">
        <v>76</v>
      </c>
      <c r="JM30" s="88">
        <v>75</v>
      </c>
      <c r="JN30" s="88">
        <v>84</v>
      </c>
      <c r="JO30" s="88">
        <v>53</v>
      </c>
      <c r="JP30" s="89">
        <v>389</v>
      </c>
      <c r="JQ30" s="90">
        <v>541</v>
      </c>
      <c r="JR30" s="87">
        <v>9</v>
      </c>
      <c r="JS30" s="88">
        <v>6</v>
      </c>
      <c r="JT30" s="89">
        <v>15</v>
      </c>
      <c r="JU30" s="399">
        <v>0</v>
      </c>
      <c r="JV30" s="88">
        <v>4</v>
      </c>
      <c r="JW30" s="88">
        <v>9</v>
      </c>
      <c r="JX30" s="88">
        <v>7</v>
      </c>
      <c r="JY30" s="88">
        <v>4</v>
      </c>
      <c r="JZ30" s="88">
        <v>3</v>
      </c>
      <c r="KA30" s="89">
        <v>27</v>
      </c>
      <c r="KB30" s="90">
        <v>42</v>
      </c>
      <c r="KC30" s="87">
        <v>395</v>
      </c>
      <c r="KD30" s="88">
        <v>338</v>
      </c>
      <c r="KE30" s="89">
        <v>733</v>
      </c>
      <c r="KF30" s="399">
        <v>0</v>
      </c>
      <c r="KG30" s="88">
        <v>369</v>
      </c>
      <c r="KH30" s="88">
        <v>225</v>
      </c>
      <c r="KI30" s="88">
        <v>204</v>
      </c>
      <c r="KJ30" s="88">
        <v>240</v>
      </c>
      <c r="KK30" s="88">
        <v>145</v>
      </c>
      <c r="KL30" s="89">
        <v>1183</v>
      </c>
      <c r="KM30" s="90">
        <v>1916</v>
      </c>
    </row>
    <row r="31" spans="2:299" s="56" customFormat="1" ht="21" customHeight="1" x14ac:dyDescent="0.2">
      <c r="B31" s="92" t="s">
        <v>28</v>
      </c>
      <c r="C31" s="82">
        <v>5</v>
      </c>
      <c r="D31" s="83">
        <v>27</v>
      </c>
      <c r="E31" s="84">
        <v>32</v>
      </c>
      <c r="F31" s="399">
        <v>0</v>
      </c>
      <c r="G31" s="83">
        <v>63</v>
      </c>
      <c r="H31" s="83">
        <v>44</v>
      </c>
      <c r="I31" s="83">
        <v>27</v>
      </c>
      <c r="J31" s="83">
        <v>17</v>
      </c>
      <c r="K31" s="83">
        <v>11</v>
      </c>
      <c r="L31" s="85">
        <v>162</v>
      </c>
      <c r="M31" s="86">
        <v>194</v>
      </c>
      <c r="N31" s="87">
        <v>0</v>
      </c>
      <c r="O31" s="88">
        <v>3</v>
      </c>
      <c r="P31" s="89">
        <v>3</v>
      </c>
      <c r="Q31" s="399">
        <v>0</v>
      </c>
      <c r="R31" s="88">
        <v>4</v>
      </c>
      <c r="S31" s="88">
        <v>1</v>
      </c>
      <c r="T31" s="88">
        <v>2</v>
      </c>
      <c r="U31" s="88">
        <v>1</v>
      </c>
      <c r="V31" s="88">
        <v>1</v>
      </c>
      <c r="W31" s="89">
        <v>9</v>
      </c>
      <c r="X31" s="90">
        <v>12</v>
      </c>
      <c r="Y31" s="87">
        <v>1</v>
      </c>
      <c r="Z31" s="88">
        <v>5</v>
      </c>
      <c r="AA31" s="89">
        <v>6</v>
      </c>
      <c r="AB31" s="399">
        <v>0</v>
      </c>
      <c r="AC31" s="88">
        <v>7</v>
      </c>
      <c r="AD31" s="88">
        <v>7</v>
      </c>
      <c r="AE31" s="88">
        <v>2</v>
      </c>
      <c r="AF31" s="88">
        <v>2</v>
      </c>
      <c r="AG31" s="88">
        <v>2</v>
      </c>
      <c r="AH31" s="89">
        <v>20</v>
      </c>
      <c r="AI31" s="90">
        <v>26</v>
      </c>
      <c r="AJ31" s="87">
        <v>1</v>
      </c>
      <c r="AK31" s="88">
        <v>3</v>
      </c>
      <c r="AL31" s="89">
        <v>4</v>
      </c>
      <c r="AM31" s="399">
        <v>0</v>
      </c>
      <c r="AN31" s="88">
        <v>9</v>
      </c>
      <c r="AO31" s="88">
        <v>11</v>
      </c>
      <c r="AP31" s="88">
        <v>5</v>
      </c>
      <c r="AQ31" s="88">
        <v>4</v>
      </c>
      <c r="AR31" s="88">
        <v>4</v>
      </c>
      <c r="AS31" s="89">
        <v>33</v>
      </c>
      <c r="AT31" s="90">
        <v>37</v>
      </c>
      <c r="AU31" s="87">
        <v>2</v>
      </c>
      <c r="AV31" s="88">
        <v>6</v>
      </c>
      <c r="AW31" s="89">
        <v>8</v>
      </c>
      <c r="AX31" s="399">
        <v>0</v>
      </c>
      <c r="AY31" s="88">
        <v>17</v>
      </c>
      <c r="AZ31" s="88">
        <v>8</v>
      </c>
      <c r="BA31" s="88">
        <v>6</v>
      </c>
      <c r="BB31" s="88">
        <v>3</v>
      </c>
      <c r="BC31" s="88">
        <v>0</v>
      </c>
      <c r="BD31" s="89">
        <v>34</v>
      </c>
      <c r="BE31" s="90">
        <v>42</v>
      </c>
      <c r="BF31" s="87">
        <v>1</v>
      </c>
      <c r="BG31" s="88">
        <v>6</v>
      </c>
      <c r="BH31" s="89">
        <v>7</v>
      </c>
      <c r="BI31" s="399">
        <v>0</v>
      </c>
      <c r="BJ31" s="88">
        <v>16</v>
      </c>
      <c r="BK31" s="88">
        <v>9</v>
      </c>
      <c r="BL31" s="88">
        <v>4</v>
      </c>
      <c r="BM31" s="88">
        <v>3</v>
      </c>
      <c r="BN31" s="88">
        <v>2</v>
      </c>
      <c r="BO31" s="89">
        <v>34</v>
      </c>
      <c r="BP31" s="90">
        <v>41</v>
      </c>
      <c r="BQ31" s="87">
        <v>0</v>
      </c>
      <c r="BR31" s="88">
        <v>4</v>
      </c>
      <c r="BS31" s="89">
        <v>4</v>
      </c>
      <c r="BT31" s="399">
        <v>0</v>
      </c>
      <c r="BU31" s="88">
        <v>10</v>
      </c>
      <c r="BV31" s="88">
        <v>8</v>
      </c>
      <c r="BW31" s="88">
        <v>8</v>
      </c>
      <c r="BX31" s="88">
        <v>4</v>
      </c>
      <c r="BY31" s="88">
        <v>2</v>
      </c>
      <c r="BZ31" s="89">
        <v>32</v>
      </c>
      <c r="CA31" s="90">
        <v>36</v>
      </c>
      <c r="CB31" s="87">
        <v>0</v>
      </c>
      <c r="CC31" s="88">
        <v>1</v>
      </c>
      <c r="CD31" s="89">
        <v>1</v>
      </c>
      <c r="CE31" s="399">
        <v>0</v>
      </c>
      <c r="CF31" s="88">
        <v>0</v>
      </c>
      <c r="CG31" s="88">
        <v>1</v>
      </c>
      <c r="CH31" s="88">
        <v>1</v>
      </c>
      <c r="CI31" s="88">
        <v>0</v>
      </c>
      <c r="CJ31" s="88">
        <v>2</v>
      </c>
      <c r="CK31" s="89">
        <v>4</v>
      </c>
      <c r="CL31" s="90">
        <v>5</v>
      </c>
      <c r="CM31" s="87">
        <v>5</v>
      </c>
      <c r="CN31" s="88">
        <v>28</v>
      </c>
      <c r="CO31" s="89">
        <v>33</v>
      </c>
      <c r="CP31" s="399">
        <v>0</v>
      </c>
      <c r="CQ31" s="88">
        <v>63</v>
      </c>
      <c r="CR31" s="88">
        <v>45</v>
      </c>
      <c r="CS31" s="88">
        <v>28</v>
      </c>
      <c r="CT31" s="88">
        <v>17</v>
      </c>
      <c r="CU31" s="88">
        <v>13</v>
      </c>
      <c r="CV31" s="89">
        <v>166</v>
      </c>
      <c r="CW31" s="90">
        <v>199</v>
      </c>
      <c r="CX31" s="91">
        <v>14</v>
      </c>
      <c r="CY31" s="83">
        <v>38</v>
      </c>
      <c r="CZ31" s="84">
        <v>52</v>
      </c>
      <c r="DA31" s="399">
        <v>0</v>
      </c>
      <c r="DB31" s="83">
        <v>63</v>
      </c>
      <c r="DC31" s="83">
        <v>76</v>
      </c>
      <c r="DD31" s="83">
        <v>47</v>
      </c>
      <c r="DE31" s="83">
        <v>52</v>
      </c>
      <c r="DF31" s="83">
        <v>34</v>
      </c>
      <c r="DG31" s="85">
        <v>272</v>
      </c>
      <c r="DH31" s="86">
        <v>324</v>
      </c>
      <c r="DI31" s="87">
        <v>0</v>
      </c>
      <c r="DJ31" s="88">
        <v>0</v>
      </c>
      <c r="DK31" s="89">
        <v>0</v>
      </c>
      <c r="DL31" s="399">
        <v>0</v>
      </c>
      <c r="DM31" s="88">
        <v>2</v>
      </c>
      <c r="DN31" s="88">
        <v>0</v>
      </c>
      <c r="DO31" s="88">
        <v>1</v>
      </c>
      <c r="DP31" s="88">
        <v>0</v>
      </c>
      <c r="DQ31" s="88">
        <v>0</v>
      </c>
      <c r="DR31" s="89">
        <v>3</v>
      </c>
      <c r="DS31" s="90">
        <v>3</v>
      </c>
      <c r="DT31" s="87">
        <v>4</v>
      </c>
      <c r="DU31" s="88">
        <v>5</v>
      </c>
      <c r="DV31" s="89">
        <v>9</v>
      </c>
      <c r="DW31" s="399">
        <v>0</v>
      </c>
      <c r="DX31" s="88">
        <v>5</v>
      </c>
      <c r="DY31" s="88">
        <v>5</v>
      </c>
      <c r="DZ31" s="88">
        <v>3</v>
      </c>
      <c r="EA31" s="88">
        <v>2</v>
      </c>
      <c r="EB31" s="88">
        <v>0</v>
      </c>
      <c r="EC31" s="89">
        <v>15</v>
      </c>
      <c r="ED31" s="90">
        <v>24</v>
      </c>
      <c r="EE31" s="87">
        <v>1</v>
      </c>
      <c r="EF31" s="88">
        <v>7</v>
      </c>
      <c r="EG31" s="89">
        <v>8</v>
      </c>
      <c r="EH31" s="399">
        <v>0</v>
      </c>
      <c r="EI31" s="88">
        <v>10</v>
      </c>
      <c r="EJ31" s="88">
        <v>11</v>
      </c>
      <c r="EK31" s="88">
        <v>4</v>
      </c>
      <c r="EL31" s="88">
        <v>5</v>
      </c>
      <c r="EM31" s="88">
        <v>4</v>
      </c>
      <c r="EN31" s="89">
        <v>34</v>
      </c>
      <c r="EO31" s="90">
        <v>42</v>
      </c>
      <c r="EP31" s="87">
        <v>7</v>
      </c>
      <c r="EQ31" s="88">
        <v>9</v>
      </c>
      <c r="ER31" s="89">
        <v>16</v>
      </c>
      <c r="ES31" s="399">
        <v>0</v>
      </c>
      <c r="ET31" s="88">
        <v>18</v>
      </c>
      <c r="EU31" s="88">
        <v>12</v>
      </c>
      <c r="EV31" s="88">
        <v>17</v>
      </c>
      <c r="EW31" s="88">
        <v>11</v>
      </c>
      <c r="EX31" s="88">
        <v>8</v>
      </c>
      <c r="EY31" s="89">
        <v>66</v>
      </c>
      <c r="EZ31" s="90">
        <v>82</v>
      </c>
      <c r="FA31" s="87">
        <v>2</v>
      </c>
      <c r="FB31" s="88">
        <v>13</v>
      </c>
      <c r="FC31" s="89">
        <v>15</v>
      </c>
      <c r="FD31" s="399">
        <v>0</v>
      </c>
      <c r="FE31" s="88">
        <v>20</v>
      </c>
      <c r="FF31" s="88">
        <v>25</v>
      </c>
      <c r="FG31" s="88">
        <v>7</v>
      </c>
      <c r="FH31" s="88">
        <v>15</v>
      </c>
      <c r="FI31" s="88">
        <v>9</v>
      </c>
      <c r="FJ31" s="89">
        <v>76</v>
      </c>
      <c r="FK31" s="90">
        <v>91</v>
      </c>
      <c r="FL31" s="87">
        <v>0</v>
      </c>
      <c r="FM31" s="88">
        <v>4</v>
      </c>
      <c r="FN31" s="89">
        <v>4</v>
      </c>
      <c r="FO31" s="399">
        <v>0</v>
      </c>
      <c r="FP31" s="88">
        <v>8</v>
      </c>
      <c r="FQ31" s="88">
        <v>23</v>
      </c>
      <c r="FR31" s="88">
        <v>15</v>
      </c>
      <c r="FS31" s="88">
        <v>19</v>
      </c>
      <c r="FT31" s="88">
        <v>13</v>
      </c>
      <c r="FU31" s="89">
        <v>78</v>
      </c>
      <c r="FV31" s="90">
        <v>82</v>
      </c>
      <c r="FW31" s="87">
        <v>0</v>
      </c>
      <c r="FX31" s="88">
        <v>1</v>
      </c>
      <c r="FY31" s="89">
        <v>1</v>
      </c>
      <c r="FZ31" s="399">
        <v>0</v>
      </c>
      <c r="GA31" s="88">
        <v>1</v>
      </c>
      <c r="GB31" s="88">
        <v>1</v>
      </c>
      <c r="GC31" s="88">
        <v>0</v>
      </c>
      <c r="GD31" s="88">
        <v>0</v>
      </c>
      <c r="GE31" s="88">
        <v>2</v>
      </c>
      <c r="GF31" s="89">
        <v>4</v>
      </c>
      <c r="GG31" s="90">
        <v>5</v>
      </c>
      <c r="GH31" s="87">
        <v>14</v>
      </c>
      <c r="GI31" s="88">
        <v>39</v>
      </c>
      <c r="GJ31" s="89">
        <v>53</v>
      </c>
      <c r="GK31" s="399">
        <v>0</v>
      </c>
      <c r="GL31" s="88">
        <v>64</v>
      </c>
      <c r="GM31" s="88">
        <v>77</v>
      </c>
      <c r="GN31" s="88">
        <v>47</v>
      </c>
      <c r="GO31" s="88">
        <v>52</v>
      </c>
      <c r="GP31" s="88">
        <v>36</v>
      </c>
      <c r="GQ31" s="89">
        <v>276</v>
      </c>
      <c r="GR31" s="90">
        <v>329</v>
      </c>
      <c r="GS31" s="91">
        <v>19</v>
      </c>
      <c r="GT31" s="83">
        <v>65</v>
      </c>
      <c r="GU31" s="84">
        <v>84</v>
      </c>
      <c r="GV31" s="399">
        <v>0</v>
      </c>
      <c r="GW31" s="83">
        <v>126</v>
      </c>
      <c r="GX31" s="83">
        <v>120</v>
      </c>
      <c r="GY31" s="83">
        <v>74</v>
      </c>
      <c r="GZ31" s="83">
        <v>69</v>
      </c>
      <c r="HA31" s="83">
        <v>45</v>
      </c>
      <c r="HB31" s="85">
        <v>434</v>
      </c>
      <c r="HC31" s="86">
        <v>518</v>
      </c>
      <c r="HD31" s="87">
        <v>0</v>
      </c>
      <c r="HE31" s="88">
        <v>3</v>
      </c>
      <c r="HF31" s="89">
        <v>3</v>
      </c>
      <c r="HG31" s="402">
        <v>0</v>
      </c>
      <c r="HH31" s="88">
        <v>6</v>
      </c>
      <c r="HI31" s="88">
        <v>1</v>
      </c>
      <c r="HJ31" s="88">
        <v>3</v>
      </c>
      <c r="HK31" s="88">
        <v>1</v>
      </c>
      <c r="HL31" s="88">
        <v>1</v>
      </c>
      <c r="HM31" s="89">
        <v>12</v>
      </c>
      <c r="HN31" s="90">
        <v>15</v>
      </c>
      <c r="HO31" s="87">
        <v>5</v>
      </c>
      <c r="HP31" s="88">
        <v>10</v>
      </c>
      <c r="HQ31" s="89">
        <v>15</v>
      </c>
      <c r="HR31" s="399">
        <v>0</v>
      </c>
      <c r="HS31" s="88">
        <v>12</v>
      </c>
      <c r="HT31" s="88">
        <v>12</v>
      </c>
      <c r="HU31" s="88">
        <v>5</v>
      </c>
      <c r="HV31" s="88">
        <v>4</v>
      </c>
      <c r="HW31" s="88">
        <v>2</v>
      </c>
      <c r="HX31" s="89">
        <v>35</v>
      </c>
      <c r="HY31" s="90">
        <v>50</v>
      </c>
      <c r="HZ31" s="87">
        <v>2</v>
      </c>
      <c r="IA31" s="88">
        <v>10</v>
      </c>
      <c r="IB31" s="89">
        <v>12</v>
      </c>
      <c r="IC31" s="399">
        <v>0</v>
      </c>
      <c r="ID31" s="88">
        <v>19</v>
      </c>
      <c r="IE31" s="88">
        <v>22</v>
      </c>
      <c r="IF31" s="88">
        <v>9</v>
      </c>
      <c r="IG31" s="88">
        <v>9</v>
      </c>
      <c r="IH31" s="88">
        <v>8</v>
      </c>
      <c r="II31" s="89">
        <v>67</v>
      </c>
      <c r="IJ31" s="90">
        <v>79</v>
      </c>
      <c r="IK31" s="87">
        <v>9</v>
      </c>
      <c r="IL31" s="88">
        <v>15</v>
      </c>
      <c r="IM31" s="89">
        <v>24</v>
      </c>
      <c r="IN31" s="399">
        <v>0</v>
      </c>
      <c r="IO31" s="88">
        <v>35</v>
      </c>
      <c r="IP31" s="88">
        <v>20</v>
      </c>
      <c r="IQ31" s="88">
        <v>23</v>
      </c>
      <c r="IR31" s="88">
        <v>14</v>
      </c>
      <c r="IS31" s="88">
        <v>8</v>
      </c>
      <c r="IT31" s="89">
        <v>100</v>
      </c>
      <c r="IU31" s="90">
        <v>124</v>
      </c>
      <c r="IV31" s="87">
        <v>3</v>
      </c>
      <c r="IW31" s="88">
        <v>19</v>
      </c>
      <c r="IX31" s="89">
        <v>22</v>
      </c>
      <c r="IY31" s="399">
        <v>0</v>
      </c>
      <c r="IZ31" s="88">
        <v>36</v>
      </c>
      <c r="JA31" s="88">
        <v>34</v>
      </c>
      <c r="JB31" s="88">
        <v>11</v>
      </c>
      <c r="JC31" s="88">
        <v>18</v>
      </c>
      <c r="JD31" s="88">
        <v>11</v>
      </c>
      <c r="JE31" s="89">
        <v>110</v>
      </c>
      <c r="JF31" s="90">
        <v>132</v>
      </c>
      <c r="JG31" s="87">
        <v>0</v>
      </c>
      <c r="JH31" s="88">
        <v>8</v>
      </c>
      <c r="JI31" s="89">
        <v>8</v>
      </c>
      <c r="JJ31" s="399">
        <v>0</v>
      </c>
      <c r="JK31" s="88">
        <v>18</v>
      </c>
      <c r="JL31" s="88">
        <v>31</v>
      </c>
      <c r="JM31" s="88">
        <v>23</v>
      </c>
      <c r="JN31" s="88">
        <v>23</v>
      </c>
      <c r="JO31" s="88">
        <v>15</v>
      </c>
      <c r="JP31" s="89">
        <v>110</v>
      </c>
      <c r="JQ31" s="90">
        <v>118</v>
      </c>
      <c r="JR31" s="87">
        <v>0</v>
      </c>
      <c r="JS31" s="88">
        <v>2</v>
      </c>
      <c r="JT31" s="89">
        <v>2</v>
      </c>
      <c r="JU31" s="399">
        <v>0</v>
      </c>
      <c r="JV31" s="88">
        <v>1</v>
      </c>
      <c r="JW31" s="88">
        <v>2</v>
      </c>
      <c r="JX31" s="88">
        <v>1</v>
      </c>
      <c r="JY31" s="88">
        <v>0</v>
      </c>
      <c r="JZ31" s="88">
        <v>4</v>
      </c>
      <c r="KA31" s="89">
        <v>8</v>
      </c>
      <c r="KB31" s="90">
        <v>10</v>
      </c>
      <c r="KC31" s="87">
        <v>19</v>
      </c>
      <c r="KD31" s="88">
        <v>67</v>
      </c>
      <c r="KE31" s="89">
        <v>86</v>
      </c>
      <c r="KF31" s="399">
        <v>0</v>
      </c>
      <c r="KG31" s="88">
        <v>127</v>
      </c>
      <c r="KH31" s="88">
        <v>122</v>
      </c>
      <c r="KI31" s="88">
        <v>75</v>
      </c>
      <c r="KJ31" s="88">
        <v>69</v>
      </c>
      <c r="KK31" s="88">
        <v>49</v>
      </c>
      <c r="KL31" s="89">
        <v>442</v>
      </c>
      <c r="KM31" s="90">
        <v>528</v>
      </c>
    </row>
    <row r="32" spans="2:299" s="56" customFormat="1" ht="21" customHeight="1" x14ac:dyDescent="0.2">
      <c r="B32" s="92" t="s">
        <v>29</v>
      </c>
      <c r="C32" s="82">
        <v>15</v>
      </c>
      <c r="D32" s="83">
        <v>23</v>
      </c>
      <c r="E32" s="84">
        <v>38</v>
      </c>
      <c r="F32" s="399">
        <v>0</v>
      </c>
      <c r="G32" s="83">
        <v>42</v>
      </c>
      <c r="H32" s="83">
        <v>57</v>
      </c>
      <c r="I32" s="83">
        <v>42</v>
      </c>
      <c r="J32" s="83">
        <v>30</v>
      </c>
      <c r="K32" s="83">
        <v>20</v>
      </c>
      <c r="L32" s="85">
        <v>191</v>
      </c>
      <c r="M32" s="86">
        <v>229</v>
      </c>
      <c r="N32" s="87">
        <v>2</v>
      </c>
      <c r="O32" s="88">
        <v>1</v>
      </c>
      <c r="P32" s="89">
        <v>3</v>
      </c>
      <c r="Q32" s="399">
        <v>0</v>
      </c>
      <c r="R32" s="88">
        <v>4</v>
      </c>
      <c r="S32" s="88">
        <v>5</v>
      </c>
      <c r="T32" s="88">
        <v>0</v>
      </c>
      <c r="U32" s="88">
        <v>1</v>
      </c>
      <c r="V32" s="88">
        <v>2</v>
      </c>
      <c r="W32" s="89">
        <v>12</v>
      </c>
      <c r="X32" s="90">
        <v>15</v>
      </c>
      <c r="Y32" s="87">
        <v>2</v>
      </c>
      <c r="Z32" s="88">
        <v>5</v>
      </c>
      <c r="AA32" s="89">
        <v>7</v>
      </c>
      <c r="AB32" s="399">
        <v>0</v>
      </c>
      <c r="AC32" s="88">
        <v>5</v>
      </c>
      <c r="AD32" s="88">
        <v>6</v>
      </c>
      <c r="AE32" s="88">
        <v>8</v>
      </c>
      <c r="AF32" s="88">
        <v>2</v>
      </c>
      <c r="AG32" s="88">
        <v>2</v>
      </c>
      <c r="AH32" s="89">
        <v>23</v>
      </c>
      <c r="AI32" s="90">
        <v>30</v>
      </c>
      <c r="AJ32" s="87">
        <v>1</v>
      </c>
      <c r="AK32" s="88">
        <v>0</v>
      </c>
      <c r="AL32" s="89">
        <v>1</v>
      </c>
      <c r="AM32" s="399">
        <v>0</v>
      </c>
      <c r="AN32" s="88">
        <v>12</v>
      </c>
      <c r="AO32" s="88">
        <v>9</v>
      </c>
      <c r="AP32" s="88">
        <v>8</v>
      </c>
      <c r="AQ32" s="88">
        <v>8</v>
      </c>
      <c r="AR32" s="88">
        <v>4</v>
      </c>
      <c r="AS32" s="89">
        <v>41</v>
      </c>
      <c r="AT32" s="90">
        <v>42</v>
      </c>
      <c r="AU32" s="87">
        <v>4</v>
      </c>
      <c r="AV32" s="88">
        <v>9</v>
      </c>
      <c r="AW32" s="89">
        <v>13</v>
      </c>
      <c r="AX32" s="399">
        <v>0</v>
      </c>
      <c r="AY32" s="88">
        <v>6</v>
      </c>
      <c r="AZ32" s="88">
        <v>13</v>
      </c>
      <c r="BA32" s="88">
        <v>10</v>
      </c>
      <c r="BB32" s="88">
        <v>7</v>
      </c>
      <c r="BC32" s="88">
        <v>3</v>
      </c>
      <c r="BD32" s="89">
        <v>39</v>
      </c>
      <c r="BE32" s="90">
        <v>52</v>
      </c>
      <c r="BF32" s="87">
        <v>3</v>
      </c>
      <c r="BG32" s="88">
        <v>6</v>
      </c>
      <c r="BH32" s="89">
        <v>9</v>
      </c>
      <c r="BI32" s="399">
        <v>0</v>
      </c>
      <c r="BJ32" s="88">
        <v>7</v>
      </c>
      <c r="BK32" s="88">
        <v>8</v>
      </c>
      <c r="BL32" s="88">
        <v>10</v>
      </c>
      <c r="BM32" s="88">
        <v>3</v>
      </c>
      <c r="BN32" s="88">
        <v>3</v>
      </c>
      <c r="BO32" s="89">
        <v>31</v>
      </c>
      <c r="BP32" s="90">
        <v>40</v>
      </c>
      <c r="BQ32" s="87">
        <v>3</v>
      </c>
      <c r="BR32" s="88">
        <v>2</v>
      </c>
      <c r="BS32" s="89">
        <v>5</v>
      </c>
      <c r="BT32" s="399">
        <v>0</v>
      </c>
      <c r="BU32" s="88">
        <v>8</v>
      </c>
      <c r="BV32" s="88">
        <v>16</v>
      </c>
      <c r="BW32" s="88">
        <v>6</v>
      </c>
      <c r="BX32" s="88">
        <v>9</v>
      </c>
      <c r="BY32" s="88">
        <v>6</v>
      </c>
      <c r="BZ32" s="89">
        <v>45</v>
      </c>
      <c r="CA32" s="90">
        <v>50</v>
      </c>
      <c r="CB32" s="87">
        <v>0</v>
      </c>
      <c r="CC32" s="88">
        <v>2</v>
      </c>
      <c r="CD32" s="89">
        <v>2</v>
      </c>
      <c r="CE32" s="399">
        <v>0</v>
      </c>
      <c r="CF32" s="88">
        <v>3</v>
      </c>
      <c r="CG32" s="88">
        <v>1</v>
      </c>
      <c r="CH32" s="88">
        <v>1</v>
      </c>
      <c r="CI32" s="88">
        <v>1</v>
      </c>
      <c r="CJ32" s="88">
        <v>3</v>
      </c>
      <c r="CK32" s="89">
        <v>9</v>
      </c>
      <c r="CL32" s="90">
        <v>11</v>
      </c>
      <c r="CM32" s="87">
        <v>15</v>
      </c>
      <c r="CN32" s="88">
        <v>25</v>
      </c>
      <c r="CO32" s="89">
        <v>40</v>
      </c>
      <c r="CP32" s="399">
        <v>0</v>
      </c>
      <c r="CQ32" s="88">
        <v>45</v>
      </c>
      <c r="CR32" s="88">
        <v>58</v>
      </c>
      <c r="CS32" s="88">
        <v>43</v>
      </c>
      <c r="CT32" s="88">
        <v>31</v>
      </c>
      <c r="CU32" s="88">
        <v>23</v>
      </c>
      <c r="CV32" s="89">
        <v>200</v>
      </c>
      <c r="CW32" s="90">
        <v>240</v>
      </c>
      <c r="CX32" s="91">
        <v>36</v>
      </c>
      <c r="CY32" s="83">
        <v>59</v>
      </c>
      <c r="CZ32" s="84">
        <v>95</v>
      </c>
      <c r="DA32" s="399">
        <v>0</v>
      </c>
      <c r="DB32" s="83">
        <v>95</v>
      </c>
      <c r="DC32" s="83">
        <v>92</v>
      </c>
      <c r="DD32" s="83">
        <v>76</v>
      </c>
      <c r="DE32" s="83">
        <v>93</v>
      </c>
      <c r="DF32" s="83">
        <v>46</v>
      </c>
      <c r="DG32" s="85">
        <v>402</v>
      </c>
      <c r="DH32" s="86">
        <v>497</v>
      </c>
      <c r="DI32" s="87">
        <v>3</v>
      </c>
      <c r="DJ32" s="88">
        <v>3</v>
      </c>
      <c r="DK32" s="89">
        <v>6</v>
      </c>
      <c r="DL32" s="399">
        <v>0</v>
      </c>
      <c r="DM32" s="88">
        <v>2</v>
      </c>
      <c r="DN32" s="88">
        <v>3</v>
      </c>
      <c r="DO32" s="88">
        <v>1</v>
      </c>
      <c r="DP32" s="88">
        <v>2</v>
      </c>
      <c r="DQ32" s="88">
        <v>2</v>
      </c>
      <c r="DR32" s="89">
        <v>10</v>
      </c>
      <c r="DS32" s="90">
        <v>16</v>
      </c>
      <c r="DT32" s="87">
        <v>2</v>
      </c>
      <c r="DU32" s="88">
        <v>8</v>
      </c>
      <c r="DV32" s="89">
        <v>10</v>
      </c>
      <c r="DW32" s="399">
        <v>0</v>
      </c>
      <c r="DX32" s="88">
        <v>4</v>
      </c>
      <c r="DY32" s="88">
        <v>6</v>
      </c>
      <c r="DZ32" s="88">
        <v>7</v>
      </c>
      <c r="EA32" s="88">
        <v>1</v>
      </c>
      <c r="EB32" s="88">
        <v>2</v>
      </c>
      <c r="EC32" s="89">
        <v>20</v>
      </c>
      <c r="ED32" s="90">
        <v>30</v>
      </c>
      <c r="EE32" s="87">
        <v>4</v>
      </c>
      <c r="EF32" s="88">
        <v>10</v>
      </c>
      <c r="EG32" s="89">
        <v>14</v>
      </c>
      <c r="EH32" s="399">
        <v>0</v>
      </c>
      <c r="EI32" s="88">
        <v>7</v>
      </c>
      <c r="EJ32" s="88">
        <v>10</v>
      </c>
      <c r="EK32" s="88">
        <v>3</v>
      </c>
      <c r="EL32" s="88">
        <v>9</v>
      </c>
      <c r="EM32" s="88">
        <v>7</v>
      </c>
      <c r="EN32" s="89">
        <v>36</v>
      </c>
      <c r="EO32" s="90">
        <v>50</v>
      </c>
      <c r="EP32" s="87">
        <v>10</v>
      </c>
      <c r="EQ32" s="88">
        <v>16</v>
      </c>
      <c r="ER32" s="89">
        <v>26</v>
      </c>
      <c r="ES32" s="399">
        <v>0</v>
      </c>
      <c r="ET32" s="88">
        <v>27</v>
      </c>
      <c r="EU32" s="88">
        <v>15</v>
      </c>
      <c r="EV32" s="88">
        <v>24</v>
      </c>
      <c r="EW32" s="88">
        <v>15</v>
      </c>
      <c r="EX32" s="88">
        <v>9</v>
      </c>
      <c r="EY32" s="89">
        <v>90</v>
      </c>
      <c r="EZ32" s="90">
        <v>116</v>
      </c>
      <c r="FA32" s="87">
        <v>12</v>
      </c>
      <c r="FB32" s="88">
        <v>13</v>
      </c>
      <c r="FC32" s="89">
        <v>25</v>
      </c>
      <c r="FD32" s="399">
        <v>0</v>
      </c>
      <c r="FE32" s="88">
        <v>20</v>
      </c>
      <c r="FF32" s="88">
        <v>34</v>
      </c>
      <c r="FG32" s="88">
        <v>21</v>
      </c>
      <c r="FH32" s="88">
        <v>24</v>
      </c>
      <c r="FI32" s="88">
        <v>10</v>
      </c>
      <c r="FJ32" s="89">
        <v>109</v>
      </c>
      <c r="FK32" s="90">
        <v>134</v>
      </c>
      <c r="FL32" s="87">
        <v>5</v>
      </c>
      <c r="FM32" s="88">
        <v>9</v>
      </c>
      <c r="FN32" s="89">
        <v>14</v>
      </c>
      <c r="FO32" s="399">
        <v>0</v>
      </c>
      <c r="FP32" s="88">
        <v>35</v>
      </c>
      <c r="FQ32" s="88">
        <v>24</v>
      </c>
      <c r="FR32" s="88">
        <v>20</v>
      </c>
      <c r="FS32" s="88">
        <v>42</v>
      </c>
      <c r="FT32" s="88">
        <v>16</v>
      </c>
      <c r="FU32" s="89">
        <v>137</v>
      </c>
      <c r="FV32" s="90">
        <v>151</v>
      </c>
      <c r="FW32" s="87">
        <v>1</v>
      </c>
      <c r="FX32" s="88">
        <v>1</v>
      </c>
      <c r="FY32" s="89">
        <v>2</v>
      </c>
      <c r="FZ32" s="399">
        <v>0</v>
      </c>
      <c r="GA32" s="88">
        <v>0</v>
      </c>
      <c r="GB32" s="88">
        <v>1</v>
      </c>
      <c r="GC32" s="88">
        <v>2</v>
      </c>
      <c r="GD32" s="88">
        <v>1</v>
      </c>
      <c r="GE32" s="88">
        <v>1</v>
      </c>
      <c r="GF32" s="89">
        <v>5</v>
      </c>
      <c r="GG32" s="90">
        <v>7</v>
      </c>
      <c r="GH32" s="87">
        <v>37</v>
      </c>
      <c r="GI32" s="88">
        <v>60</v>
      </c>
      <c r="GJ32" s="89">
        <v>97</v>
      </c>
      <c r="GK32" s="399">
        <v>0</v>
      </c>
      <c r="GL32" s="88">
        <v>95</v>
      </c>
      <c r="GM32" s="88">
        <v>93</v>
      </c>
      <c r="GN32" s="88">
        <v>78</v>
      </c>
      <c r="GO32" s="88">
        <v>94</v>
      </c>
      <c r="GP32" s="88">
        <v>47</v>
      </c>
      <c r="GQ32" s="89">
        <v>407</v>
      </c>
      <c r="GR32" s="90">
        <v>504</v>
      </c>
      <c r="GS32" s="91">
        <v>51</v>
      </c>
      <c r="GT32" s="83">
        <v>82</v>
      </c>
      <c r="GU32" s="84">
        <v>133</v>
      </c>
      <c r="GV32" s="399">
        <v>0</v>
      </c>
      <c r="GW32" s="83">
        <v>137</v>
      </c>
      <c r="GX32" s="83">
        <v>149</v>
      </c>
      <c r="GY32" s="83">
        <v>118</v>
      </c>
      <c r="GZ32" s="83">
        <v>123</v>
      </c>
      <c r="HA32" s="83">
        <v>66</v>
      </c>
      <c r="HB32" s="85">
        <v>593</v>
      </c>
      <c r="HC32" s="86">
        <v>726</v>
      </c>
      <c r="HD32" s="87">
        <v>5</v>
      </c>
      <c r="HE32" s="88">
        <v>4</v>
      </c>
      <c r="HF32" s="89">
        <v>9</v>
      </c>
      <c r="HG32" s="402">
        <v>0</v>
      </c>
      <c r="HH32" s="88">
        <v>6</v>
      </c>
      <c r="HI32" s="88">
        <v>8</v>
      </c>
      <c r="HJ32" s="88">
        <v>1</v>
      </c>
      <c r="HK32" s="88">
        <v>3</v>
      </c>
      <c r="HL32" s="88">
        <v>4</v>
      </c>
      <c r="HM32" s="89">
        <v>22</v>
      </c>
      <c r="HN32" s="90">
        <v>31</v>
      </c>
      <c r="HO32" s="87">
        <v>4</v>
      </c>
      <c r="HP32" s="88">
        <v>13</v>
      </c>
      <c r="HQ32" s="89">
        <v>17</v>
      </c>
      <c r="HR32" s="399">
        <v>0</v>
      </c>
      <c r="HS32" s="88">
        <v>9</v>
      </c>
      <c r="HT32" s="88">
        <v>12</v>
      </c>
      <c r="HU32" s="88">
        <v>15</v>
      </c>
      <c r="HV32" s="88">
        <v>3</v>
      </c>
      <c r="HW32" s="88">
        <v>4</v>
      </c>
      <c r="HX32" s="89">
        <v>43</v>
      </c>
      <c r="HY32" s="90">
        <v>60</v>
      </c>
      <c r="HZ32" s="87">
        <v>5</v>
      </c>
      <c r="IA32" s="88">
        <v>10</v>
      </c>
      <c r="IB32" s="89">
        <v>15</v>
      </c>
      <c r="IC32" s="399">
        <v>0</v>
      </c>
      <c r="ID32" s="88">
        <v>19</v>
      </c>
      <c r="IE32" s="88">
        <v>19</v>
      </c>
      <c r="IF32" s="88">
        <v>11</v>
      </c>
      <c r="IG32" s="88">
        <v>17</v>
      </c>
      <c r="IH32" s="88">
        <v>11</v>
      </c>
      <c r="II32" s="89">
        <v>77</v>
      </c>
      <c r="IJ32" s="90">
        <v>92</v>
      </c>
      <c r="IK32" s="87">
        <v>14</v>
      </c>
      <c r="IL32" s="88">
        <v>25</v>
      </c>
      <c r="IM32" s="89">
        <v>39</v>
      </c>
      <c r="IN32" s="399">
        <v>0</v>
      </c>
      <c r="IO32" s="88">
        <v>33</v>
      </c>
      <c r="IP32" s="88">
        <v>28</v>
      </c>
      <c r="IQ32" s="88">
        <v>34</v>
      </c>
      <c r="IR32" s="88">
        <v>22</v>
      </c>
      <c r="IS32" s="88">
        <v>12</v>
      </c>
      <c r="IT32" s="89">
        <v>129</v>
      </c>
      <c r="IU32" s="90">
        <v>168</v>
      </c>
      <c r="IV32" s="87">
        <v>15</v>
      </c>
      <c r="IW32" s="88">
        <v>19</v>
      </c>
      <c r="IX32" s="89">
        <v>34</v>
      </c>
      <c r="IY32" s="399">
        <v>0</v>
      </c>
      <c r="IZ32" s="88">
        <v>27</v>
      </c>
      <c r="JA32" s="88">
        <v>42</v>
      </c>
      <c r="JB32" s="88">
        <v>31</v>
      </c>
      <c r="JC32" s="88">
        <v>27</v>
      </c>
      <c r="JD32" s="88">
        <v>13</v>
      </c>
      <c r="JE32" s="89">
        <v>140</v>
      </c>
      <c r="JF32" s="90">
        <v>174</v>
      </c>
      <c r="JG32" s="87">
        <v>8</v>
      </c>
      <c r="JH32" s="88">
        <v>11</v>
      </c>
      <c r="JI32" s="89">
        <v>19</v>
      </c>
      <c r="JJ32" s="399">
        <v>0</v>
      </c>
      <c r="JK32" s="88">
        <v>43</v>
      </c>
      <c r="JL32" s="88">
        <v>40</v>
      </c>
      <c r="JM32" s="88">
        <v>26</v>
      </c>
      <c r="JN32" s="88">
        <v>51</v>
      </c>
      <c r="JO32" s="88">
        <v>22</v>
      </c>
      <c r="JP32" s="89">
        <v>182</v>
      </c>
      <c r="JQ32" s="90">
        <v>201</v>
      </c>
      <c r="JR32" s="87">
        <v>1</v>
      </c>
      <c r="JS32" s="88">
        <v>3</v>
      </c>
      <c r="JT32" s="89">
        <v>4</v>
      </c>
      <c r="JU32" s="399">
        <v>0</v>
      </c>
      <c r="JV32" s="88">
        <v>3</v>
      </c>
      <c r="JW32" s="88">
        <v>2</v>
      </c>
      <c r="JX32" s="88">
        <v>3</v>
      </c>
      <c r="JY32" s="88">
        <v>2</v>
      </c>
      <c r="JZ32" s="88">
        <v>4</v>
      </c>
      <c r="KA32" s="89">
        <v>14</v>
      </c>
      <c r="KB32" s="90">
        <v>18</v>
      </c>
      <c r="KC32" s="87">
        <v>52</v>
      </c>
      <c r="KD32" s="88">
        <v>85</v>
      </c>
      <c r="KE32" s="89">
        <v>137</v>
      </c>
      <c r="KF32" s="399">
        <v>0</v>
      </c>
      <c r="KG32" s="88">
        <v>140</v>
      </c>
      <c r="KH32" s="88">
        <v>151</v>
      </c>
      <c r="KI32" s="88">
        <v>121</v>
      </c>
      <c r="KJ32" s="88">
        <v>125</v>
      </c>
      <c r="KK32" s="88">
        <v>70</v>
      </c>
      <c r="KL32" s="89">
        <v>607</v>
      </c>
      <c r="KM32" s="90">
        <v>744</v>
      </c>
    </row>
    <row r="33" spans="2:299" s="56" customFormat="1" ht="21" customHeight="1" x14ac:dyDescent="0.2">
      <c r="B33" s="92" t="s">
        <v>30</v>
      </c>
      <c r="C33" s="82">
        <v>28</v>
      </c>
      <c r="D33" s="83">
        <v>16</v>
      </c>
      <c r="E33" s="84">
        <v>44</v>
      </c>
      <c r="F33" s="399">
        <v>0</v>
      </c>
      <c r="G33" s="83">
        <v>42</v>
      </c>
      <c r="H33" s="83">
        <v>32</v>
      </c>
      <c r="I33" s="83">
        <v>31</v>
      </c>
      <c r="J33" s="83">
        <v>26</v>
      </c>
      <c r="K33" s="83">
        <v>11</v>
      </c>
      <c r="L33" s="85">
        <v>142</v>
      </c>
      <c r="M33" s="86">
        <v>186</v>
      </c>
      <c r="N33" s="87">
        <v>3</v>
      </c>
      <c r="O33" s="88">
        <v>2</v>
      </c>
      <c r="P33" s="89">
        <v>5</v>
      </c>
      <c r="Q33" s="399">
        <v>0</v>
      </c>
      <c r="R33" s="88">
        <v>1</v>
      </c>
      <c r="S33" s="88">
        <v>1</v>
      </c>
      <c r="T33" s="88">
        <v>1</v>
      </c>
      <c r="U33" s="88">
        <v>1</v>
      </c>
      <c r="V33" s="88">
        <v>2</v>
      </c>
      <c r="W33" s="89">
        <v>6</v>
      </c>
      <c r="X33" s="90">
        <v>11</v>
      </c>
      <c r="Y33" s="87">
        <v>7</v>
      </c>
      <c r="Z33" s="88">
        <v>2</v>
      </c>
      <c r="AA33" s="89">
        <v>9</v>
      </c>
      <c r="AB33" s="399">
        <v>0</v>
      </c>
      <c r="AC33" s="88">
        <v>6</v>
      </c>
      <c r="AD33" s="88">
        <v>6</v>
      </c>
      <c r="AE33" s="88">
        <v>1</v>
      </c>
      <c r="AF33" s="88">
        <v>6</v>
      </c>
      <c r="AG33" s="88">
        <v>0</v>
      </c>
      <c r="AH33" s="89">
        <v>19</v>
      </c>
      <c r="AI33" s="90">
        <v>28</v>
      </c>
      <c r="AJ33" s="87">
        <v>5</v>
      </c>
      <c r="AK33" s="88">
        <v>3</v>
      </c>
      <c r="AL33" s="89">
        <v>8</v>
      </c>
      <c r="AM33" s="399">
        <v>0</v>
      </c>
      <c r="AN33" s="88">
        <v>5</v>
      </c>
      <c r="AO33" s="88">
        <v>6</v>
      </c>
      <c r="AP33" s="88">
        <v>6</v>
      </c>
      <c r="AQ33" s="88">
        <v>7</v>
      </c>
      <c r="AR33" s="88">
        <v>1</v>
      </c>
      <c r="AS33" s="89">
        <v>25</v>
      </c>
      <c r="AT33" s="90">
        <v>33</v>
      </c>
      <c r="AU33" s="87">
        <v>5</v>
      </c>
      <c r="AV33" s="88">
        <v>2</v>
      </c>
      <c r="AW33" s="89">
        <v>7</v>
      </c>
      <c r="AX33" s="399">
        <v>0</v>
      </c>
      <c r="AY33" s="88">
        <v>14</v>
      </c>
      <c r="AZ33" s="88">
        <v>8</v>
      </c>
      <c r="BA33" s="88">
        <v>7</v>
      </c>
      <c r="BB33" s="88">
        <v>4</v>
      </c>
      <c r="BC33" s="88">
        <v>3</v>
      </c>
      <c r="BD33" s="89">
        <v>36</v>
      </c>
      <c r="BE33" s="90">
        <v>43</v>
      </c>
      <c r="BF33" s="87">
        <v>4</v>
      </c>
      <c r="BG33" s="88">
        <v>3</v>
      </c>
      <c r="BH33" s="89">
        <v>7</v>
      </c>
      <c r="BI33" s="399">
        <v>0</v>
      </c>
      <c r="BJ33" s="88">
        <v>11</v>
      </c>
      <c r="BK33" s="88">
        <v>5</v>
      </c>
      <c r="BL33" s="88">
        <v>7</v>
      </c>
      <c r="BM33" s="88">
        <v>2</v>
      </c>
      <c r="BN33" s="88">
        <v>2</v>
      </c>
      <c r="BO33" s="89">
        <v>27</v>
      </c>
      <c r="BP33" s="90">
        <v>34</v>
      </c>
      <c r="BQ33" s="87">
        <v>4</v>
      </c>
      <c r="BR33" s="88">
        <v>4</v>
      </c>
      <c r="BS33" s="89">
        <v>8</v>
      </c>
      <c r="BT33" s="399">
        <v>0</v>
      </c>
      <c r="BU33" s="88">
        <v>5</v>
      </c>
      <c r="BV33" s="88">
        <v>6</v>
      </c>
      <c r="BW33" s="88">
        <v>9</v>
      </c>
      <c r="BX33" s="88">
        <v>6</v>
      </c>
      <c r="BY33" s="88">
        <v>3</v>
      </c>
      <c r="BZ33" s="89">
        <v>29</v>
      </c>
      <c r="CA33" s="90">
        <v>37</v>
      </c>
      <c r="CB33" s="87">
        <v>0</v>
      </c>
      <c r="CC33" s="88">
        <v>1</v>
      </c>
      <c r="CD33" s="89">
        <v>1</v>
      </c>
      <c r="CE33" s="399">
        <v>0</v>
      </c>
      <c r="CF33" s="88">
        <v>1</v>
      </c>
      <c r="CG33" s="88">
        <v>3</v>
      </c>
      <c r="CH33" s="88">
        <v>1</v>
      </c>
      <c r="CI33" s="88">
        <v>1</v>
      </c>
      <c r="CJ33" s="88">
        <v>0</v>
      </c>
      <c r="CK33" s="89">
        <v>6</v>
      </c>
      <c r="CL33" s="90">
        <v>7</v>
      </c>
      <c r="CM33" s="87">
        <v>28</v>
      </c>
      <c r="CN33" s="88">
        <v>17</v>
      </c>
      <c r="CO33" s="89">
        <v>45</v>
      </c>
      <c r="CP33" s="399">
        <v>0</v>
      </c>
      <c r="CQ33" s="88">
        <v>43</v>
      </c>
      <c r="CR33" s="88">
        <v>35</v>
      </c>
      <c r="CS33" s="88">
        <v>32</v>
      </c>
      <c r="CT33" s="88">
        <v>27</v>
      </c>
      <c r="CU33" s="88">
        <v>11</v>
      </c>
      <c r="CV33" s="89">
        <v>148</v>
      </c>
      <c r="CW33" s="90">
        <v>193</v>
      </c>
      <c r="CX33" s="91">
        <v>39</v>
      </c>
      <c r="CY33" s="83">
        <v>33</v>
      </c>
      <c r="CZ33" s="84">
        <v>72</v>
      </c>
      <c r="DA33" s="399">
        <v>0</v>
      </c>
      <c r="DB33" s="83">
        <v>104</v>
      </c>
      <c r="DC33" s="83">
        <v>69</v>
      </c>
      <c r="DD33" s="83">
        <v>65</v>
      </c>
      <c r="DE33" s="83">
        <v>68</v>
      </c>
      <c r="DF33" s="83">
        <v>41</v>
      </c>
      <c r="DG33" s="85">
        <v>347</v>
      </c>
      <c r="DH33" s="86">
        <v>419</v>
      </c>
      <c r="DI33" s="87">
        <v>1</v>
      </c>
      <c r="DJ33" s="88">
        <v>1</v>
      </c>
      <c r="DK33" s="89">
        <v>2</v>
      </c>
      <c r="DL33" s="399">
        <v>0</v>
      </c>
      <c r="DM33" s="88">
        <v>1</v>
      </c>
      <c r="DN33" s="88">
        <v>0</v>
      </c>
      <c r="DO33" s="88">
        <v>0</v>
      </c>
      <c r="DP33" s="88">
        <v>2</v>
      </c>
      <c r="DQ33" s="88">
        <v>1</v>
      </c>
      <c r="DR33" s="89">
        <v>4</v>
      </c>
      <c r="DS33" s="90">
        <v>6</v>
      </c>
      <c r="DT33" s="87">
        <v>6</v>
      </c>
      <c r="DU33" s="88">
        <v>1</v>
      </c>
      <c r="DV33" s="89">
        <v>7</v>
      </c>
      <c r="DW33" s="399">
        <v>0</v>
      </c>
      <c r="DX33" s="88">
        <v>2</v>
      </c>
      <c r="DY33" s="88">
        <v>4</v>
      </c>
      <c r="DZ33" s="88">
        <v>1</v>
      </c>
      <c r="EA33" s="88">
        <v>3</v>
      </c>
      <c r="EB33" s="88">
        <v>2</v>
      </c>
      <c r="EC33" s="89">
        <v>12</v>
      </c>
      <c r="ED33" s="90">
        <v>19</v>
      </c>
      <c r="EE33" s="87">
        <v>6</v>
      </c>
      <c r="EF33" s="88">
        <v>5</v>
      </c>
      <c r="EG33" s="89">
        <v>11</v>
      </c>
      <c r="EH33" s="399">
        <v>0</v>
      </c>
      <c r="EI33" s="88">
        <v>9</v>
      </c>
      <c r="EJ33" s="88">
        <v>7</v>
      </c>
      <c r="EK33" s="88">
        <v>8</v>
      </c>
      <c r="EL33" s="88">
        <v>3</v>
      </c>
      <c r="EM33" s="88">
        <v>2</v>
      </c>
      <c r="EN33" s="89">
        <v>29</v>
      </c>
      <c r="EO33" s="90">
        <v>40</v>
      </c>
      <c r="EP33" s="87">
        <v>14</v>
      </c>
      <c r="EQ33" s="88">
        <v>8</v>
      </c>
      <c r="ER33" s="89">
        <v>22</v>
      </c>
      <c r="ES33" s="399">
        <v>0</v>
      </c>
      <c r="ET33" s="88">
        <v>29</v>
      </c>
      <c r="EU33" s="88">
        <v>15</v>
      </c>
      <c r="EV33" s="88">
        <v>13</v>
      </c>
      <c r="EW33" s="88">
        <v>9</v>
      </c>
      <c r="EX33" s="88">
        <v>8</v>
      </c>
      <c r="EY33" s="89">
        <v>74</v>
      </c>
      <c r="EZ33" s="90">
        <v>96</v>
      </c>
      <c r="FA33" s="87">
        <v>9</v>
      </c>
      <c r="FB33" s="88">
        <v>11</v>
      </c>
      <c r="FC33" s="89">
        <v>20</v>
      </c>
      <c r="FD33" s="399">
        <v>0</v>
      </c>
      <c r="FE33" s="88">
        <v>25</v>
      </c>
      <c r="FF33" s="88">
        <v>18</v>
      </c>
      <c r="FG33" s="88">
        <v>7</v>
      </c>
      <c r="FH33" s="88">
        <v>15</v>
      </c>
      <c r="FI33" s="88">
        <v>11</v>
      </c>
      <c r="FJ33" s="89">
        <v>76</v>
      </c>
      <c r="FK33" s="90">
        <v>96</v>
      </c>
      <c r="FL33" s="87">
        <v>3</v>
      </c>
      <c r="FM33" s="88">
        <v>7</v>
      </c>
      <c r="FN33" s="89">
        <v>10</v>
      </c>
      <c r="FO33" s="399">
        <v>0</v>
      </c>
      <c r="FP33" s="88">
        <v>38</v>
      </c>
      <c r="FQ33" s="88">
        <v>25</v>
      </c>
      <c r="FR33" s="88">
        <v>36</v>
      </c>
      <c r="FS33" s="88">
        <v>36</v>
      </c>
      <c r="FT33" s="88">
        <v>17</v>
      </c>
      <c r="FU33" s="89">
        <v>152</v>
      </c>
      <c r="FV33" s="90">
        <v>162</v>
      </c>
      <c r="FW33" s="87">
        <v>0</v>
      </c>
      <c r="FX33" s="88">
        <v>0</v>
      </c>
      <c r="FY33" s="89">
        <v>0</v>
      </c>
      <c r="FZ33" s="399">
        <v>0</v>
      </c>
      <c r="GA33" s="88">
        <v>0</v>
      </c>
      <c r="GB33" s="88">
        <v>1</v>
      </c>
      <c r="GC33" s="88">
        <v>1</v>
      </c>
      <c r="GD33" s="88">
        <v>0</v>
      </c>
      <c r="GE33" s="88">
        <v>2</v>
      </c>
      <c r="GF33" s="89">
        <v>4</v>
      </c>
      <c r="GG33" s="90">
        <v>4</v>
      </c>
      <c r="GH33" s="87">
        <v>39</v>
      </c>
      <c r="GI33" s="88">
        <v>33</v>
      </c>
      <c r="GJ33" s="89">
        <v>72</v>
      </c>
      <c r="GK33" s="399">
        <v>0</v>
      </c>
      <c r="GL33" s="88">
        <v>104</v>
      </c>
      <c r="GM33" s="88">
        <v>70</v>
      </c>
      <c r="GN33" s="88">
        <v>66</v>
      </c>
      <c r="GO33" s="88">
        <v>68</v>
      </c>
      <c r="GP33" s="88">
        <v>43</v>
      </c>
      <c r="GQ33" s="89">
        <v>351</v>
      </c>
      <c r="GR33" s="90">
        <v>423</v>
      </c>
      <c r="GS33" s="91">
        <v>67</v>
      </c>
      <c r="GT33" s="83">
        <v>49</v>
      </c>
      <c r="GU33" s="84">
        <v>116</v>
      </c>
      <c r="GV33" s="399">
        <v>0</v>
      </c>
      <c r="GW33" s="83">
        <v>146</v>
      </c>
      <c r="GX33" s="83">
        <v>101</v>
      </c>
      <c r="GY33" s="83">
        <v>96</v>
      </c>
      <c r="GZ33" s="83">
        <v>94</v>
      </c>
      <c r="HA33" s="83">
        <v>52</v>
      </c>
      <c r="HB33" s="85">
        <v>489</v>
      </c>
      <c r="HC33" s="86">
        <v>605</v>
      </c>
      <c r="HD33" s="87">
        <v>4</v>
      </c>
      <c r="HE33" s="88">
        <v>3</v>
      </c>
      <c r="HF33" s="89">
        <v>7</v>
      </c>
      <c r="HG33" s="402">
        <v>0</v>
      </c>
      <c r="HH33" s="88">
        <v>2</v>
      </c>
      <c r="HI33" s="88">
        <v>1</v>
      </c>
      <c r="HJ33" s="88">
        <v>1</v>
      </c>
      <c r="HK33" s="88">
        <v>3</v>
      </c>
      <c r="HL33" s="88">
        <v>3</v>
      </c>
      <c r="HM33" s="89">
        <v>10</v>
      </c>
      <c r="HN33" s="90">
        <v>17</v>
      </c>
      <c r="HO33" s="87">
        <v>13</v>
      </c>
      <c r="HP33" s="88">
        <v>3</v>
      </c>
      <c r="HQ33" s="89">
        <v>16</v>
      </c>
      <c r="HR33" s="399">
        <v>0</v>
      </c>
      <c r="HS33" s="88">
        <v>8</v>
      </c>
      <c r="HT33" s="88">
        <v>10</v>
      </c>
      <c r="HU33" s="88">
        <v>2</v>
      </c>
      <c r="HV33" s="88">
        <v>9</v>
      </c>
      <c r="HW33" s="88">
        <v>2</v>
      </c>
      <c r="HX33" s="89">
        <v>31</v>
      </c>
      <c r="HY33" s="90">
        <v>47</v>
      </c>
      <c r="HZ33" s="87">
        <v>11</v>
      </c>
      <c r="IA33" s="88">
        <v>8</v>
      </c>
      <c r="IB33" s="89">
        <v>19</v>
      </c>
      <c r="IC33" s="399">
        <v>0</v>
      </c>
      <c r="ID33" s="88">
        <v>14</v>
      </c>
      <c r="IE33" s="88">
        <v>13</v>
      </c>
      <c r="IF33" s="88">
        <v>14</v>
      </c>
      <c r="IG33" s="88">
        <v>10</v>
      </c>
      <c r="IH33" s="88">
        <v>3</v>
      </c>
      <c r="II33" s="89">
        <v>54</v>
      </c>
      <c r="IJ33" s="90">
        <v>73</v>
      </c>
      <c r="IK33" s="87">
        <v>19</v>
      </c>
      <c r="IL33" s="88">
        <v>10</v>
      </c>
      <c r="IM33" s="89">
        <v>29</v>
      </c>
      <c r="IN33" s="399">
        <v>0</v>
      </c>
      <c r="IO33" s="88">
        <v>43</v>
      </c>
      <c r="IP33" s="88">
        <v>23</v>
      </c>
      <c r="IQ33" s="88">
        <v>20</v>
      </c>
      <c r="IR33" s="88">
        <v>13</v>
      </c>
      <c r="IS33" s="88">
        <v>11</v>
      </c>
      <c r="IT33" s="89">
        <v>110</v>
      </c>
      <c r="IU33" s="90">
        <v>139</v>
      </c>
      <c r="IV33" s="87">
        <v>13</v>
      </c>
      <c r="IW33" s="88">
        <v>14</v>
      </c>
      <c r="IX33" s="89">
        <v>27</v>
      </c>
      <c r="IY33" s="399">
        <v>0</v>
      </c>
      <c r="IZ33" s="88">
        <v>36</v>
      </c>
      <c r="JA33" s="88">
        <v>23</v>
      </c>
      <c r="JB33" s="88">
        <v>14</v>
      </c>
      <c r="JC33" s="88">
        <v>17</v>
      </c>
      <c r="JD33" s="88">
        <v>13</v>
      </c>
      <c r="JE33" s="89">
        <v>103</v>
      </c>
      <c r="JF33" s="90">
        <v>130</v>
      </c>
      <c r="JG33" s="87">
        <v>7</v>
      </c>
      <c r="JH33" s="88">
        <v>11</v>
      </c>
      <c r="JI33" s="89">
        <v>18</v>
      </c>
      <c r="JJ33" s="399">
        <v>0</v>
      </c>
      <c r="JK33" s="88">
        <v>43</v>
      </c>
      <c r="JL33" s="88">
        <v>31</v>
      </c>
      <c r="JM33" s="88">
        <v>45</v>
      </c>
      <c r="JN33" s="88">
        <v>42</v>
      </c>
      <c r="JO33" s="88">
        <v>20</v>
      </c>
      <c r="JP33" s="89">
        <v>181</v>
      </c>
      <c r="JQ33" s="90">
        <v>199</v>
      </c>
      <c r="JR33" s="87">
        <v>0</v>
      </c>
      <c r="JS33" s="88">
        <v>1</v>
      </c>
      <c r="JT33" s="89">
        <v>1</v>
      </c>
      <c r="JU33" s="399">
        <v>0</v>
      </c>
      <c r="JV33" s="88">
        <v>1</v>
      </c>
      <c r="JW33" s="88">
        <v>4</v>
      </c>
      <c r="JX33" s="88">
        <v>2</v>
      </c>
      <c r="JY33" s="88">
        <v>1</v>
      </c>
      <c r="JZ33" s="88">
        <v>2</v>
      </c>
      <c r="KA33" s="89">
        <v>10</v>
      </c>
      <c r="KB33" s="90">
        <v>11</v>
      </c>
      <c r="KC33" s="87">
        <v>67</v>
      </c>
      <c r="KD33" s="88">
        <v>50</v>
      </c>
      <c r="KE33" s="89">
        <v>117</v>
      </c>
      <c r="KF33" s="399">
        <v>0</v>
      </c>
      <c r="KG33" s="88">
        <v>147</v>
      </c>
      <c r="KH33" s="88">
        <v>105</v>
      </c>
      <c r="KI33" s="88">
        <v>98</v>
      </c>
      <c r="KJ33" s="88">
        <v>95</v>
      </c>
      <c r="KK33" s="88">
        <v>54</v>
      </c>
      <c r="KL33" s="89">
        <v>499</v>
      </c>
      <c r="KM33" s="90">
        <v>616</v>
      </c>
    </row>
    <row r="34" spans="2:299" s="56" customFormat="1" ht="21" customHeight="1" x14ac:dyDescent="0.2">
      <c r="B34" s="92" t="s">
        <v>31</v>
      </c>
      <c r="C34" s="82">
        <v>25</v>
      </c>
      <c r="D34" s="83">
        <v>35</v>
      </c>
      <c r="E34" s="84">
        <v>60</v>
      </c>
      <c r="F34" s="399">
        <v>0</v>
      </c>
      <c r="G34" s="83">
        <v>47</v>
      </c>
      <c r="H34" s="83">
        <v>51</v>
      </c>
      <c r="I34" s="83">
        <v>47</v>
      </c>
      <c r="J34" s="83">
        <v>33</v>
      </c>
      <c r="K34" s="83">
        <v>15</v>
      </c>
      <c r="L34" s="85">
        <v>193</v>
      </c>
      <c r="M34" s="86">
        <v>253</v>
      </c>
      <c r="N34" s="87">
        <v>3</v>
      </c>
      <c r="O34" s="88">
        <v>2</v>
      </c>
      <c r="P34" s="89">
        <v>5</v>
      </c>
      <c r="Q34" s="399">
        <v>0</v>
      </c>
      <c r="R34" s="88">
        <v>1</v>
      </c>
      <c r="S34" s="88">
        <v>3</v>
      </c>
      <c r="T34" s="88">
        <v>3</v>
      </c>
      <c r="U34" s="88">
        <v>1</v>
      </c>
      <c r="V34" s="88">
        <v>1</v>
      </c>
      <c r="W34" s="89">
        <v>9</v>
      </c>
      <c r="X34" s="90">
        <v>14</v>
      </c>
      <c r="Y34" s="87">
        <v>3</v>
      </c>
      <c r="Z34" s="88">
        <v>4</v>
      </c>
      <c r="AA34" s="89">
        <v>7</v>
      </c>
      <c r="AB34" s="399">
        <v>0</v>
      </c>
      <c r="AC34" s="88">
        <v>7</v>
      </c>
      <c r="AD34" s="88">
        <v>7</v>
      </c>
      <c r="AE34" s="88">
        <v>6</v>
      </c>
      <c r="AF34" s="88">
        <v>5</v>
      </c>
      <c r="AG34" s="88">
        <v>3</v>
      </c>
      <c r="AH34" s="89">
        <v>28</v>
      </c>
      <c r="AI34" s="90">
        <v>35</v>
      </c>
      <c r="AJ34" s="87">
        <v>5</v>
      </c>
      <c r="AK34" s="88">
        <v>7</v>
      </c>
      <c r="AL34" s="89">
        <v>12</v>
      </c>
      <c r="AM34" s="399">
        <v>0</v>
      </c>
      <c r="AN34" s="88">
        <v>10</v>
      </c>
      <c r="AO34" s="88">
        <v>10</v>
      </c>
      <c r="AP34" s="88">
        <v>6</v>
      </c>
      <c r="AQ34" s="88">
        <v>5</v>
      </c>
      <c r="AR34" s="88">
        <v>6</v>
      </c>
      <c r="AS34" s="89">
        <v>37</v>
      </c>
      <c r="AT34" s="90">
        <v>49</v>
      </c>
      <c r="AU34" s="87">
        <v>5</v>
      </c>
      <c r="AV34" s="88">
        <v>8</v>
      </c>
      <c r="AW34" s="89">
        <v>13</v>
      </c>
      <c r="AX34" s="399">
        <v>0</v>
      </c>
      <c r="AY34" s="88">
        <v>11</v>
      </c>
      <c r="AZ34" s="88">
        <v>10</v>
      </c>
      <c r="BA34" s="88">
        <v>7</v>
      </c>
      <c r="BB34" s="88">
        <v>4</v>
      </c>
      <c r="BC34" s="88">
        <v>2</v>
      </c>
      <c r="BD34" s="89">
        <v>34</v>
      </c>
      <c r="BE34" s="90">
        <v>47</v>
      </c>
      <c r="BF34" s="87">
        <v>5</v>
      </c>
      <c r="BG34" s="88">
        <v>10</v>
      </c>
      <c r="BH34" s="89">
        <v>15</v>
      </c>
      <c r="BI34" s="399">
        <v>0</v>
      </c>
      <c r="BJ34" s="88">
        <v>10</v>
      </c>
      <c r="BK34" s="88">
        <v>14</v>
      </c>
      <c r="BL34" s="88">
        <v>10</v>
      </c>
      <c r="BM34" s="88">
        <v>8</v>
      </c>
      <c r="BN34" s="88">
        <v>1</v>
      </c>
      <c r="BO34" s="89">
        <v>43</v>
      </c>
      <c r="BP34" s="90">
        <v>58</v>
      </c>
      <c r="BQ34" s="87">
        <v>4</v>
      </c>
      <c r="BR34" s="88">
        <v>4</v>
      </c>
      <c r="BS34" s="89">
        <v>8</v>
      </c>
      <c r="BT34" s="399">
        <v>0</v>
      </c>
      <c r="BU34" s="88">
        <v>8</v>
      </c>
      <c r="BV34" s="88">
        <v>7</v>
      </c>
      <c r="BW34" s="88">
        <v>15</v>
      </c>
      <c r="BX34" s="88">
        <v>10</v>
      </c>
      <c r="BY34" s="88">
        <v>2</v>
      </c>
      <c r="BZ34" s="89">
        <v>42</v>
      </c>
      <c r="CA34" s="90">
        <v>50</v>
      </c>
      <c r="CB34" s="87">
        <v>0</v>
      </c>
      <c r="CC34" s="88">
        <v>3</v>
      </c>
      <c r="CD34" s="89">
        <v>3</v>
      </c>
      <c r="CE34" s="399">
        <v>0</v>
      </c>
      <c r="CF34" s="88">
        <v>1</v>
      </c>
      <c r="CG34" s="88">
        <v>0</v>
      </c>
      <c r="CH34" s="88">
        <v>1</v>
      </c>
      <c r="CI34" s="88">
        <v>1</v>
      </c>
      <c r="CJ34" s="88">
        <v>1</v>
      </c>
      <c r="CK34" s="89">
        <v>4</v>
      </c>
      <c r="CL34" s="90">
        <v>7</v>
      </c>
      <c r="CM34" s="87">
        <v>25</v>
      </c>
      <c r="CN34" s="88">
        <v>38</v>
      </c>
      <c r="CO34" s="89">
        <v>63</v>
      </c>
      <c r="CP34" s="399">
        <v>0</v>
      </c>
      <c r="CQ34" s="88">
        <v>48</v>
      </c>
      <c r="CR34" s="88">
        <v>51</v>
      </c>
      <c r="CS34" s="88">
        <v>48</v>
      </c>
      <c r="CT34" s="88">
        <v>34</v>
      </c>
      <c r="CU34" s="88">
        <v>16</v>
      </c>
      <c r="CV34" s="89">
        <v>197</v>
      </c>
      <c r="CW34" s="90">
        <v>260</v>
      </c>
      <c r="CX34" s="91">
        <v>50</v>
      </c>
      <c r="CY34" s="83">
        <v>98</v>
      </c>
      <c r="CZ34" s="84">
        <v>148</v>
      </c>
      <c r="DA34" s="399">
        <v>0</v>
      </c>
      <c r="DB34" s="83">
        <v>103</v>
      </c>
      <c r="DC34" s="83">
        <v>85</v>
      </c>
      <c r="DD34" s="83">
        <v>83</v>
      </c>
      <c r="DE34" s="83">
        <v>55</v>
      </c>
      <c r="DF34" s="83">
        <v>33</v>
      </c>
      <c r="DG34" s="85">
        <v>359</v>
      </c>
      <c r="DH34" s="86">
        <v>507</v>
      </c>
      <c r="DI34" s="87">
        <v>1</v>
      </c>
      <c r="DJ34" s="88">
        <v>0</v>
      </c>
      <c r="DK34" s="89">
        <v>1</v>
      </c>
      <c r="DL34" s="399">
        <v>0</v>
      </c>
      <c r="DM34" s="88">
        <v>3</v>
      </c>
      <c r="DN34" s="88">
        <v>2</v>
      </c>
      <c r="DO34" s="88">
        <v>2</v>
      </c>
      <c r="DP34" s="88">
        <v>1</v>
      </c>
      <c r="DQ34" s="88">
        <v>1</v>
      </c>
      <c r="DR34" s="89">
        <v>9</v>
      </c>
      <c r="DS34" s="90">
        <v>10</v>
      </c>
      <c r="DT34" s="87">
        <v>2</v>
      </c>
      <c r="DU34" s="88">
        <v>4</v>
      </c>
      <c r="DV34" s="89">
        <v>6</v>
      </c>
      <c r="DW34" s="399">
        <v>0</v>
      </c>
      <c r="DX34" s="88">
        <v>5</v>
      </c>
      <c r="DY34" s="88">
        <v>3</v>
      </c>
      <c r="DZ34" s="88">
        <v>6</v>
      </c>
      <c r="EA34" s="88">
        <v>1</v>
      </c>
      <c r="EB34" s="88">
        <v>4</v>
      </c>
      <c r="EC34" s="89">
        <v>19</v>
      </c>
      <c r="ED34" s="90">
        <v>25</v>
      </c>
      <c r="EE34" s="87">
        <v>5</v>
      </c>
      <c r="EF34" s="88">
        <v>12</v>
      </c>
      <c r="EG34" s="89">
        <v>17</v>
      </c>
      <c r="EH34" s="399">
        <v>0</v>
      </c>
      <c r="EI34" s="88">
        <v>18</v>
      </c>
      <c r="EJ34" s="88">
        <v>10</v>
      </c>
      <c r="EK34" s="88">
        <v>6</v>
      </c>
      <c r="EL34" s="88">
        <v>6</v>
      </c>
      <c r="EM34" s="88">
        <v>1</v>
      </c>
      <c r="EN34" s="89">
        <v>41</v>
      </c>
      <c r="EO34" s="90">
        <v>58</v>
      </c>
      <c r="EP34" s="87">
        <v>14</v>
      </c>
      <c r="EQ34" s="88">
        <v>32</v>
      </c>
      <c r="ER34" s="89">
        <v>46</v>
      </c>
      <c r="ES34" s="399">
        <v>0</v>
      </c>
      <c r="ET34" s="88">
        <v>19</v>
      </c>
      <c r="EU34" s="88">
        <v>14</v>
      </c>
      <c r="EV34" s="88">
        <v>11</v>
      </c>
      <c r="EW34" s="88">
        <v>5</v>
      </c>
      <c r="EX34" s="88">
        <v>2</v>
      </c>
      <c r="EY34" s="89">
        <v>51</v>
      </c>
      <c r="EZ34" s="90">
        <v>97</v>
      </c>
      <c r="FA34" s="87">
        <v>17</v>
      </c>
      <c r="FB34" s="88">
        <v>27</v>
      </c>
      <c r="FC34" s="89">
        <v>44</v>
      </c>
      <c r="FD34" s="399">
        <v>0</v>
      </c>
      <c r="FE34" s="88">
        <v>21</v>
      </c>
      <c r="FF34" s="88">
        <v>23</v>
      </c>
      <c r="FG34" s="88">
        <v>22</v>
      </c>
      <c r="FH34" s="88">
        <v>12</v>
      </c>
      <c r="FI34" s="88">
        <v>10</v>
      </c>
      <c r="FJ34" s="89">
        <v>88</v>
      </c>
      <c r="FK34" s="90">
        <v>132</v>
      </c>
      <c r="FL34" s="87">
        <v>11</v>
      </c>
      <c r="FM34" s="88">
        <v>23</v>
      </c>
      <c r="FN34" s="89">
        <v>34</v>
      </c>
      <c r="FO34" s="399">
        <v>0</v>
      </c>
      <c r="FP34" s="88">
        <v>37</v>
      </c>
      <c r="FQ34" s="88">
        <v>33</v>
      </c>
      <c r="FR34" s="88">
        <v>36</v>
      </c>
      <c r="FS34" s="88">
        <v>30</v>
      </c>
      <c r="FT34" s="88">
        <v>15</v>
      </c>
      <c r="FU34" s="89">
        <v>151</v>
      </c>
      <c r="FV34" s="90">
        <v>185</v>
      </c>
      <c r="FW34" s="87">
        <v>0</v>
      </c>
      <c r="FX34" s="88">
        <v>0</v>
      </c>
      <c r="FY34" s="89">
        <v>0</v>
      </c>
      <c r="FZ34" s="399">
        <v>0</v>
      </c>
      <c r="GA34" s="88">
        <v>1</v>
      </c>
      <c r="GB34" s="88">
        <v>0</v>
      </c>
      <c r="GC34" s="88">
        <v>0</v>
      </c>
      <c r="GD34" s="88">
        <v>1</v>
      </c>
      <c r="GE34" s="88">
        <v>2</v>
      </c>
      <c r="GF34" s="89">
        <v>4</v>
      </c>
      <c r="GG34" s="90">
        <v>4</v>
      </c>
      <c r="GH34" s="87">
        <v>50</v>
      </c>
      <c r="GI34" s="88">
        <v>98</v>
      </c>
      <c r="GJ34" s="89">
        <v>148</v>
      </c>
      <c r="GK34" s="399">
        <v>0</v>
      </c>
      <c r="GL34" s="88">
        <v>104</v>
      </c>
      <c r="GM34" s="88">
        <v>85</v>
      </c>
      <c r="GN34" s="88">
        <v>83</v>
      </c>
      <c r="GO34" s="88">
        <v>56</v>
      </c>
      <c r="GP34" s="88">
        <v>35</v>
      </c>
      <c r="GQ34" s="89">
        <v>363</v>
      </c>
      <c r="GR34" s="90">
        <v>511</v>
      </c>
      <c r="GS34" s="91">
        <v>75</v>
      </c>
      <c r="GT34" s="83">
        <v>133</v>
      </c>
      <c r="GU34" s="84">
        <v>208</v>
      </c>
      <c r="GV34" s="399">
        <v>0</v>
      </c>
      <c r="GW34" s="83">
        <v>150</v>
      </c>
      <c r="GX34" s="83">
        <v>136</v>
      </c>
      <c r="GY34" s="83">
        <v>130</v>
      </c>
      <c r="GZ34" s="83">
        <v>88</v>
      </c>
      <c r="HA34" s="83">
        <v>48</v>
      </c>
      <c r="HB34" s="85">
        <v>552</v>
      </c>
      <c r="HC34" s="86">
        <v>760</v>
      </c>
      <c r="HD34" s="87">
        <v>4</v>
      </c>
      <c r="HE34" s="88">
        <v>2</v>
      </c>
      <c r="HF34" s="89">
        <v>6</v>
      </c>
      <c r="HG34" s="402">
        <v>0</v>
      </c>
      <c r="HH34" s="88">
        <v>4</v>
      </c>
      <c r="HI34" s="88">
        <v>5</v>
      </c>
      <c r="HJ34" s="88">
        <v>5</v>
      </c>
      <c r="HK34" s="88">
        <v>2</v>
      </c>
      <c r="HL34" s="88">
        <v>2</v>
      </c>
      <c r="HM34" s="89">
        <v>18</v>
      </c>
      <c r="HN34" s="90">
        <v>24</v>
      </c>
      <c r="HO34" s="87">
        <v>5</v>
      </c>
      <c r="HP34" s="88">
        <v>8</v>
      </c>
      <c r="HQ34" s="89">
        <v>13</v>
      </c>
      <c r="HR34" s="399">
        <v>0</v>
      </c>
      <c r="HS34" s="88">
        <v>12</v>
      </c>
      <c r="HT34" s="88">
        <v>10</v>
      </c>
      <c r="HU34" s="88">
        <v>12</v>
      </c>
      <c r="HV34" s="88">
        <v>6</v>
      </c>
      <c r="HW34" s="88">
        <v>7</v>
      </c>
      <c r="HX34" s="89">
        <v>47</v>
      </c>
      <c r="HY34" s="90">
        <v>60</v>
      </c>
      <c r="HZ34" s="87">
        <v>10</v>
      </c>
      <c r="IA34" s="88">
        <v>19</v>
      </c>
      <c r="IB34" s="89">
        <v>29</v>
      </c>
      <c r="IC34" s="399">
        <v>0</v>
      </c>
      <c r="ID34" s="88">
        <v>28</v>
      </c>
      <c r="IE34" s="88">
        <v>20</v>
      </c>
      <c r="IF34" s="88">
        <v>12</v>
      </c>
      <c r="IG34" s="88">
        <v>11</v>
      </c>
      <c r="IH34" s="88">
        <v>7</v>
      </c>
      <c r="II34" s="89">
        <v>78</v>
      </c>
      <c r="IJ34" s="90">
        <v>107</v>
      </c>
      <c r="IK34" s="87">
        <v>19</v>
      </c>
      <c r="IL34" s="88">
        <v>40</v>
      </c>
      <c r="IM34" s="89">
        <v>59</v>
      </c>
      <c r="IN34" s="399">
        <v>0</v>
      </c>
      <c r="IO34" s="88">
        <v>30</v>
      </c>
      <c r="IP34" s="88">
        <v>24</v>
      </c>
      <c r="IQ34" s="88">
        <v>18</v>
      </c>
      <c r="IR34" s="88">
        <v>9</v>
      </c>
      <c r="IS34" s="88">
        <v>4</v>
      </c>
      <c r="IT34" s="89">
        <v>85</v>
      </c>
      <c r="IU34" s="90">
        <v>144</v>
      </c>
      <c r="IV34" s="87">
        <v>22</v>
      </c>
      <c r="IW34" s="88">
        <v>37</v>
      </c>
      <c r="IX34" s="89">
        <v>59</v>
      </c>
      <c r="IY34" s="399">
        <v>0</v>
      </c>
      <c r="IZ34" s="88">
        <v>31</v>
      </c>
      <c r="JA34" s="88">
        <v>37</v>
      </c>
      <c r="JB34" s="88">
        <v>32</v>
      </c>
      <c r="JC34" s="88">
        <v>20</v>
      </c>
      <c r="JD34" s="88">
        <v>11</v>
      </c>
      <c r="JE34" s="89">
        <v>131</v>
      </c>
      <c r="JF34" s="90">
        <v>190</v>
      </c>
      <c r="JG34" s="87">
        <v>15</v>
      </c>
      <c r="JH34" s="88">
        <v>27</v>
      </c>
      <c r="JI34" s="89">
        <v>42</v>
      </c>
      <c r="JJ34" s="399">
        <v>0</v>
      </c>
      <c r="JK34" s="88">
        <v>45</v>
      </c>
      <c r="JL34" s="88">
        <v>40</v>
      </c>
      <c r="JM34" s="88">
        <v>51</v>
      </c>
      <c r="JN34" s="88">
        <v>40</v>
      </c>
      <c r="JO34" s="88">
        <v>17</v>
      </c>
      <c r="JP34" s="89">
        <v>193</v>
      </c>
      <c r="JQ34" s="90">
        <v>235</v>
      </c>
      <c r="JR34" s="87">
        <v>0</v>
      </c>
      <c r="JS34" s="88">
        <v>3</v>
      </c>
      <c r="JT34" s="89">
        <v>3</v>
      </c>
      <c r="JU34" s="399">
        <v>0</v>
      </c>
      <c r="JV34" s="88">
        <v>2</v>
      </c>
      <c r="JW34" s="88">
        <v>0</v>
      </c>
      <c r="JX34" s="88">
        <v>1</v>
      </c>
      <c r="JY34" s="88">
        <v>2</v>
      </c>
      <c r="JZ34" s="88">
        <v>3</v>
      </c>
      <c r="KA34" s="89">
        <v>8</v>
      </c>
      <c r="KB34" s="90">
        <v>11</v>
      </c>
      <c r="KC34" s="87">
        <v>75</v>
      </c>
      <c r="KD34" s="88">
        <v>136</v>
      </c>
      <c r="KE34" s="89">
        <v>211</v>
      </c>
      <c r="KF34" s="399">
        <v>0</v>
      </c>
      <c r="KG34" s="88">
        <v>152</v>
      </c>
      <c r="KH34" s="88">
        <v>136</v>
      </c>
      <c r="KI34" s="88">
        <v>131</v>
      </c>
      <c r="KJ34" s="88">
        <v>90</v>
      </c>
      <c r="KK34" s="88">
        <v>51</v>
      </c>
      <c r="KL34" s="89">
        <v>560</v>
      </c>
      <c r="KM34" s="90">
        <v>771</v>
      </c>
    </row>
    <row r="35" spans="2:299" s="56" customFormat="1" ht="21" customHeight="1" x14ac:dyDescent="0.2">
      <c r="B35" s="92" t="s">
        <v>32</v>
      </c>
      <c r="C35" s="82">
        <v>40</v>
      </c>
      <c r="D35" s="83">
        <v>35</v>
      </c>
      <c r="E35" s="84">
        <v>75</v>
      </c>
      <c r="F35" s="399">
        <v>0</v>
      </c>
      <c r="G35" s="83">
        <v>79</v>
      </c>
      <c r="H35" s="83">
        <v>60</v>
      </c>
      <c r="I35" s="83">
        <v>25</v>
      </c>
      <c r="J35" s="83">
        <v>38</v>
      </c>
      <c r="K35" s="83">
        <v>18</v>
      </c>
      <c r="L35" s="85">
        <v>220</v>
      </c>
      <c r="M35" s="86">
        <v>295</v>
      </c>
      <c r="N35" s="87">
        <v>6</v>
      </c>
      <c r="O35" s="88">
        <v>2</v>
      </c>
      <c r="P35" s="89">
        <v>8</v>
      </c>
      <c r="Q35" s="399">
        <v>0</v>
      </c>
      <c r="R35" s="88">
        <v>3</v>
      </c>
      <c r="S35" s="88">
        <v>4</v>
      </c>
      <c r="T35" s="88">
        <v>3</v>
      </c>
      <c r="U35" s="88">
        <v>1</v>
      </c>
      <c r="V35" s="88">
        <v>0</v>
      </c>
      <c r="W35" s="89">
        <v>11</v>
      </c>
      <c r="X35" s="90">
        <v>19</v>
      </c>
      <c r="Y35" s="87">
        <v>4</v>
      </c>
      <c r="Z35" s="88">
        <v>1</v>
      </c>
      <c r="AA35" s="89">
        <v>5</v>
      </c>
      <c r="AB35" s="399">
        <v>0</v>
      </c>
      <c r="AC35" s="88">
        <v>7</v>
      </c>
      <c r="AD35" s="88">
        <v>2</v>
      </c>
      <c r="AE35" s="88">
        <v>1</v>
      </c>
      <c r="AF35" s="88">
        <v>7</v>
      </c>
      <c r="AG35" s="88">
        <v>0</v>
      </c>
      <c r="AH35" s="89">
        <v>17</v>
      </c>
      <c r="AI35" s="90">
        <v>22</v>
      </c>
      <c r="AJ35" s="87">
        <v>6</v>
      </c>
      <c r="AK35" s="88">
        <v>1</v>
      </c>
      <c r="AL35" s="89">
        <v>7</v>
      </c>
      <c r="AM35" s="399">
        <v>0</v>
      </c>
      <c r="AN35" s="88">
        <v>13</v>
      </c>
      <c r="AO35" s="88">
        <v>10</v>
      </c>
      <c r="AP35" s="88">
        <v>5</v>
      </c>
      <c r="AQ35" s="88">
        <v>5</v>
      </c>
      <c r="AR35" s="88">
        <v>6</v>
      </c>
      <c r="AS35" s="89">
        <v>39</v>
      </c>
      <c r="AT35" s="90">
        <v>46</v>
      </c>
      <c r="AU35" s="87">
        <v>12</v>
      </c>
      <c r="AV35" s="88">
        <v>13</v>
      </c>
      <c r="AW35" s="89">
        <v>25</v>
      </c>
      <c r="AX35" s="399">
        <v>0</v>
      </c>
      <c r="AY35" s="88">
        <v>23</v>
      </c>
      <c r="AZ35" s="88">
        <v>16</v>
      </c>
      <c r="BA35" s="88">
        <v>6</v>
      </c>
      <c r="BB35" s="88">
        <v>7</v>
      </c>
      <c r="BC35" s="88">
        <v>4</v>
      </c>
      <c r="BD35" s="89">
        <v>56</v>
      </c>
      <c r="BE35" s="90">
        <v>81</v>
      </c>
      <c r="BF35" s="87">
        <v>3</v>
      </c>
      <c r="BG35" s="88">
        <v>13</v>
      </c>
      <c r="BH35" s="89">
        <v>16</v>
      </c>
      <c r="BI35" s="399">
        <v>0</v>
      </c>
      <c r="BJ35" s="88">
        <v>17</v>
      </c>
      <c r="BK35" s="88">
        <v>17</v>
      </c>
      <c r="BL35" s="88">
        <v>7</v>
      </c>
      <c r="BM35" s="88">
        <v>13</v>
      </c>
      <c r="BN35" s="88">
        <v>4</v>
      </c>
      <c r="BO35" s="89">
        <v>58</v>
      </c>
      <c r="BP35" s="90">
        <v>74</v>
      </c>
      <c r="BQ35" s="87">
        <v>9</v>
      </c>
      <c r="BR35" s="88">
        <v>5</v>
      </c>
      <c r="BS35" s="89">
        <v>14</v>
      </c>
      <c r="BT35" s="399">
        <v>0</v>
      </c>
      <c r="BU35" s="88">
        <v>16</v>
      </c>
      <c r="BV35" s="88">
        <v>11</v>
      </c>
      <c r="BW35" s="88">
        <v>3</v>
      </c>
      <c r="BX35" s="88">
        <v>5</v>
      </c>
      <c r="BY35" s="88">
        <v>4</v>
      </c>
      <c r="BZ35" s="89">
        <v>39</v>
      </c>
      <c r="CA35" s="90">
        <v>53</v>
      </c>
      <c r="CB35" s="87">
        <v>0</v>
      </c>
      <c r="CC35" s="88">
        <v>3</v>
      </c>
      <c r="CD35" s="89">
        <v>3</v>
      </c>
      <c r="CE35" s="399">
        <v>0</v>
      </c>
      <c r="CF35" s="88">
        <v>4</v>
      </c>
      <c r="CG35" s="88">
        <v>2</v>
      </c>
      <c r="CH35" s="88">
        <v>3</v>
      </c>
      <c r="CI35" s="88">
        <v>0</v>
      </c>
      <c r="CJ35" s="88">
        <v>4</v>
      </c>
      <c r="CK35" s="89">
        <v>13</v>
      </c>
      <c r="CL35" s="90">
        <v>16</v>
      </c>
      <c r="CM35" s="87">
        <v>40</v>
      </c>
      <c r="CN35" s="88">
        <v>38</v>
      </c>
      <c r="CO35" s="89">
        <v>78</v>
      </c>
      <c r="CP35" s="399">
        <v>0</v>
      </c>
      <c r="CQ35" s="88">
        <v>83</v>
      </c>
      <c r="CR35" s="88">
        <v>62</v>
      </c>
      <c r="CS35" s="88">
        <v>28</v>
      </c>
      <c r="CT35" s="88">
        <v>38</v>
      </c>
      <c r="CU35" s="88">
        <v>22</v>
      </c>
      <c r="CV35" s="89">
        <v>233</v>
      </c>
      <c r="CW35" s="90">
        <v>311</v>
      </c>
      <c r="CX35" s="91">
        <v>56</v>
      </c>
      <c r="CY35" s="83">
        <v>80</v>
      </c>
      <c r="CZ35" s="84">
        <v>136</v>
      </c>
      <c r="DA35" s="399">
        <v>0</v>
      </c>
      <c r="DB35" s="83">
        <v>146</v>
      </c>
      <c r="DC35" s="83">
        <v>91</v>
      </c>
      <c r="DD35" s="83">
        <v>69</v>
      </c>
      <c r="DE35" s="83">
        <v>88</v>
      </c>
      <c r="DF35" s="83">
        <v>50</v>
      </c>
      <c r="DG35" s="85">
        <v>444</v>
      </c>
      <c r="DH35" s="86">
        <v>580</v>
      </c>
      <c r="DI35" s="87">
        <v>0</v>
      </c>
      <c r="DJ35" s="88">
        <v>3</v>
      </c>
      <c r="DK35" s="89">
        <v>3</v>
      </c>
      <c r="DL35" s="399">
        <v>0</v>
      </c>
      <c r="DM35" s="88">
        <v>2</v>
      </c>
      <c r="DN35" s="88">
        <v>3</v>
      </c>
      <c r="DO35" s="88">
        <v>0</v>
      </c>
      <c r="DP35" s="88">
        <v>0</v>
      </c>
      <c r="DQ35" s="88">
        <v>2</v>
      </c>
      <c r="DR35" s="89">
        <v>7</v>
      </c>
      <c r="DS35" s="90">
        <v>10</v>
      </c>
      <c r="DT35" s="87">
        <v>6</v>
      </c>
      <c r="DU35" s="88">
        <v>2</v>
      </c>
      <c r="DV35" s="89">
        <v>8</v>
      </c>
      <c r="DW35" s="399">
        <v>0</v>
      </c>
      <c r="DX35" s="88">
        <v>5</v>
      </c>
      <c r="DY35" s="88">
        <v>3</v>
      </c>
      <c r="DZ35" s="88">
        <v>2</v>
      </c>
      <c r="EA35" s="88">
        <v>3</v>
      </c>
      <c r="EB35" s="88">
        <v>1</v>
      </c>
      <c r="EC35" s="89">
        <v>14</v>
      </c>
      <c r="ED35" s="90">
        <v>22</v>
      </c>
      <c r="EE35" s="87">
        <v>5</v>
      </c>
      <c r="EF35" s="88">
        <v>11</v>
      </c>
      <c r="EG35" s="89">
        <v>16</v>
      </c>
      <c r="EH35" s="399">
        <v>0</v>
      </c>
      <c r="EI35" s="88">
        <v>22</v>
      </c>
      <c r="EJ35" s="88">
        <v>9</v>
      </c>
      <c r="EK35" s="88">
        <v>8</v>
      </c>
      <c r="EL35" s="88">
        <v>3</v>
      </c>
      <c r="EM35" s="88">
        <v>4</v>
      </c>
      <c r="EN35" s="89">
        <v>46</v>
      </c>
      <c r="EO35" s="90">
        <v>62</v>
      </c>
      <c r="EP35" s="87">
        <v>22</v>
      </c>
      <c r="EQ35" s="88">
        <v>20</v>
      </c>
      <c r="ER35" s="89">
        <v>42</v>
      </c>
      <c r="ES35" s="399">
        <v>0</v>
      </c>
      <c r="ET35" s="88">
        <v>38</v>
      </c>
      <c r="EU35" s="88">
        <v>19</v>
      </c>
      <c r="EV35" s="88">
        <v>17</v>
      </c>
      <c r="EW35" s="88">
        <v>19</v>
      </c>
      <c r="EX35" s="88">
        <v>9</v>
      </c>
      <c r="EY35" s="89">
        <v>102</v>
      </c>
      <c r="EZ35" s="90">
        <v>144</v>
      </c>
      <c r="FA35" s="87">
        <v>15</v>
      </c>
      <c r="FB35" s="88">
        <v>18</v>
      </c>
      <c r="FC35" s="89">
        <v>33</v>
      </c>
      <c r="FD35" s="399">
        <v>0</v>
      </c>
      <c r="FE35" s="88">
        <v>39</v>
      </c>
      <c r="FF35" s="88">
        <v>22</v>
      </c>
      <c r="FG35" s="88">
        <v>17</v>
      </c>
      <c r="FH35" s="88">
        <v>17</v>
      </c>
      <c r="FI35" s="88">
        <v>11</v>
      </c>
      <c r="FJ35" s="89">
        <v>106</v>
      </c>
      <c r="FK35" s="90">
        <v>139</v>
      </c>
      <c r="FL35" s="87">
        <v>8</v>
      </c>
      <c r="FM35" s="88">
        <v>26</v>
      </c>
      <c r="FN35" s="89">
        <v>34</v>
      </c>
      <c r="FO35" s="399">
        <v>0</v>
      </c>
      <c r="FP35" s="88">
        <v>40</v>
      </c>
      <c r="FQ35" s="88">
        <v>35</v>
      </c>
      <c r="FR35" s="88">
        <v>25</v>
      </c>
      <c r="FS35" s="88">
        <v>46</v>
      </c>
      <c r="FT35" s="88">
        <v>23</v>
      </c>
      <c r="FU35" s="89">
        <v>169</v>
      </c>
      <c r="FV35" s="90">
        <v>203</v>
      </c>
      <c r="FW35" s="87">
        <v>1</v>
      </c>
      <c r="FX35" s="88">
        <v>2</v>
      </c>
      <c r="FY35" s="89">
        <v>3</v>
      </c>
      <c r="FZ35" s="399">
        <v>0</v>
      </c>
      <c r="GA35" s="88">
        <v>2</v>
      </c>
      <c r="GB35" s="88">
        <v>3</v>
      </c>
      <c r="GC35" s="88">
        <v>2</v>
      </c>
      <c r="GD35" s="88">
        <v>0</v>
      </c>
      <c r="GE35" s="88">
        <v>0</v>
      </c>
      <c r="GF35" s="89">
        <v>7</v>
      </c>
      <c r="GG35" s="90">
        <v>10</v>
      </c>
      <c r="GH35" s="87">
        <v>57</v>
      </c>
      <c r="GI35" s="88">
        <v>82</v>
      </c>
      <c r="GJ35" s="89">
        <v>139</v>
      </c>
      <c r="GK35" s="399">
        <v>0</v>
      </c>
      <c r="GL35" s="88">
        <v>148</v>
      </c>
      <c r="GM35" s="88">
        <v>94</v>
      </c>
      <c r="GN35" s="88">
        <v>71</v>
      </c>
      <c r="GO35" s="88">
        <v>88</v>
      </c>
      <c r="GP35" s="88">
        <v>50</v>
      </c>
      <c r="GQ35" s="89">
        <v>451</v>
      </c>
      <c r="GR35" s="90">
        <v>590</v>
      </c>
      <c r="GS35" s="91">
        <v>96</v>
      </c>
      <c r="GT35" s="83">
        <v>115</v>
      </c>
      <c r="GU35" s="84">
        <v>211</v>
      </c>
      <c r="GV35" s="399">
        <v>0</v>
      </c>
      <c r="GW35" s="83">
        <v>225</v>
      </c>
      <c r="GX35" s="83">
        <v>151</v>
      </c>
      <c r="GY35" s="83">
        <v>94</v>
      </c>
      <c r="GZ35" s="83">
        <v>126</v>
      </c>
      <c r="HA35" s="83">
        <v>68</v>
      </c>
      <c r="HB35" s="85">
        <v>664</v>
      </c>
      <c r="HC35" s="86">
        <v>875</v>
      </c>
      <c r="HD35" s="87">
        <v>6</v>
      </c>
      <c r="HE35" s="88">
        <v>5</v>
      </c>
      <c r="HF35" s="89">
        <v>11</v>
      </c>
      <c r="HG35" s="402">
        <v>0</v>
      </c>
      <c r="HH35" s="88">
        <v>5</v>
      </c>
      <c r="HI35" s="88">
        <v>7</v>
      </c>
      <c r="HJ35" s="88">
        <v>3</v>
      </c>
      <c r="HK35" s="88">
        <v>1</v>
      </c>
      <c r="HL35" s="88">
        <v>2</v>
      </c>
      <c r="HM35" s="89">
        <v>18</v>
      </c>
      <c r="HN35" s="90">
        <v>29</v>
      </c>
      <c r="HO35" s="87">
        <v>10</v>
      </c>
      <c r="HP35" s="88">
        <v>3</v>
      </c>
      <c r="HQ35" s="89">
        <v>13</v>
      </c>
      <c r="HR35" s="399">
        <v>0</v>
      </c>
      <c r="HS35" s="88">
        <v>12</v>
      </c>
      <c r="HT35" s="88">
        <v>5</v>
      </c>
      <c r="HU35" s="88">
        <v>3</v>
      </c>
      <c r="HV35" s="88">
        <v>10</v>
      </c>
      <c r="HW35" s="88">
        <v>1</v>
      </c>
      <c r="HX35" s="89">
        <v>31</v>
      </c>
      <c r="HY35" s="90">
        <v>44</v>
      </c>
      <c r="HZ35" s="87">
        <v>11</v>
      </c>
      <c r="IA35" s="88">
        <v>12</v>
      </c>
      <c r="IB35" s="89">
        <v>23</v>
      </c>
      <c r="IC35" s="399">
        <v>0</v>
      </c>
      <c r="ID35" s="88">
        <v>35</v>
      </c>
      <c r="IE35" s="88">
        <v>19</v>
      </c>
      <c r="IF35" s="88">
        <v>13</v>
      </c>
      <c r="IG35" s="88">
        <v>8</v>
      </c>
      <c r="IH35" s="88">
        <v>10</v>
      </c>
      <c r="II35" s="89">
        <v>85</v>
      </c>
      <c r="IJ35" s="90">
        <v>108</v>
      </c>
      <c r="IK35" s="87">
        <v>34</v>
      </c>
      <c r="IL35" s="88">
        <v>33</v>
      </c>
      <c r="IM35" s="89">
        <v>67</v>
      </c>
      <c r="IN35" s="399">
        <v>0</v>
      </c>
      <c r="IO35" s="88">
        <v>61</v>
      </c>
      <c r="IP35" s="88">
        <v>35</v>
      </c>
      <c r="IQ35" s="88">
        <v>23</v>
      </c>
      <c r="IR35" s="88">
        <v>26</v>
      </c>
      <c r="IS35" s="88">
        <v>13</v>
      </c>
      <c r="IT35" s="89">
        <v>158</v>
      </c>
      <c r="IU35" s="90">
        <v>225</v>
      </c>
      <c r="IV35" s="87">
        <v>18</v>
      </c>
      <c r="IW35" s="88">
        <v>31</v>
      </c>
      <c r="IX35" s="89">
        <v>49</v>
      </c>
      <c r="IY35" s="399">
        <v>0</v>
      </c>
      <c r="IZ35" s="88">
        <v>56</v>
      </c>
      <c r="JA35" s="88">
        <v>39</v>
      </c>
      <c r="JB35" s="88">
        <v>24</v>
      </c>
      <c r="JC35" s="88">
        <v>30</v>
      </c>
      <c r="JD35" s="88">
        <v>15</v>
      </c>
      <c r="JE35" s="89">
        <v>164</v>
      </c>
      <c r="JF35" s="90">
        <v>213</v>
      </c>
      <c r="JG35" s="87">
        <v>17</v>
      </c>
      <c r="JH35" s="88">
        <v>31</v>
      </c>
      <c r="JI35" s="89">
        <v>48</v>
      </c>
      <c r="JJ35" s="399">
        <v>0</v>
      </c>
      <c r="JK35" s="88">
        <v>56</v>
      </c>
      <c r="JL35" s="88">
        <v>46</v>
      </c>
      <c r="JM35" s="88">
        <v>28</v>
      </c>
      <c r="JN35" s="88">
        <v>51</v>
      </c>
      <c r="JO35" s="88">
        <v>27</v>
      </c>
      <c r="JP35" s="89">
        <v>208</v>
      </c>
      <c r="JQ35" s="90">
        <v>256</v>
      </c>
      <c r="JR35" s="87">
        <v>1</v>
      </c>
      <c r="JS35" s="88">
        <v>5</v>
      </c>
      <c r="JT35" s="89">
        <v>6</v>
      </c>
      <c r="JU35" s="399">
        <v>0</v>
      </c>
      <c r="JV35" s="88">
        <v>6</v>
      </c>
      <c r="JW35" s="88">
        <v>5</v>
      </c>
      <c r="JX35" s="88">
        <v>5</v>
      </c>
      <c r="JY35" s="88">
        <v>0</v>
      </c>
      <c r="JZ35" s="88">
        <v>4</v>
      </c>
      <c r="KA35" s="89">
        <v>20</v>
      </c>
      <c r="KB35" s="90">
        <v>26</v>
      </c>
      <c r="KC35" s="87">
        <v>97</v>
      </c>
      <c r="KD35" s="88">
        <v>120</v>
      </c>
      <c r="KE35" s="89">
        <v>217</v>
      </c>
      <c r="KF35" s="399">
        <v>0</v>
      </c>
      <c r="KG35" s="88">
        <v>231</v>
      </c>
      <c r="KH35" s="88">
        <v>156</v>
      </c>
      <c r="KI35" s="88">
        <v>99</v>
      </c>
      <c r="KJ35" s="88">
        <v>126</v>
      </c>
      <c r="KK35" s="88">
        <v>72</v>
      </c>
      <c r="KL35" s="89">
        <v>684</v>
      </c>
      <c r="KM35" s="90">
        <v>901</v>
      </c>
    </row>
    <row r="36" spans="2:299" s="56" customFormat="1" ht="21" customHeight="1" x14ac:dyDescent="0.2">
      <c r="B36" s="92" t="s">
        <v>33</v>
      </c>
      <c r="C36" s="82">
        <v>31</v>
      </c>
      <c r="D36" s="83">
        <v>30</v>
      </c>
      <c r="E36" s="84">
        <v>61</v>
      </c>
      <c r="F36" s="399">
        <v>0</v>
      </c>
      <c r="G36" s="83">
        <v>79</v>
      </c>
      <c r="H36" s="83">
        <v>36</v>
      </c>
      <c r="I36" s="83">
        <v>49</v>
      </c>
      <c r="J36" s="83">
        <v>27</v>
      </c>
      <c r="K36" s="83">
        <v>18</v>
      </c>
      <c r="L36" s="85">
        <v>209</v>
      </c>
      <c r="M36" s="86">
        <v>270</v>
      </c>
      <c r="N36" s="87">
        <v>2</v>
      </c>
      <c r="O36" s="88">
        <v>1</v>
      </c>
      <c r="P36" s="89">
        <v>3</v>
      </c>
      <c r="Q36" s="399">
        <v>0</v>
      </c>
      <c r="R36" s="88">
        <v>5</v>
      </c>
      <c r="S36" s="88">
        <v>2</v>
      </c>
      <c r="T36" s="88">
        <v>1</v>
      </c>
      <c r="U36" s="88">
        <v>1</v>
      </c>
      <c r="V36" s="88">
        <v>0</v>
      </c>
      <c r="W36" s="89">
        <v>9</v>
      </c>
      <c r="X36" s="90">
        <v>12</v>
      </c>
      <c r="Y36" s="87">
        <v>1</v>
      </c>
      <c r="Z36" s="88">
        <v>3</v>
      </c>
      <c r="AA36" s="89">
        <v>4</v>
      </c>
      <c r="AB36" s="399">
        <v>0</v>
      </c>
      <c r="AC36" s="88">
        <v>13</v>
      </c>
      <c r="AD36" s="88">
        <v>3</v>
      </c>
      <c r="AE36" s="88">
        <v>9</v>
      </c>
      <c r="AF36" s="88">
        <v>6</v>
      </c>
      <c r="AG36" s="88">
        <v>3</v>
      </c>
      <c r="AH36" s="89">
        <v>34</v>
      </c>
      <c r="AI36" s="90">
        <v>38</v>
      </c>
      <c r="AJ36" s="87">
        <v>7</v>
      </c>
      <c r="AK36" s="88">
        <v>5</v>
      </c>
      <c r="AL36" s="89">
        <v>12</v>
      </c>
      <c r="AM36" s="399">
        <v>0</v>
      </c>
      <c r="AN36" s="88">
        <v>8</v>
      </c>
      <c r="AO36" s="88">
        <v>10</v>
      </c>
      <c r="AP36" s="88">
        <v>12</v>
      </c>
      <c r="AQ36" s="88">
        <v>2</v>
      </c>
      <c r="AR36" s="88">
        <v>3</v>
      </c>
      <c r="AS36" s="89">
        <v>35</v>
      </c>
      <c r="AT36" s="90">
        <v>47</v>
      </c>
      <c r="AU36" s="87">
        <v>14</v>
      </c>
      <c r="AV36" s="88">
        <v>8</v>
      </c>
      <c r="AW36" s="89">
        <v>22</v>
      </c>
      <c r="AX36" s="399">
        <v>0</v>
      </c>
      <c r="AY36" s="88">
        <v>20</v>
      </c>
      <c r="AZ36" s="88">
        <v>9</v>
      </c>
      <c r="BA36" s="88">
        <v>9</v>
      </c>
      <c r="BB36" s="88">
        <v>5</v>
      </c>
      <c r="BC36" s="88">
        <v>4</v>
      </c>
      <c r="BD36" s="89">
        <v>47</v>
      </c>
      <c r="BE36" s="90">
        <v>69</v>
      </c>
      <c r="BF36" s="87">
        <v>4</v>
      </c>
      <c r="BG36" s="88">
        <v>9</v>
      </c>
      <c r="BH36" s="89">
        <v>13</v>
      </c>
      <c r="BI36" s="399">
        <v>0</v>
      </c>
      <c r="BJ36" s="88">
        <v>17</v>
      </c>
      <c r="BK36" s="88">
        <v>7</v>
      </c>
      <c r="BL36" s="88">
        <v>10</v>
      </c>
      <c r="BM36" s="88">
        <v>7</v>
      </c>
      <c r="BN36" s="88">
        <v>4</v>
      </c>
      <c r="BO36" s="89">
        <v>45</v>
      </c>
      <c r="BP36" s="90">
        <v>58</v>
      </c>
      <c r="BQ36" s="87">
        <v>3</v>
      </c>
      <c r="BR36" s="88">
        <v>4</v>
      </c>
      <c r="BS36" s="89">
        <v>7</v>
      </c>
      <c r="BT36" s="399">
        <v>0</v>
      </c>
      <c r="BU36" s="88">
        <v>16</v>
      </c>
      <c r="BV36" s="88">
        <v>5</v>
      </c>
      <c r="BW36" s="88">
        <v>8</v>
      </c>
      <c r="BX36" s="88">
        <v>6</v>
      </c>
      <c r="BY36" s="88">
        <v>4</v>
      </c>
      <c r="BZ36" s="89">
        <v>39</v>
      </c>
      <c r="CA36" s="90">
        <v>46</v>
      </c>
      <c r="CB36" s="87">
        <v>0</v>
      </c>
      <c r="CC36" s="88">
        <v>1</v>
      </c>
      <c r="CD36" s="89">
        <v>1</v>
      </c>
      <c r="CE36" s="399">
        <v>0</v>
      </c>
      <c r="CF36" s="88">
        <v>0</v>
      </c>
      <c r="CG36" s="88">
        <v>1</v>
      </c>
      <c r="CH36" s="88">
        <v>0</v>
      </c>
      <c r="CI36" s="88">
        <v>2</v>
      </c>
      <c r="CJ36" s="88">
        <v>0</v>
      </c>
      <c r="CK36" s="89">
        <v>3</v>
      </c>
      <c r="CL36" s="90">
        <v>4</v>
      </c>
      <c r="CM36" s="87">
        <v>31</v>
      </c>
      <c r="CN36" s="88">
        <v>31</v>
      </c>
      <c r="CO36" s="89">
        <v>62</v>
      </c>
      <c r="CP36" s="399">
        <v>0</v>
      </c>
      <c r="CQ36" s="88">
        <v>79</v>
      </c>
      <c r="CR36" s="88">
        <v>37</v>
      </c>
      <c r="CS36" s="88">
        <v>49</v>
      </c>
      <c r="CT36" s="88">
        <v>29</v>
      </c>
      <c r="CU36" s="88">
        <v>18</v>
      </c>
      <c r="CV36" s="89">
        <v>212</v>
      </c>
      <c r="CW36" s="90">
        <v>274</v>
      </c>
      <c r="CX36" s="91">
        <v>43</v>
      </c>
      <c r="CY36" s="83">
        <v>63</v>
      </c>
      <c r="CZ36" s="84">
        <v>106</v>
      </c>
      <c r="DA36" s="399">
        <v>0</v>
      </c>
      <c r="DB36" s="83">
        <v>142</v>
      </c>
      <c r="DC36" s="83">
        <v>85</v>
      </c>
      <c r="DD36" s="83">
        <v>81</v>
      </c>
      <c r="DE36" s="83">
        <v>67</v>
      </c>
      <c r="DF36" s="83">
        <v>52</v>
      </c>
      <c r="DG36" s="85">
        <v>427</v>
      </c>
      <c r="DH36" s="86">
        <v>533</v>
      </c>
      <c r="DI36" s="87">
        <v>1</v>
      </c>
      <c r="DJ36" s="88">
        <v>1</v>
      </c>
      <c r="DK36" s="89">
        <v>2</v>
      </c>
      <c r="DL36" s="399">
        <v>0</v>
      </c>
      <c r="DM36" s="88">
        <v>3</v>
      </c>
      <c r="DN36" s="88">
        <v>0</v>
      </c>
      <c r="DO36" s="88">
        <v>1</v>
      </c>
      <c r="DP36" s="88">
        <v>3</v>
      </c>
      <c r="DQ36" s="88">
        <v>1</v>
      </c>
      <c r="DR36" s="89">
        <v>8</v>
      </c>
      <c r="DS36" s="90">
        <v>10</v>
      </c>
      <c r="DT36" s="87">
        <v>4</v>
      </c>
      <c r="DU36" s="88">
        <v>6</v>
      </c>
      <c r="DV36" s="89">
        <v>10</v>
      </c>
      <c r="DW36" s="399">
        <v>0</v>
      </c>
      <c r="DX36" s="88">
        <v>3</v>
      </c>
      <c r="DY36" s="88">
        <v>5</v>
      </c>
      <c r="DZ36" s="88">
        <v>1</v>
      </c>
      <c r="EA36" s="88">
        <v>3</v>
      </c>
      <c r="EB36" s="88">
        <v>0</v>
      </c>
      <c r="EC36" s="89">
        <v>12</v>
      </c>
      <c r="ED36" s="90">
        <v>22</v>
      </c>
      <c r="EE36" s="87">
        <v>5</v>
      </c>
      <c r="EF36" s="88">
        <v>10</v>
      </c>
      <c r="EG36" s="89">
        <v>15</v>
      </c>
      <c r="EH36" s="399">
        <v>0</v>
      </c>
      <c r="EI36" s="88">
        <v>11</v>
      </c>
      <c r="EJ36" s="88">
        <v>6</v>
      </c>
      <c r="EK36" s="88">
        <v>5</v>
      </c>
      <c r="EL36" s="88">
        <v>7</v>
      </c>
      <c r="EM36" s="88">
        <v>7</v>
      </c>
      <c r="EN36" s="89">
        <v>36</v>
      </c>
      <c r="EO36" s="90">
        <v>51</v>
      </c>
      <c r="EP36" s="87">
        <v>8</v>
      </c>
      <c r="EQ36" s="88">
        <v>18</v>
      </c>
      <c r="ER36" s="89">
        <v>26</v>
      </c>
      <c r="ES36" s="399">
        <v>0</v>
      </c>
      <c r="ET36" s="88">
        <v>30</v>
      </c>
      <c r="EU36" s="88">
        <v>15</v>
      </c>
      <c r="EV36" s="88">
        <v>15</v>
      </c>
      <c r="EW36" s="88">
        <v>9</v>
      </c>
      <c r="EX36" s="88">
        <v>10</v>
      </c>
      <c r="EY36" s="89">
        <v>79</v>
      </c>
      <c r="EZ36" s="90">
        <v>105</v>
      </c>
      <c r="FA36" s="87">
        <v>16</v>
      </c>
      <c r="FB36" s="88">
        <v>13</v>
      </c>
      <c r="FC36" s="89">
        <v>29</v>
      </c>
      <c r="FD36" s="399">
        <v>0</v>
      </c>
      <c r="FE36" s="88">
        <v>46</v>
      </c>
      <c r="FF36" s="88">
        <v>22</v>
      </c>
      <c r="FG36" s="88">
        <v>21</v>
      </c>
      <c r="FH36" s="88">
        <v>19</v>
      </c>
      <c r="FI36" s="88">
        <v>15</v>
      </c>
      <c r="FJ36" s="89">
        <v>123</v>
      </c>
      <c r="FK36" s="90">
        <v>152</v>
      </c>
      <c r="FL36" s="87">
        <v>9</v>
      </c>
      <c r="FM36" s="88">
        <v>15</v>
      </c>
      <c r="FN36" s="89">
        <v>24</v>
      </c>
      <c r="FO36" s="399">
        <v>0</v>
      </c>
      <c r="FP36" s="88">
        <v>49</v>
      </c>
      <c r="FQ36" s="88">
        <v>37</v>
      </c>
      <c r="FR36" s="88">
        <v>38</v>
      </c>
      <c r="FS36" s="88">
        <v>26</v>
      </c>
      <c r="FT36" s="88">
        <v>19</v>
      </c>
      <c r="FU36" s="89">
        <v>169</v>
      </c>
      <c r="FV36" s="90">
        <v>193</v>
      </c>
      <c r="FW36" s="87">
        <v>1</v>
      </c>
      <c r="FX36" s="88">
        <v>0</v>
      </c>
      <c r="FY36" s="89">
        <v>1</v>
      </c>
      <c r="FZ36" s="399">
        <v>0</v>
      </c>
      <c r="GA36" s="88">
        <v>2</v>
      </c>
      <c r="GB36" s="88">
        <v>0</v>
      </c>
      <c r="GC36" s="88">
        <v>0</v>
      </c>
      <c r="GD36" s="88">
        <v>0</v>
      </c>
      <c r="GE36" s="88">
        <v>1</v>
      </c>
      <c r="GF36" s="89">
        <v>3</v>
      </c>
      <c r="GG36" s="90">
        <v>4</v>
      </c>
      <c r="GH36" s="87">
        <v>44</v>
      </c>
      <c r="GI36" s="88">
        <v>63</v>
      </c>
      <c r="GJ36" s="89">
        <v>107</v>
      </c>
      <c r="GK36" s="399">
        <v>0</v>
      </c>
      <c r="GL36" s="88">
        <v>144</v>
      </c>
      <c r="GM36" s="88">
        <v>85</v>
      </c>
      <c r="GN36" s="88">
        <v>81</v>
      </c>
      <c r="GO36" s="88">
        <v>67</v>
      </c>
      <c r="GP36" s="88">
        <v>53</v>
      </c>
      <c r="GQ36" s="89">
        <v>430</v>
      </c>
      <c r="GR36" s="90">
        <v>537</v>
      </c>
      <c r="GS36" s="91">
        <v>74</v>
      </c>
      <c r="GT36" s="83">
        <v>93</v>
      </c>
      <c r="GU36" s="84">
        <v>167</v>
      </c>
      <c r="GV36" s="399">
        <v>0</v>
      </c>
      <c r="GW36" s="83">
        <v>221</v>
      </c>
      <c r="GX36" s="83">
        <v>121</v>
      </c>
      <c r="GY36" s="83">
        <v>130</v>
      </c>
      <c r="GZ36" s="83">
        <v>94</v>
      </c>
      <c r="HA36" s="83">
        <v>70</v>
      </c>
      <c r="HB36" s="85">
        <v>636</v>
      </c>
      <c r="HC36" s="86">
        <v>803</v>
      </c>
      <c r="HD36" s="87">
        <v>3</v>
      </c>
      <c r="HE36" s="88">
        <v>2</v>
      </c>
      <c r="HF36" s="89">
        <v>5</v>
      </c>
      <c r="HG36" s="402">
        <v>0</v>
      </c>
      <c r="HH36" s="88">
        <v>8</v>
      </c>
      <c r="HI36" s="88">
        <v>2</v>
      </c>
      <c r="HJ36" s="88">
        <v>2</v>
      </c>
      <c r="HK36" s="88">
        <v>4</v>
      </c>
      <c r="HL36" s="88">
        <v>1</v>
      </c>
      <c r="HM36" s="89">
        <v>17</v>
      </c>
      <c r="HN36" s="90">
        <v>22</v>
      </c>
      <c r="HO36" s="87">
        <v>5</v>
      </c>
      <c r="HP36" s="88">
        <v>9</v>
      </c>
      <c r="HQ36" s="89">
        <v>14</v>
      </c>
      <c r="HR36" s="399">
        <v>0</v>
      </c>
      <c r="HS36" s="88">
        <v>16</v>
      </c>
      <c r="HT36" s="88">
        <v>8</v>
      </c>
      <c r="HU36" s="88">
        <v>10</v>
      </c>
      <c r="HV36" s="88">
        <v>9</v>
      </c>
      <c r="HW36" s="88">
        <v>3</v>
      </c>
      <c r="HX36" s="89">
        <v>46</v>
      </c>
      <c r="HY36" s="90">
        <v>60</v>
      </c>
      <c r="HZ36" s="87">
        <v>12</v>
      </c>
      <c r="IA36" s="88">
        <v>15</v>
      </c>
      <c r="IB36" s="89">
        <v>27</v>
      </c>
      <c r="IC36" s="399">
        <v>0</v>
      </c>
      <c r="ID36" s="88">
        <v>19</v>
      </c>
      <c r="IE36" s="88">
        <v>16</v>
      </c>
      <c r="IF36" s="88">
        <v>17</v>
      </c>
      <c r="IG36" s="88">
        <v>9</v>
      </c>
      <c r="IH36" s="88">
        <v>10</v>
      </c>
      <c r="II36" s="89">
        <v>71</v>
      </c>
      <c r="IJ36" s="90">
        <v>98</v>
      </c>
      <c r="IK36" s="87">
        <v>22</v>
      </c>
      <c r="IL36" s="88">
        <v>26</v>
      </c>
      <c r="IM36" s="89">
        <v>48</v>
      </c>
      <c r="IN36" s="399">
        <v>0</v>
      </c>
      <c r="IO36" s="88">
        <v>50</v>
      </c>
      <c r="IP36" s="88">
        <v>24</v>
      </c>
      <c r="IQ36" s="88">
        <v>24</v>
      </c>
      <c r="IR36" s="88">
        <v>14</v>
      </c>
      <c r="IS36" s="88">
        <v>14</v>
      </c>
      <c r="IT36" s="89">
        <v>126</v>
      </c>
      <c r="IU36" s="90">
        <v>174</v>
      </c>
      <c r="IV36" s="87">
        <v>20</v>
      </c>
      <c r="IW36" s="88">
        <v>22</v>
      </c>
      <c r="IX36" s="89">
        <v>42</v>
      </c>
      <c r="IY36" s="399">
        <v>0</v>
      </c>
      <c r="IZ36" s="88">
        <v>63</v>
      </c>
      <c r="JA36" s="88">
        <v>29</v>
      </c>
      <c r="JB36" s="88">
        <v>31</v>
      </c>
      <c r="JC36" s="88">
        <v>26</v>
      </c>
      <c r="JD36" s="88">
        <v>19</v>
      </c>
      <c r="JE36" s="89">
        <v>168</v>
      </c>
      <c r="JF36" s="90">
        <v>210</v>
      </c>
      <c r="JG36" s="87">
        <v>12</v>
      </c>
      <c r="JH36" s="88">
        <v>19</v>
      </c>
      <c r="JI36" s="89">
        <v>31</v>
      </c>
      <c r="JJ36" s="399">
        <v>0</v>
      </c>
      <c r="JK36" s="88">
        <v>65</v>
      </c>
      <c r="JL36" s="88">
        <v>42</v>
      </c>
      <c r="JM36" s="88">
        <v>46</v>
      </c>
      <c r="JN36" s="88">
        <v>32</v>
      </c>
      <c r="JO36" s="88">
        <v>23</v>
      </c>
      <c r="JP36" s="89">
        <v>208</v>
      </c>
      <c r="JQ36" s="90">
        <v>239</v>
      </c>
      <c r="JR36" s="87">
        <v>1</v>
      </c>
      <c r="JS36" s="88">
        <v>1</v>
      </c>
      <c r="JT36" s="89">
        <v>2</v>
      </c>
      <c r="JU36" s="399">
        <v>0</v>
      </c>
      <c r="JV36" s="88">
        <v>2</v>
      </c>
      <c r="JW36" s="88">
        <v>1</v>
      </c>
      <c r="JX36" s="88">
        <v>0</v>
      </c>
      <c r="JY36" s="88">
        <v>2</v>
      </c>
      <c r="JZ36" s="88">
        <v>1</v>
      </c>
      <c r="KA36" s="89">
        <v>6</v>
      </c>
      <c r="KB36" s="90">
        <v>8</v>
      </c>
      <c r="KC36" s="87">
        <v>75</v>
      </c>
      <c r="KD36" s="88">
        <v>94</v>
      </c>
      <c r="KE36" s="89">
        <v>169</v>
      </c>
      <c r="KF36" s="399">
        <v>0</v>
      </c>
      <c r="KG36" s="88">
        <v>223</v>
      </c>
      <c r="KH36" s="88">
        <v>122</v>
      </c>
      <c r="KI36" s="88">
        <v>130</v>
      </c>
      <c r="KJ36" s="88">
        <v>96</v>
      </c>
      <c r="KK36" s="88">
        <v>71</v>
      </c>
      <c r="KL36" s="89">
        <v>642</v>
      </c>
      <c r="KM36" s="90">
        <v>811</v>
      </c>
    </row>
    <row r="37" spans="2:299" s="56" customFormat="1" ht="21" customHeight="1" x14ac:dyDescent="0.2">
      <c r="B37" s="92" t="s">
        <v>34</v>
      </c>
      <c r="C37" s="82">
        <v>14</v>
      </c>
      <c r="D37" s="83">
        <v>25</v>
      </c>
      <c r="E37" s="84">
        <v>39</v>
      </c>
      <c r="F37" s="399">
        <v>0</v>
      </c>
      <c r="G37" s="83">
        <v>44</v>
      </c>
      <c r="H37" s="83">
        <v>37</v>
      </c>
      <c r="I37" s="83">
        <v>16</v>
      </c>
      <c r="J37" s="83">
        <v>30</v>
      </c>
      <c r="K37" s="83">
        <v>9</v>
      </c>
      <c r="L37" s="85">
        <v>136</v>
      </c>
      <c r="M37" s="86">
        <v>175</v>
      </c>
      <c r="N37" s="87">
        <v>0</v>
      </c>
      <c r="O37" s="88">
        <v>2</v>
      </c>
      <c r="P37" s="89">
        <v>2</v>
      </c>
      <c r="Q37" s="399">
        <v>0</v>
      </c>
      <c r="R37" s="88">
        <v>4</v>
      </c>
      <c r="S37" s="88">
        <v>0</v>
      </c>
      <c r="T37" s="88">
        <v>0</v>
      </c>
      <c r="U37" s="88">
        <v>2</v>
      </c>
      <c r="V37" s="88">
        <v>0</v>
      </c>
      <c r="W37" s="89">
        <v>6</v>
      </c>
      <c r="X37" s="90">
        <v>8</v>
      </c>
      <c r="Y37" s="87">
        <v>0</v>
      </c>
      <c r="Z37" s="88">
        <v>2</v>
      </c>
      <c r="AA37" s="89">
        <v>2</v>
      </c>
      <c r="AB37" s="399">
        <v>0</v>
      </c>
      <c r="AC37" s="88">
        <v>4</v>
      </c>
      <c r="AD37" s="88">
        <v>4</v>
      </c>
      <c r="AE37" s="88">
        <v>2</v>
      </c>
      <c r="AF37" s="88">
        <v>3</v>
      </c>
      <c r="AG37" s="88">
        <v>0</v>
      </c>
      <c r="AH37" s="89">
        <v>13</v>
      </c>
      <c r="AI37" s="90">
        <v>15</v>
      </c>
      <c r="AJ37" s="87">
        <v>1</v>
      </c>
      <c r="AK37" s="88">
        <v>4</v>
      </c>
      <c r="AL37" s="89">
        <v>5</v>
      </c>
      <c r="AM37" s="399">
        <v>0</v>
      </c>
      <c r="AN37" s="88">
        <v>5</v>
      </c>
      <c r="AO37" s="88">
        <v>6</v>
      </c>
      <c r="AP37" s="88">
        <v>2</v>
      </c>
      <c r="AQ37" s="88">
        <v>8</v>
      </c>
      <c r="AR37" s="88">
        <v>1</v>
      </c>
      <c r="AS37" s="89">
        <v>22</v>
      </c>
      <c r="AT37" s="90">
        <v>27</v>
      </c>
      <c r="AU37" s="87">
        <v>6</v>
      </c>
      <c r="AV37" s="88">
        <v>5</v>
      </c>
      <c r="AW37" s="89">
        <v>11</v>
      </c>
      <c r="AX37" s="399">
        <v>0</v>
      </c>
      <c r="AY37" s="88">
        <v>12</v>
      </c>
      <c r="AZ37" s="88">
        <v>9</v>
      </c>
      <c r="BA37" s="88">
        <v>7</v>
      </c>
      <c r="BB37" s="88">
        <v>6</v>
      </c>
      <c r="BC37" s="88">
        <v>5</v>
      </c>
      <c r="BD37" s="89">
        <v>39</v>
      </c>
      <c r="BE37" s="90">
        <v>50</v>
      </c>
      <c r="BF37" s="87">
        <v>2</v>
      </c>
      <c r="BG37" s="88">
        <v>9</v>
      </c>
      <c r="BH37" s="89">
        <v>11</v>
      </c>
      <c r="BI37" s="399">
        <v>0</v>
      </c>
      <c r="BJ37" s="88">
        <v>9</v>
      </c>
      <c r="BK37" s="88">
        <v>5</v>
      </c>
      <c r="BL37" s="88">
        <v>2</v>
      </c>
      <c r="BM37" s="88">
        <v>5</v>
      </c>
      <c r="BN37" s="88">
        <v>2</v>
      </c>
      <c r="BO37" s="89">
        <v>23</v>
      </c>
      <c r="BP37" s="90">
        <v>34</v>
      </c>
      <c r="BQ37" s="87">
        <v>5</v>
      </c>
      <c r="BR37" s="88">
        <v>3</v>
      </c>
      <c r="BS37" s="89">
        <v>8</v>
      </c>
      <c r="BT37" s="399">
        <v>0</v>
      </c>
      <c r="BU37" s="88">
        <v>10</v>
      </c>
      <c r="BV37" s="88">
        <v>13</v>
      </c>
      <c r="BW37" s="88">
        <v>3</v>
      </c>
      <c r="BX37" s="88">
        <v>6</v>
      </c>
      <c r="BY37" s="88">
        <v>1</v>
      </c>
      <c r="BZ37" s="89">
        <v>33</v>
      </c>
      <c r="CA37" s="90">
        <v>41</v>
      </c>
      <c r="CB37" s="87">
        <v>0</v>
      </c>
      <c r="CC37" s="88">
        <v>0</v>
      </c>
      <c r="CD37" s="89">
        <v>0</v>
      </c>
      <c r="CE37" s="399">
        <v>0</v>
      </c>
      <c r="CF37" s="88">
        <v>1</v>
      </c>
      <c r="CG37" s="88">
        <v>0</v>
      </c>
      <c r="CH37" s="88">
        <v>1</v>
      </c>
      <c r="CI37" s="88">
        <v>1</v>
      </c>
      <c r="CJ37" s="88">
        <v>2</v>
      </c>
      <c r="CK37" s="89">
        <v>5</v>
      </c>
      <c r="CL37" s="90">
        <v>5</v>
      </c>
      <c r="CM37" s="87">
        <v>14</v>
      </c>
      <c r="CN37" s="88">
        <v>25</v>
      </c>
      <c r="CO37" s="89">
        <v>39</v>
      </c>
      <c r="CP37" s="399">
        <v>0</v>
      </c>
      <c r="CQ37" s="88">
        <v>45</v>
      </c>
      <c r="CR37" s="88">
        <v>37</v>
      </c>
      <c r="CS37" s="88">
        <v>17</v>
      </c>
      <c r="CT37" s="88">
        <v>31</v>
      </c>
      <c r="CU37" s="88">
        <v>11</v>
      </c>
      <c r="CV37" s="89">
        <v>141</v>
      </c>
      <c r="CW37" s="90">
        <v>180</v>
      </c>
      <c r="CX37" s="91">
        <v>47</v>
      </c>
      <c r="CY37" s="83">
        <v>45</v>
      </c>
      <c r="CZ37" s="84">
        <v>92</v>
      </c>
      <c r="DA37" s="399">
        <v>0</v>
      </c>
      <c r="DB37" s="83">
        <v>97</v>
      </c>
      <c r="DC37" s="83">
        <v>46</v>
      </c>
      <c r="DD37" s="83">
        <v>41</v>
      </c>
      <c r="DE37" s="83">
        <v>51</v>
      </c>
      <c r="DF37" s="83">
        <v>31</v>
      </c>
      <c r="DG37" s="85">
        <v>266</v>
      </c>
      <c r="DH37" s="86">
        <v>358</v>
      </c>
      <c r="DI37" s="87">
        <v>1</v>
      </c>
      <c r="DJ37" s="88">
        <v>1</v>
      </c>
      <c r="DK37" s="89">
        <v>2</v>
      </c>
      <c r="DL37" s="399">
        <v>0</v>
      </c>
      <c r="DM37" s="88">
        <v>1</v>
      </c>
      <c r="DN37" s="88">
        <v>1</v>
      </c>
      <c r="DO37" s="88">
        <v>2</v>
      </c>
      <c r="DP37" s="88">
        <v>0</v>
      </c>
      <c r="DQ37" s="88">
        <v>2</v>
      </c>
      <c r="DR37" s="89">
        <v>6</v>
      </c>
      <c r="DS37" s="90">
        <v>8</v>
      </c>
      <c r="DT37" s="87">
        <v>2</v>
      </c>
      <c r="DU37" s="88">
        <v>0</v>
      </c>
      <c r="DV37" s="89">
        <v>2</v>
      </c>
      <c r="DW37" s="399">
        <v>0</v>
      </c>
      <c r="DX37" s="88">
        <v>3</v>
      </c>
      <c r="DY37" s="88">
        <v>1</v>
      </c>
      <c r="DZ37" s="88">
        <v>1</v>
      </c>
      <c r="EA37" s="88">
        <v>1</v>
      </c>
      <c r="EB37" s="88">
        <v>2</v>
      </c>
      <c r="EC37" s="89">
        <v>8</v>
      </c>
      <c r="ED37" s="90">
        <v>10</v>
      </c>
      <c r="EE37" s="87">
        <v>9</v>
      </c>
      <c r="EF37" s="88">
        <v>4</v>
      </c>
      <c r="EG37" s="89">
        <v>13</v>
      </c>
      <c r="EH37" s="399">
        <v>0</v>
      </c>
      <c r="EI37" s="88">
        <v>11</v>
      </c>
      <c r="EJ37" s="88">
        <v>2</v>
      </c>
      <c r="EK37" s="88">
        <v>5</v>
      </c>
      <c r="EL37" s="88">
        <v>2</v>
      </c>
      <c r="EM37" s="88">
        <v>2</v>
      </c>
      <c r="EN37" s="89">
        <v>22</v>
      </c>
      <c r="EO37" s="90">
        <v>35</v>
      </c>
      <c r="EP37" s="87">
        <v>11</v>
      </c>
      <c r="EQ37" s="88">
        <v>7</v>
      </c>
      <c r="ER37" s="89">
        <v>18</v>
      </c>
      <c r="ES37" s="399">
        <v>0</v>
      </c>
      <c r="ET37" s="88">
        <v>16</v>
      </c>
      <c r="EU37" s="88">
        <v>7</v>
      </c>
      <c r="EV37" s="88">
        <v>16</v>
      </c>
      <c r="EW37" s="88">
        <v>7</v>
      </c>
      <c r="EX37" s="88">
        <v>6</v>
      </c>
      <c r="EY37" s="89">
        <v>52</v>
      </c>
      <c r="EZ37" s="90">
        <v>70</v>
      </c>
      <c r="FA37" s="87">
        <v>16</v>
      </c>
      <c r="FB37" s="88">
        <v>20</v>
      </c>
      <c r="FC37" s="89">
        <v>36</v>
      </c>
      <c r="FD37" s="399">
        <v>0</v>
      </c>
      <c r="FE37" s="88">
        <v>34</v>
      </c>
      <c r="FF37" s="88">
        <v>16</v>
      </c>
      <c r="FG37" s="88">
        <v>8</v>
      </c>
      <c r="FH37" s="88">
        <v>9</v>
      </c>
      <c r="FI37" s="88">
        <v>5</v>
      </c>
      <c r="FJ37" s="89">
        <v>72</v>
      </c>
      <c r="FK37" s="90">
        <v>108</v>
      </c>
      <c r="FL37" s="87">
        <v>8</v>
      </c>
      <c r="FM37" s="88">
        <v>13</v>
      </c>
      <c r="FN37" s="89">
        <v>21</v>
      </c>
      <c r="FO37" s="399">
        <v>0</v>
      </c>
      <c r="FP37" s="88">
        <v>32</v>
      </c>
      <c r="FQ37" s="88">
        <v>19</v>
      </c>
      <c r="FR37" s="88">
        <v>9</v>
      </c>
      <c r="FS37" s="88">
        <v>32</v>
      </c>
      <c r="FT37" s="88">
        <v>14</v>
      </c>
      <c r="FU37" s="89">
        <v>106</v>
      </c>
      <c r="FV37" s="90">
        <v>127</v>
      </c>
      <c r="FW37" s="87">
        <v>0</v>
      </c>
      <c r="FX37" s="88">
        <v>0</v>
      </c>
      <c r="FY37" s="89">
        <v>0</v>
      </c>
      <c r="FZ37" s="399">
        <v>0</v>
      </c>
      <c r="GA37" s="88">
        <v>1</v>
      </c>
      <c r="GB37" s="88">
        <v>1</v>
      </c>
      <c r="GC37" s="88">
        <v>1</v>
      </c>
      <c r="GD37" s="88">
        <v>0</v>
      </c>
      <c r="GE37" s="88">
        <v>1</v>
      </c>
      <c r="GF37" s="89">
        <v>4</v>
      </c>
      <c r="GG37" s="90">
        <v>4</v>
      </c>
      <c r="GH37" s="87">
        <v>47</v>
      </c>
      <c r="GI37" s="88">
        <v>45</v>
      </c>
      <c r="GJ37" s="89">
        <v>92</v>
      </c>
      <c r="GK37" s="399">
        <v>0</v>
      </c>
      <c r="GL37" s="88">
        <v>98</v>
      </c>
      <c r="GM37" s="88">
        <v>47</v>
      </c>
      <c r="GN37" s="88">
        <v>42</v>
      </c>
      <c r="GO37" s="88">
        <v>51</v>
      </c>
      <c r="GP37" s="88">
        <v>32</v>
      </c>
      <c r="GQ37" s="89">
        <v>270</v>
      </c>
      <c r="GR37" s="90">
        <v>362</v>
      </c>
      <c r="GS37" s="91">
        <v>61</v>
      </c>
      <c r="GT37" s="83">
        <v>70</v>
      </c>
      <c r="GU37" s="84">
        <v>131</v>
      </c>
      <c r="GV37" s="399">
        <v>0</v>
      </c>
      <c r="GW37" s="83">
        <v>141</v>
      </c>
      <c r="GX37" s="83">
        <v>83</v>
      </c>
      <c r="GY37" s="83">
        <v>57</v>
      </c>
      <c r="GZ37" s="83">
        <v>81</v>
      </c>
      <c r="HA37" s="83">
        <v>40</v>
      </c>
      <c r="HB37" s="85">
        <v>402</v>
      </c>
      <c r="HC37" s="86">
        <v>533</v>
      </c>
      <c r="HD37" s="87">
        <v>1</v>
      </c>
      <c r="HE37" s="88">
        <v>3</v>
      </c>
      <c r="HF37" s="89">
        <v>4</v>
      </c>
      <c r="HG37" s="402">
        <v>0</v>
      </c>
      <c r="HH37" s="88">
        <v>5</v>
      </c>
      <c r="HI37" s="88">
        <v>1</v>
      </c>
      <c r="HJ37" s="88">
        <v>2</v>
      </c>
      <c r="HK37" s="88">
        <v>2</v>
      </c>
      <c r="HL37" s="88">
        <v>2</v>
      </c>
      <c r="HM37" s="89">
        <v>12</v>
      </c>
      <c r="HN37" s="90">
        <v>16</v>
      </c>
      <c r="HO37" s="87">
        <v>2</v>
      </c>
      <c r="HP37" s="88">
        <v>2</v>
      </c>
      <c r="HQ37" s="89">
        <v>4</v>
      </c>
      <c r="HR37" s="399">
        <v>0</v>
      </c>
      <c r="HS37" s="88">
        <v>7</v>
      </c>
      <c r="HT37" s="88">
        <v>5</v>
      </c>
      <c r="HU37" s="88">
        <v>3</v>
      </c>
      <c r="HV37" s="88">
        <v>4</v>
      </c>
      <c r="HW37" s="88">
        <v>2</v>
      </c>
      <c r="HX37" s="89">
        <v>21</v>
      </c>
      <c r="HY37" s="90">
        <v>25</v>
      </c>
      <c r="HZ37" s="87">
        <v>10</v>
      </c>
      <c r="IA37" s="88">
        <v>8</v>
      </c>
      <c r="IB37" s="89">
        <v>18</v>
      </c>
      <c r="IC37" s="399">
        <v>0</v>
      </c>
      <c r="ID37" s="88">
        <v>16</v>
      </c>
      <c r="IE37" s="88">
        <v>8</v>
      </c>
      <c r="IF37" s="88">
        <v>7</v>
      </c>
      <c r="IG37" s="88">
        <v>10</v>
      </c>
      <c r="IH37" s="88">
        <v>3</v>
      </c>
      <c r="II37" s="89">
        <v>44</v>
      </c>
      <c r="IJ37" s="90">
        <v>62</v>
      </c>
      <c r="IK37" s="87">
        <v>17</v>
      </c>
      <c r="IL37" s="88">
        <v>12</v>
      </c>
      <c r="IM37" s="89">
        <v>29</v>
      </c>
      <c r="IN37" s="399">
        <v>0</v>
      </c>
      <c r="IO37" s="88">
        <v>28</v>
      </c>
      <c r="IP37" s="88">
        <v>16</v>
      </c>
      <c r="IQ37" s="88">
        <v>23</v>
      </c>
      <c r="IR37" s="88">
        <v>13</v>
      </c>
      <c r="IS37" s="88">
        <v>11</v>
      </c>
      <c r="IT37" s="89">
        <v>91</v>
      </c>
      <c r="IU37" s="90">
        <v>120</v>
      </c>
      <c r="IV37" s="87">
        <v>18</v>
      </c>
      <c r="IW37" s="88">
        <v>29</v>
      </c>
      <c r="IX37" s="89">
        <v>47</v>
      </c>
      <c r="IY37" s="399">
        <v>0</v>
      </c>
      <c r="IZ37" s="88">
        <v>43</v>
      </c>
      <c r="JA37" s="88">
        <v>21</v>
      </c>
      <c r="JB37" s="88">
        <v>10</v>
      </c>
      <c r="JC37" s="88">
        <v>14</v>
      </c>
      <c r="JD37" s="88">
        <v>7</v>
      </c>
      <c r="JE37" s="89">
        <v>95</v>
      </c>
      <c r="JF37" s="90">
        <v>142</v>
      </c>
      <c r="JG37" s="87">
        <v>13</v>
      </c>
      <c r="JH37" s="88">
        <v>16</v>
      </c>
      <c r="JI37" s="89">
        <v>29</v>
      </c>
      <c r="JJ37" s="399">
        <v>0</v>
      </c>
      <c r="JK37" s="88">
        <v>42</v>
      </c>
      <c r="JL37" s="88">
        <v>32</v>
      </c>
      <c r="JM37" s="88">
        <v>12</v>
      </c>
      <c r="JN37" s="88">
        <v>38</v>
      </c>
      <c r="JO37" s="88">
        <v>15</v>
      </c>
      <c r="JP37" s="89">
        <v>139</v>
      </c>
      <c r="JQ37" s="90">
        <v>168</v>
      </c>
      <c r="JR37" s="87">
        <v>0</v>
      </c>
      <c r="JS37" s="88">
        <v>0</v>
      </c>
      <c r="JT37" s="89">
        <v>0</v>
      </c>
      <c r="JU37" s="399">
        <v>0</v>
      </c>
      <c r="JV37" s="88">
        <v>2</v>
      </c>
      <c r="JW37" s="88">
        <v>1</v>
      </c>
      <c r="JX37" s="88">
        <v>2</v>
      </c>
      <c r="JY37" s="88">
        <v>1</v>
      </c>
      <c r="JZ37" s="88">
        <v>3</v>
      </c>
      <c r="KA37" s="89">
        <v>9</v>
      </c>
      <c r="KB37" s="90">
        <v>9</v>
      </c>
      <c r="KC37" s="87">
        <v>61</v>
      </c>
      <c r="KD37" s="88">
        <v>70</v>
      </c>
      <c r="KE37" s="89">
        <v>131</v>
      </c>
      <c r="KF37" s="399">
        <v>0</v>
      </c>
      <c r="KG37" s="88">
        <v>143</v>
      </c>
      <c r="KH37" s="88">
        <v>84</v>
      </c>
      <c r="KI37" s="88">
        <v>59</v>
      </c>
      <c r="KJ37" s="88">
        <v>82</v>
      </c>
      <c r="KK37" s="88">
        <v>43</v>
      </c>
      <c r="KL37" s="89">
        <v>411</v>
      </c>
      <c r="KM37" s="90">
        <v>542</v>
      </c>
    </row>
    <row r="38" spans="2:299" s="56" customFormat="1" ht="21" customHeight="1" x14ac:dyDescent="0.2">
      <c r="B38" s="92" t="s">
        <v>35</v>
      </c>
      <c r="C38" s="82">
        <v>55</v>
      </c>
      <c r="D38" s="83">
        <v>59</v>
      </c>
      <c r="E38" s="84">
        <v>114</v>
      </c>
      <c r="F38" s="399">
        <v>0</v>
      </c>
      <c r="G38" s="83">
        <v>141</v>
      </c>
      <c r="H38" s="83">
        <v>99</v>
      </c>
      <c r="I38" s="83">
        <v>45</v>
      </c>
      <c r="J38" s="83">
        <v>57</v>
      </c>
      <c r="K38" s="83">
        <v>29</v>
      </c>
      <c r="L38" s="85">
        <v>371</v>
      </c>
      <c r="M38" s="86">
        <v>485</v>
      </c>
      <c r="N38" s="87">
        <v>2</v>
      </c>
      <c r="O38" s="88">
        <v>1</v>
      </c>
      <c r="P38" s="89">
        <v>3</v>
      </c>
      <c r="Q38" s="399">
        <v>0</v>
      </c>
      <c r="R38" s="88">
        <v>9</v>
      </c>
      <c r="S38" s="88">
        <v>12</v>
      </c>
      <c r="T38" s="88">
        <v>4</v>
      </c>
      <c r="U38" s="88">
        <v>2</v>
      </c>
      <c r="V38" s="88">
        <v>0</v>
      </c>
      <c r="W38" s="89">
        <v>27</v>
      </c>
      <c r="X38" s="90">
        <v>30</v>
      </c>
      <c r="Y38" s="87">
        <v>3</v>
      </c>
      <c r="Z38" s="88">
        <v>2</v>
      </c>
      <c r="AA38" s="89">
        <v>5</v>
      </c>
      <c r="AB38" s="399">
        <v>0</v>
      </c>
      <c r="AC38" s="88">
        <v>11</v>
      </c>
      <c r="AD38" s="88">
        <v>8</v>
      </c>
      <c r="AE38" s="88">
        <v>10</v>
      </c>
      <c r="AF38" s="88">
        <v>1</v>
      </c>
      <c r="AG38" s="88">
        <v>5</v>
      </c>
      <c r="AH38" s="89">
        <v>35</v>
      </c>
      <c r="AI38" s="90">
        <v>40</v>
      </c>
      <c r="AJ38" s="87">
        <v>12</v>
      </c>
      <c r="AK38" s="88">
        <v>12</v>
      </c>
      <c r="AL38" s="89">
        <v>24</v>
      </c>
      <c r="AM38" s="399">
        <v>0</v>
      </c>
      <c r="AN38" s="88">
        <v>20</v>
      </c>
      <c r="AO38" s="88">
        <v>11</v>
      </c>
      <c r="AP38" s="88">
        <v>9</v>
      </c>
      <c r="AQ38" s="88">
        <v>12</v>
      </c>
      <c r="AR38" s="88">
        <v>8</v>
      </c>
      <c r="AS38" s="89">
        <v>60</v>
      </c>
      <c r="AT38" s="90">
        <v>84</v>
      </c>
      <c r="AU38" s="87">
        <v>13</v>
      </c>
      <c r="AV38" s="88">
        <v>20</v>
      </c>
      <c r="AW38" s="89">
        <v>33</v>
      </c>
      <c r="AX38" s="399">
        <v>0</v>
      </c>
      <c r="AY38" s="88">
        <v>50</v>
      </c>
      <c r="AZ38" s="88">
        <v>22</v>
      </c>
      <c r="BA38" s="88">
        <v>4</v>
      </c>
      <c r="BB38" s="88">
        <v>16</v>
      </c>
      <c r="BC38" s="88">
        <v>2</v>
      </c>
      <c r="BD38" s="89">
        <v>94</v>
      </c>
      <c r="BE38" s="90">
        <v>127</v>
      </c>
      <c r="BF38" s="87">
        <v>16</v>
      </c>
      <c r="BG38" s="88">
        <v>12</v>
      </c>
      <c r="BH38" s="89">
        <v>28</v>
      </c>
      <c r="BI38" s="399">
        <v>0</v>
      </c>
      <c r="BJ38" s="88">
        <v>33</v>
      </c>
      <c r="BK38" s="88">
        <v>25</v>
      </c>
      <c r="BL38" s="88">
        <v>9</v>
      </c>
      <c r="BM38" s="88">
        <v>10</v>
      </c>
      <c r="BN38" s="88">
        <v>4</v>
      </c>
      <c r="BO38" s="89">
        <v>81</v>
      </c>
      <c r="BP38" s="90">
        <v>109</v>
      </c>
      <c r="BQ38" s="87">
        <v>9</v>
      </c>
      <c r="BR38" s="88">
        <v>12</v>
      </c>
      <c r="BS38" s="89">
        <v>21</v>
      </c>
      <c r="BT38" s="399">
        <v>0</v>
      </c>
      <c r="BU38" s="88">
        <v>18</v>
      </c>
      <c r="BV38" s="88">
        <v>21</v>
      </c>
      <c r="BW38" s="88">
        <v>9</v>
      </c>
      <c r="BX38" s="88">
        <v>16</v>
      </c>
      <c r="BY38" s="88">
        <v>10</v>
      </c>
      <c r="BZ38" s="89">
        <v>74</v>
      </c>
      <c r="CA38" s="90">
        <v>95</v>
      </c>
      <c r="CB38" s="87">
        <v>1</v>
      </c>
      <c r="CC38" s="88">
        <v>1</v>
      </c>
      <c r="CD38" s="89">
        <v>2</v>
      </c>
      <c r="CE38" s="399">
        <v>0</v>
      </c>
      <c r="CF38" s="88">
        <v>4</v>
      </c>
      <c r="CG38" s="88">
        <v>2</v>
      </c>
      <c r="CH38" s="88">
        <v>1</v>
      </c>
      <c r="CI38" s="88">
        <v>4</v>
      </c>
      <c r="CJ38" s="88">
        <v>1</v>
      </c>
      <c r="CK38" s="89">
        <v>12</v>
      </c>
      <c r="CL38" s="90">
        <v>14</v>
      </c>
      <c r="CM38" s="87">
        <v>56</v>
      </c>
      <c r="CN38" s="88">
        <v>60</v>
      </c>
      <c r="CO38" s="89">
        <v>116</v>
      </c>
      <c r="CP38" s="399">
        <v>0</v>
      </c>
      <c r="CQ38" s="88">
        <v>145</v>
      </c>
      <c r="CR38" s="88">
        <v>101</v>
      </c>
      <c r="CS38" s="88">
        <v>46</v>
      </c>
      <c r="CT38" s="88">
        <v>61</v>
      </c>
      <c r="CU38" s="88">
        <v>30</v>
      </c>
      <c r="CV38" s="89">
        <v>383</v>
      </c>
      <c r="CW38" s="90">
        <v>499</v>
      </c>
      <c r="CX38" s="91">
        <v>151</v>
      </c>
      <c r="CY38" s="83">
        <v>172</v>
      </c>
      <c r="CZ38" s="84">
        <v>323</v>
      </c>
      <c r="DA38" s="399">
        <v>0</v>
      </c>
      <c r="DB38" s="83">
        <v>327</v>
      </c>
      <c r="DC38" s="83">
        <v>169</v>
      </c>
      <c r="DD38" s="83">
        <v>149</v>
      </c>
      <c r="DE38" s="83">
        <v>166</v>
      </c>
      <c r="DF38" s="83">
        <v>100</v>
      </c>
      <c r="DG38" s="85">
        <v>911</v>
      </c>
      <c r="DH38" s="86">
        <v>1234</v>
      </c>
      <c r="DI38" s="87">
        <v>4</v>
      </c>
      <c r="DJ38" s="88">
        <v>5</v>
      </c>
      <c r="DK38" s="89">
        <v>9</v>
      </c>
      <c r="DL38" s="399">
        <v>0</v>
      </c>
      <c r="DM38" s="88">
        <v>3</v>
      </c>
      <c r="DN38" s="88">
        <v>3</v>
      </c>
      <c r="DO38" s="88">
        <v>2</v>
      </c>
      <c r="DP38" s="88">
        <v>3</v>
      </c>
      <c r="DQ38" s="88">
        <v>1</v>
      </c>
      <c r="DR38" s="89">
        <v>12</v>
      </c>
      <c r="DS38" s="90">
        <v>21</v>
      </c>
      <c r="DT38" s="87">
        <v>12</v>
      </c>
      <c r="DU38" s="88">
        <v>12</v>
      </c>
      <c r="DV38" s="89">
        <v>24</v>
      </c>
      <c r="DW38" s="399">
        <v>0</v>
      </c>
      <c r="DX38" s="88">
        <v>10</v>
      </c>
      <c r="DY38" s="88">
        <v>8</v>
      </c>
      <c r="DZ38" s="88">
        <v>7</v>
      </c>
      <c r="EA38" s="88">
        <v>9</v>
      </c>
      <c r="EB38" s="88">
        <v>6</v>
      </c>
      <c r="EC38" s="89">
        <v>40</v>
      </c>
      <c r="ED38" s="90">
        <v>64</v>
      </c>
      <c r="EE38" s="87">
        <v>29</v>
      </c>
      <c r="EF38" s="88">
        <v>19</v>
      </c>
      <c r="EG38" s="89">
        <v>48</v>
      </c>
      <c r="EH38" s="399">
        <v>0</v>
      </c>
      <c r="EI38" s="88">
        <v>33</v>
      </c>
      <c r="EJ38" s="88">
        <v>14</v>
      </c>
      <c r="EK38" s="88">
        <v>7</v>
      </c>
      <c r="EL38" s="88">
        <v>5</v>
      </c>
      <c r="EM38" s="88">
        <v>7</v>
      </c>
      <c r="EN38" s="89">
        <v>66</v>
      </c>
      <c r="EO38" s="90">
        <v>114</v>
      </c>
      <c r="EP38" s="87">
        <v>44</v>
      </c>
      <c r="EQ38" s="88">
        <v>51</v>
      </c>
      <c r="ER38" s="89">
        <v>95</v>
      </c>
      <c r="ES38" s="399">
        <v>0</v>
      </c>
      <c r="ET38" s="88">
        <v>72</v>
      </c>
      <c r="EU38" s="88">
        <v>31</v>
      </c>
      <c r="EV38" s="88">
        <v>28</v>
      </c>
      <c r="EW38" s="88">
        <v>27</v>
      </c>
      <c r="EX38" s="88">
        <v>16</v>
      </c>
      <c r="EY38" s="89">
        <v>174</v>
      </c>
      <c r="EZ38" s="90">
        <v>269</v>
      </c>
      <c r="FA38" s="87">
        <v>39</v>
      </c>
      <c r="FB38" s="88">
        <v>55</v>
      </c>
      <c r="FC38" s="89">
        <v>94</v>
      </c>
      <c r="FD38" s="399">
        <v>0</v>
      </c>
      <c r="FE38" s="88">
        <v>101</v>
      </c>
      <c r="FF38" s="88">
        <v>45</v>
      </c>
      <c r="FG38" s="88">
        <v>34</v>
      </c>
      <c r="FH38" s="88">
        <v>48</v>
      </c>
      <c r="FI38" s="88">
        <v>24</v>
      </c>
      <c r="FJ38" s="89">
        <v>252</v>
      </c>
      <c r="FK38" s="90">
        <v>346</v>
      </c>
      <c r="FL38" s="87">
        <v>23</v>
      </c>
      <c r="FM38" s="88">
        <v>30</v>
      </c>
      <c r="FN38" s="89">
        <v>53</v>
      </c>
      <c r="FO38" s="399">
        <v>0</v>
      </c>
      <c r="FP38" s="88">
        <v>108</v>
      </c>
      <c r="FQ38" s="88">
        <v>68</v>
      </c>
      <c r="FR38" s="88">
        <v>71</v>
      </c>
      <c r="FS38" s="88">
        <v>74</v>
      </c>
      <c r="FT38" s="88">
        <v>46</v>
      </c>
      <c r="FU38" s="89">
        <v>367</v>
      </c>
      <c r="FV38" s="90">
        <v>420</v>
      </c>
      <c r="FW38" s="87">
        <v>0</v>
      </c>
      <c r="FX38" s="88">
        <v>0</v>
      </c>
      <c r="FY38" s="89">
        <v>0</v>
      </c>
      <c r="FZ38" s="399">
        <v>0</v>
      </c>
      <c r="GA38" s="88">
        <v>2</v>
      </c>
      <c r="GB38" s="88">
        <v>3</v>
      </c>
      <c r="GC38" s="88">
        <v>0</v>
      </c>
      <c r="GD38" s="88">
        <v>1</v>
      </c>
      <c r="GE38" s="88">
        <v>1</v>
      </c>
      <c r="GF38" s="89">
        <v>7</v>
      </c>
      <c r="GG38" s="90">
        <v>7</v>
      </c>
      <c r="GH38" s="87">
        <v>151</v>
      </c>
      <c r="GI38" s="88">
        <v>172</v>
      </c>
      <c r="GJ38" s="89">
        <v>323</v>
      </c>
      <c r="GK38" s="399">
        <v>0</v>
      </c>
      <c r="GL38" s="88">
        <v>329</v>
      </c>
      <c r="GM38" s="88">
        <v>172</v>
      </c>
      <c r="GN38" s="88">
        <v>149</v>
      </c>
      <c r="GO38" s="88">
        <v>167</v>
      </c>
      <c r="GP38" s="88">
        <v>101</v>
      </c>
      <c r="GQ38" s="89">
        <v>918</v>
      </c>
      <c r="GR38" s="90">
        <v>1241</v>
      </c>
      <c r="GS38" s="91">
        <v>206</v>
      </c>
      <c r="GT38" s="83">
        <v>231</v>
      </c>
      <c r="GU38" s="84">
        <v>437</v>
      </c>
      <c r="GV38" s="399">
        <v>0</v>
      </c>
      <c r="GW38" s="83">
        <v>468</v>
      </c>
      <c r="GX38" s="83">
        <v>268</v>
      </c>
      <c r="GY38" s="83">
        <v>194</v>
      </c>
      <c r="GZ38" s="83">
        <v>223</v>
      </c>
      <c r="HA38" s="83">
        <v>129</v>
      </c>
      <c r="HB38" s="85">
        <v>1282</v>
      </c>
      <c r="HC38" s="86">
        <v>1719</v>
      </c>
      <c r="HD38" s="87">
        <v>6</v>
      </c>
      <c r="HE38" s="88">
        <v>6</v>
      </c>
      <c r="HF38" s="89">
        <v>12</v>
      </c>
      <c r="HG38" s="402">
        <v>0</v>
      </c>
      <c r="HH38" s="88">
        <v>12</v>
      </c>
      <c r="HI38" s="88">
        <v>15</v>
      </c>
      <c r="HJ38" s="88">
        <v>6</v>
      </c>
      <c r="HK38" s="88">
        <v>5</v>
      </c>
      <c r="HL38" s="88">
        <v>1</v>
      </c>
      <c r="HM38" s="89">
        <v>39</v>
      </c>
      <c r="HN38" s="90">
        <v>51</v>
      </c>
      <c r="HO38" s="87">
        <v>15</v>
      </c>
      <c r="HP38" s="88">
        <v>14</v>
      </c>
      <c r="HQ38" s="89">
        <v>29</v>
      </c>
      <c r="HR38" s="399">
        <v>0</v>
      </c>
      <c r="HS38" s="88">
        <v>21</v>
      </c>
      <c r="HT38" s="88">
        <v>16</v>
      </c>
      <c r="HU38" s="88">
        <v>17</v>
      </c>
      <c r="HV38" s="88">
        <v>10</v>
      </c>
      <c r="HW38" s="88">
        <v>11</v>
      </c>
      <c r="HX38" s="89">
        <v>75</v>
      </c>
      <c r="HY38" s="90">
        <v>104</v>
      </c>
      <c r="HZ38" s="87">
        <v>41</v>
      </c>
      <c r="IA38" s="88">
        <v>31</v>
      </c>
      <c r="IB38" s="89">
        <v>72</v>
      </c>
      <c r="IC38" s="399">
        <v>0</v>
      </c>
      <c r="ID38" s="88">
        <v>53</v>
      </c>
      <c r="IE38" s="88">
        <v>25</v>
      </c>
      <c r="IF38" s="88">
        <v>16</v>
      </c>
      <c r="IG38" s="88">
        <v>17</v>
      </c>
      <c r="IH38" s="88">
        <v>15</v>
      </c>
      <c r="II38" s="89">
        <v>126</v>
      </c>
      <c r="IJ38" s="90">
        <v>198</v>
      </c>
      <c r="IK38" s="87">
        <v>57</v>
      </c>
      <c r="IL38" s="88">
        <v>71</v>
      </c>
      <c r="IM38" s="89">
        <v>128</v>
      </c>
      <c r="IN38" s="399">
        <v>0</v>
      </c>
      <c r="IO38" s="88">
        <v>122</v>
      </c>
      <c r="IP38" s="88">
        <v>53</v>
      </c>
      <c r="IQ38" s="88">
        <v>32</v>
      </c>
      <c r="IR38" s="88">
        <v>43</v>
      </c>
      <c r="IS38" s="88">
        <v>18</v>
      </c>
      <c r="IT38" s="89">
        <v>268</v>
      </c>
      <c r="IU38" s="90">
        <v>396</v>
      </c>
      <c r="IV38" s="87">
        <v>55</v>
      </c>
      <c r="IW38" s="88">
        <v>67</v>
      </c>
      <c r="IX38" s="89">
        <v>122</v>
      </c>
      <c r="IY38" s="399">
        <v>0</v>
      </c>
      <c r="IZ38" s="88">
        <v>134</v>
      </c>
      <c r="JA38" s="88">
        <v>70</v>
      </c>
      <c r="JB38" s="88">
        <v>43</v>
      </c>
      <c r="JC38" s="88">
        <v>58</v>
      </c>
      <c r="JD38" s="88">
        <v>28</v>
      </c>
      <c r="JE38" s="89">
        <v>333</v>
      </c>
      <c r="JF38" s="90">
        <v>455</v>
      </c>
      <c r="JG38" s="87">
        <v>32</v>
      </c>
      <c r="JH38" s="88">
        <v>42</v>
      </c>
      <c r="JI38" s="89">
        <v>74</v>
      </c>
      <c r="JJ38" s="399">
        <v>0</v>
      </c>
      <c r="JK38" s="88">
        <v>126</v>
      </c>
      <c r="JL38" s="88">
        <v>89</v>
      </c>
      <c r="JM38" s="88">
        <v>80</v>
      </c>
      <c r="JN38" s="88">
        <v>90</v>
      </c>
      <c r="JO38" s="88">
        <v>56</v>
      </c>
      <c r="JP38" s="89">
        <v>441</v>
      </c>
      <c r="JQ38" s="90">
        <v>515</v>
      </c>
      <c r="JR38" s="87">
        <v>1</v>
      </c>
      <c r="JS38" s="88">
        <v>1</v>
      </c>
      <c r="JT38" s="89">
        <v>2</v>
      </c>
      <c r="JU38" s="399">
        <v>0</v>
      </c>
      <c r="JV38" s="88">
        <v>6</v>
      </c>
      <c r="JW38" s="88">
        <v>5</v>
      </c>
      <c r="JX38" s="88">
        <v>1</v>
      </c>
      <c r="JY38" s="88">
        <v>5</v>
      </c>
      <c r="JZ38" s="88">
        <v>2</v>
      </c>
      <c r="KA38" s="89">
        <v>19</v>
      </c>
      <c r="KB38" s="90">
        <v>21</v>
      </c>
      <c r="KC38" s="87">
        <v>207</v>
      </c>
      <c r="KD38" s="88">
        <v>232</v>
      </c>
      <c r="KE38" s="89">
        <v>439</v>
      </c>
      <c r="KF38" s="399">
        <v>0</v>
      </c>
      <c r="KG38" s="88">
        <v>474</v>
      </c>
      <c r="KH38" s="88">
        <v>273</v>
      </c>
      <c r="KI38" s="88">
        <v>195</v>
      </c>
      <c r="KJ38" s="88">
        <v>228</v>
      </c>
      <c r="KK38" s="88">
        <v>131</v>
      </c>
      <c r="KL38" s="89">
        <v>1301</v>
      </c>
      <c r="KM38" s="90">
        <v>1740</v>
      </c>
    </row>
    <row r="39" spans="2:299" s="56" customFormat="1" ht="21" customHeight="1" x14ac:dyDescent="0.2">
      <c r="B39" s="92" t="s">
        <v>36</v>
      </c>
      <c r="C39" s="82">
        <v>64</v>
      </c>
      <c r="D39" s="83">
        <v>87</v>
      </c>
      <c r="E39" s="84">
        <v>151</v>
      </c>
      <c r="F39" s="399">
        <v>0</v>
      </c>
      <c r="G39" s="83">
        <v>176</v>
      </c>
      <c r="H39" s="83">
        <v>139</v>
      </c>
      <c r="I39" s="83">
        <v>126</v>
      </c>
      <c r="J39" s="83">
        <v>83</v>
      </c>
      <c r="K39" s="83">
        <v>44</v>
      </c>
      <c r="L39" s="85">
        <v>568</v>
      </c>
      <c r="M39" s="86">
        <v>719</v>
      </c>
      <c r="N39" s="87">
        <v>3</v>
      </c>
      <c r="O39" s="88">
        <v>6</v>
      </c>
      <c r="P39" s="89">
        <v>9</v>
      </c>
      <c r="Q39" s="399">
        <v>0</v>
      </c>
      <c r="R39" s="88">
        <v>9</v>
      </c>
      <c r="S39" s="88">
        <v>8</v>
      </c>
      <c r="T39" s="88">
        <v>13</v>
      </c>
      <c r="U39" s="88">
        <v>6</v>
      </c>
      <c r="V39" s="88">
        <v>3</v>
      </c>
      <c r="W39" s="89">
        <v>39</v>
      </c>
      <c r="X39" s="90">
        <v>48</v>
      </c>
      <c r="Y39" s="87">
        <v>5</v>
      </c>
      <c r="Z39" s="88">
        <v>5</v>
      </c>
      <c r="AA39" s="89">
        <v>10</v>
      </c>
      <c r="AB39" s="399">
        <v>0</v>
      </c>
      <c r="AC39" s="88">
        <v>17</v>
      </c>
      <c r="AD39" s="88">
        <v>23</v>
      </c>
      <c r="AE39" s="88">
        <v>12</v>
      </c>
      <c r="AF39" s="88">
        <v>12</v>
      </c>
      <c r="AG39" s="88">
        <v>7</v>
      </c>
      <c r="AH39" s="89">
        <v>71</v>
      </c>
      <c r="AI39" s="90">
        <v>81</v>
      </c>
      <c r="AJ39" s="87">
        <v>17</v>
      </c>
      <c r="AK39" s="88">
        <v>15</v>
      </c>
      <c r="AL39" s="89">
        <v>32</v>
      </c>
      <c r="AM39" s="399">
        <v>0</v>
      </c>
      <c r="AN39" s="88">
        <v>37</v>
      </c>
      <c r="AO39" s="88">
        <v>29</v>
      </c>
      <c r="AP39" s="88">
        <v>23</v>
      </c>
      <c r="AQ39" s="88">
        <v>17</v>
      </c>
      <c r="AR39" s="88">
        <v>8</v>
      </c>
      <c r="AS39" s="89">
        <v>114</v>
      </c>
      <c r="AT39" s="90">
        <v>146</v>
      </c>
      <c r="AU39" s="87">
        <v>19</v>
      </c>
      <c r="AV39" s="88">
        <v>26</v>
      </c>
      <c r="AW39" s="89">
        <v>45</v>
      </c>
      <c r="AX39" s="399">
        <v>0</v>
      </c>
      <c r="AY39" s="88">
        <v>41</v>
      </c>
      <c r="AZ39" s="88">
        <v>27</v>
      </c>
      <c r="BA39" s="88">
        <v>38</v>
      </c>
      <c r="BB39" s="88">
        <v>20</v>
      </c>
      <c r="BC39" s="88">
        <v>13</v>
      </c>
      <c r="BD39" s="89">
        <v>139</v>
      </c>
      <c r="BE39" s="90">
        <v>184</v>
      </c>
      <c r="BF39" s="87">
        <v>13</v>
      </c>
      <c r="BG39" s="88">
        <v>18</v>
      </c>
      <c r="BH39" s="89">
        <v>31</v>
      </c>
      <c r="BI39" s="399">
        <v>0</v>
      </c>
      <c r="BJ39" s="88">
        <v>49</v>
      </c>
      <c r="BK39" s="88">
        <v>35</v>
      </c>
      <c r="BL39" s="88">
        <v>23</v>
      </c>
      <c r="BM39" s="88">
        <v>16</v>
      </c>
      <c r="BN39" s="88">
        <v>10</v>
      </c>
      <c r="BO39" s="89">
        <v>133</v>
      </c>
      <c r="BP39" s="90">
        <v>164</v>
      </c>
      <c r="BQ39" s="87">
        <v>7</v>
      </c>
      <c r="BR39" s="88">
        <v>17</v>
      </c>
      <c r="BS39" s="89">
        <v>24</v>
      </c>
      <c r="BT39" s="399">
        <v>0</v>
      </c>
      <c r="BU39" s="88">
        <v>23</v>
      </c>
      <c r="BV39" s="88">
        <v>17</v>
      </c>
      <c r="BW39" s="88">
        <v>17</v>
      </c>
      <c r="BX39" s="88">
        <v>12</v>
      </c>
      <c r="BY39" s="88">
        <v>3</v>
      </c>
      <c r="BZ39" s="89">
        <v>72</v>
      </c>
      <c r="CA39" s="90">
        <v>96</v>
      </c>
      <c r="CB39" s="87">
        <v>3</v>
      </c>
      <c r="CC39" s="88">
        <v>4</v>
      </c>
      <c r="CD39" s="89">
        <v>7</v>
      </c>
      <c r="CE39" s="399">
        <v>0</v>
      </c>
      <c r="CF39" s="88">
        <v>6</v>
      </c>
      <c r="CG39" s="88">
        <v>5</v>
      </c>
      <c r="CH39" s="88">
        <v>8</v>
      </c>
      <c r="CI39" s="88">
        <v>8</v>
      </c>
      <c r="CJ39" s="88">
        <v>2</v>
      </c>
      <c r="CK39" s="89">
        <v>29</v>
      </c>
      <c r="CL39" s="90">
        <v>36</v>
      </c>
      <c r="CM39" s="87">
        <v>67</v>
      </c>
      <c r="CN39" s="88">
        <v>91</v>
      </c>
      <c r="CO39" s="89">
        <v>158</v>
      </c>
      <c r="CP39" s="399">
        <v>0</v>
      </c>
      <c r="CQ39" s="88">
        <v>182</v>
      </c>
      <c r="CR39" s="88">
        <v>144</v>
      </c>
      <c r="CS39" s="88">
        <v>134</v>
      </c>
      <c r="CT39" s="88">
        <v>91</v>
      </c>
      <c r="CU39" s="88">
        <v>46</v>
      </c>
      <c r="CV39" s="89">
        <v>597</v>
      </c>
      <c r="CW39" s="90">
        <v>755</v>
      </c>
      <c r="CX39" s="91">
        <v>104</v>
      </c>
      <c r="CY39" s="83">
        <v>198</v>
      </c>
      <c r="CZ39" s="84">
        <v>302</v>
      </c>
      <c r="DA39" s="399">
        <v>0</v>
      </c>
      <c r="DB39" s="83">
        <v>246</v>
      </c>
      <c r="DC39" s="83">
        <v>232</v>
      </c>
      <c r="DD39" s="83">
        <v>197</v>
      </c>
      <c r="DE39" s="83">
        <v>165</v>
      </c>
      <c r="DF39" s="83">
        <v>125</v>
      </c>
      <c r="DG39" s="85">
        <v>965</v>
      </c>
      <c r="DH39" s="86">
        <v>1267</v>
      </c>
      <c r="DI39" s="87">
        <v>2</v>
      </c>
      <c r="DJ39" s="88">
        <v>2</v>
      </c>
      <c r="DK39" s="89">
        <v>4</v>
      </c>
      <c r="DL39" s="399">
        <v>0</v>
      </c>
      <c r="DM39" s="88">
        <v>4</v>
      </c>
      <c r="DN39" s="88">
        <v>8</v>
      </c>
      <c r="DO39" s="88">
        <v>4</v>
      </c>
      <c r="DP39" s="88">
        <v>4</v>
      </c>
      <c r="DQ39" s="88">
        <v>2</v>
      </c>
      <c r="DR39" s="89">
        <v>22</v>
      </c>
      <c r="DS39" s="90">
        <v>26</v>
      </c>
      <c r="DT39" s="87">
        <v>2</v>
      </c>
      <c r="DU39" s="88">
        <v>24</v>
      </c>
      <c r="DV39" s="89">
        <v>26</v>
      </c>
      <c r="DW39" s="399">
        <v>0</v>
      </c>
      <c r="DX39" s="88">
        <v>20</v>
      </c>
      <c r="DY39" s="88">
        <v>14</v>
      </c>
      <c r="DZ39" s="88">
        <v>13</v>
      </c>
      <c r="EA39" s="88">
        <v>10</v>
      </c>
      <c r="EB39" s="88">
        <v>7</v>
      </c>
      <c r="EC39" s="89">
        <v>64</v>
      </c>
      <c r="ED39" s="90">
        <v>90</v>
      </c>
      <c r="EE39" s="87">
        <v>25</v>
      </c>
      <c r="EF39" s="88">
        <v>31</v>
      </c>
      <c r="EG39" s="89">
        <v>56</v>
      </c>
      <c r="EH39" s="399">
        <v>0</v>
      </c>
      <c r="EI39" s="88">
        <v>26</v>
      </c>
      <c r="EJ39" s="88">
        <v>29</v>
      </c>
      <c r="EK39" s="88">
        <v>23</v>
      </c>
      <c r="EL39" s="88">
        <v>21</v>
      </c>
      <c r="EM39" s="88">
        <v>22</v>
      </c>
      <c r="EN39" s="89">
        <v>121</v>
      </c>
      <c r="EO39" s="90">
        <v>177</v>
      </c>
      <c r="EP39" s="87">
        <v>45</v>
      </c>
      <c r="EQ39" s="88">
        <v>59</v>
      </c>
      <c r="ER39" s="89">
        <v>104</v>
      </c>
      <c r="ES39" s="399">
        <v>0</v>
      </c>
      <c r="ET39" s="88">
        <v>67</v>
      </c>
      <c r="EU39" s="88">
        <v>63</v>
      </c>
      <c r="EV39" s="88">
        <v>27</v>
      </c>
      <c r="EW39" s="88">
        <v>34</v>
      </c>
      <c r="EX39" s="88">
        <v>27</v>
      </c>
      <c r="EY39" s="89">
        <v>218</v>
      </c>
      <c r="EZ39" s="90">
        <v>322</v>
      </c>
      <c r="FA39" s="87">
        <v>23</v>
      </c>
      <c r="FB39" s="88">
        <v>59</v>
      </c>
      <c r="FC39" s="89">
        <v>82</v>
      </c>
      <c r="FD39" s="399">
        <v>0</v>
      </c>
      <c r="FE39" s="88">
        <v>71</v>
      </c>
      <c r="FF39" s="88">
        <v>58</v>
      </c>
      <c r="FG39" s="88">
        <v>57</v>
      </c>
      <c r="FH39" s="88">
        <v>36</v>
      </c>
      <c r="FI39" s="88">
        <v>30</v>
      </c>
      <c r="FJ39" s="89">
        <v>252</v>
      </c>
      <c r="FK39" s="90">
        <v>334</v>
      </c>
      <c r="FL39" s="87">
        <v>7</v>
      </c>
      <c r="FM39" s="88">
        <v>23</v>
      </c>
      <c r="FN39" s="89">
        <v>30</v>
      </c>
      <c r="FO39" s="399">
        <v>0</v>
      </c>
      <c r="FP39" s="88">
        <v>58</v>
      </c>
      <c r="FQ39" s="88">
        <v>60</v>
      </c>
      <c r="FR39" s="88">
        <v>73</v>
      </c>
      <c r="FS39" s="88">
        <v>60</v>
      </c>
      <c r="FT39" s="88">
        <v>37</v>
      </c>
      <c r="FU39" s="89">
        <v>288</v>
      </c>
      <c r="FV39" s="90">
        <v>318</v>
      </c>
      <c r="FW39" s="87">
        <v>1</v>
      </c>
      <c r="FX39" s="88">
        <v>2</v>
      </c>
      <c r="FY39" s="89">
        <v>3</v>
      </c>
      <c r="FZ39" s="399">
        <v>0</v>
      </c>
      <c r="GA39" s="88">
        <v>4</v>
      </c>
      <c r="GB39" s="88">
        <v>2</v>
      </c>
      <c r="GC39" s="88">
        <v>3</v>
      </c>
      <c r="GD39" s="88">
        <v>7</v>
      </c>
      <c r="GE39" s="88">
        <v>3</v>
      </c>
      <c r="GF39" s="89">
        <v>19</v>
      </c>
      <c r="GG39" s="90">
        <v>22</v>
      </c>
      <c r="GH39" s="87">
        <v>105</v>
      </c>
      <c r="GI39" s="88">
        <v>200</v>
      </c>
      <c r="GJ39" s="89">
        <v>305</v>
      </c>
      <c r="GK39" s="399">
        <v>0</v>
      </c>
      <c r="GL39" s="88">
        <v>250</v>
      </c>
      <c r="GM39" s="88">
        <v>234</v>
      </c>
      <c r="GN39" s="88">
        <v>200</v>
      </c>
      <c r="GO39" s="88">
        <v>172</v>
      </c>
      <c r="GP39" s="88">
        <v>128</v>
      </c>
      <c r="GQ39" s="89">
        <v>984</v>
      </c>
      <c r="GR39" s="90">
        <v>1289</v>
      </c>
      <c r="GS39" s="91">
        <v>168</v>
      </c>
      <c r="GT39" s="83">
        <v>285</v>
      </c>
      <c r="GU39" s="84">
        <v>453</v>
      </c>
      <c r="GV39" s="399">
        <v>0</v>
      </c>
      <c r="GW39" s="83">
        <v>422</v>
      </c>
      <c r="GX39" s="83">
        <v>371</v>
      </c>
      <c r="GY39" s="83">
        <v>323</v>
      </c>
      <c r="GZ39" s="83">
        <v>248</v>
      </c>
      <c r="HA39" s="83">
        <v>169</v>
      </c>
      <c r="HB39" s="85">
        <v>1533</v>
      </c>
      <c r="HC39" s="86">
        <v>1986</v>
      </c>
      <c r="HD39" s="87">
        <v>5</v>
      </c>
      <c r="HE39" s="88">
        <v>8</v>
      </c>
      <c r="HF39" s="89">
        <v>13</v>
      </c>
      <c r="HG39" s="402">
        <v>0</v>
      </c>
      <c r="HH39" s="88">
        <v>13</v>
      </c>
      <c r="HI39" s="88">
        <v>16</v>
      </c>
      <c r="HJ39" s="88">
        <v>17</v>
      </c>
      <c r="HK39" s="88">
        <v>10</v>
      </c>
      <c r="HL39" s="88">
        <v>5</v>
      </c>
      <c r="HM39" s="89">
        <v>61</v>
      </c>
      <c r="HN39" s="90">
        <v>74</v>
      </c>
      <c r="HO39" s="87">
        <v>7</v>
      </c>
      <c r="HP39" s="88">
        <v>29</v>
      </c>
      <c r="HQ39" s="89">
        <v>36</v>
      </c>
      <c r="HR39" s="399">
        <v>0</v>
      </c>
      <c r="HS39" s="88">
        <v>37</v>
      </c>
      <c r="HT39" s="88">
        <v>37</v>
      </c>
      <c r="HU39" s="88">
        <v>25</v>
      </c>
      <c r="HV39" s="88">
        <v>22</v>
      </c>
      <c r="HW39" s="88">
        <v>14</v>
      </c>
      <c r="HX39" s="89">
        <v>135</v>
      </c>
      <c r="HY39" s="90">
        <v>171</v>
      </c>
      <c r="HZ39" s="87">
        <v>42</v>
      </c>
      <c r="IA39" s="88">
        <v>46</v>
      </c>
      <c r="IB39" s="89">
        <v>88</v>
      </c>
      <c r="IC39" s="399">
        <v>0</v>
      </c>
      <c r="ID39" s="88">
        <v>63</v>
      </c>
      <c r="IE39" s="88">
        <v>58</v>
      </c>
      <c r="IF39" s="88">
        <v>46</v>
      </c>
      <c r="IG39" s="88">
        <v>38</v>
      </c>
      <c r="IH39" s="88">
        <v>30</v>
      </c>
      <c r="II39" s="89">
        <v>235</v>
      </c>
      <c r="IJ39" s="90">
        <v>323</v>
      </c>
      <c r="IK39" s="87">
        <v>64</v>
      </c>
      <c r="IL39" s="88">
        <v>85</v>
      </c>
      <c r="IM39" s="89">
        <v>149</v>
      </c>
      <c r="IN39" s="399">
        <v>0</v>
      </c>
      <c r="IO39" s="88">
        <v>108</v>
      </c>
      <c r="IP39" s="88">
        <v>90</v>
      </c>
      <c r="IQ39" s="88">
        <v>65</v>
      </c>
      <c r="IR39" s="88">
        <v>54</v>
      </c>
      <c r="IS39" s="88">
        <v>40</v>
      </c>
      <c r="IT39" s="89">
        <v>357</v>
      </c>
      <c r="IU39" s="90">
        <v>506</v>
      </c>
      <c r="IV39" s="87">
        <v>36</v>
      </c>
      <c r="IW39" s="88">
        <v>77</v>
      </c>
      <c r="IX39" s="89">
        <v>113</v>
      </c>
      <c r="IY39" s="399">
        <v>0</v>
      </c>
      <c r="IZ39" s="88">
        <v>120</v>
      </c>
      <c r="JA39" s="88">
        <v>93</v>
      </c>
      <c r="JB39" s="88">
        <v>80</v>
      </c>
      <c r="JC39" s="88">
        <v>52</v>
      </c>
      <c r="JD39" s="88">
        <v>40</v>
      </c>
      <c r="JE39" s="89">
        <v>385</v>
      </c>
      <c r="JF39" s="90">
        <v>498</v>
      </c>
      <c r="JG39" s="87">
        <v>14</v>
      </c>
      <c r="JH39" s="88">
        <v>40</v>
      </c>
      <c r="JI39" s="89">
        <v>54</v>
      </c>
      <c r="JJ39" s="399">
        <v>0</v>
      </c>
      <c r="JK39" s="88">
        <v>81</v>
      </c>
      <c r="JL39" s="88">
        <v>77</v>
      </c>
      <c r="JM39" s="88">
        <v>90</v>
      </c>
      <c r="JN39" s="88">
        <v>72</v>
      </c>
      <c r="JO39" s="88">
        <v>40</v>
      </c>
      <c r="JP39" s="89">
        <v>360</v>
      </c>
      <c r="JQ39" s="90">
        <v>414</v>
      </c>
      <c r="JR39" s="87">
        <v>4</v>
      </c>
      <c r="JS39" s="88">
        <v>6</v>
      </c>
      <c r="JT39" s="89">
        <v>10</v>
      </c>
      <c r="JU39" s="399">
        <v>0</v>
      </c>
      <c r="JV39" s="88">
        <v>10</v>
      </c>
      <c r="JW39" s="88">
        <v>7</v>
      </c>
      <c r="JX39" s="88">
        <v>11</v>
      </c>
      <c r="JY39" s="88">
        <v>15</v>
      </c>
      <c r="JZ39" s="88">
        <v>5</v>
      </c>
      <c r="KA39" s="89">
        <v>48</v>
      </c>
      <c r="KB39" s="90">
        <v>58</v>
      </c>
      <c r="KC39" s="87">
        <v>172</v>
      </c>
      <c r="KD39" s="88">
        <v>291</v>
      </c>
      <c r="KE39" s="89">
        <v>463</v>
      </c>
      <c r="KF39" s="399">
        <v>0</v>
      </c>
      <c r="KG39" s="88">
        <v>432</v>
      </c>
      <c r="KH39" s="88">
        <v>378</v>
      </c>
      <c r="KI39" s="88">
        <v>334</v>
      </c>
      <c r="KJ39" s="88">
        <v>263</v>
      </c>
      <c r="KK39" s="88">
        <v>174</v>
      </c>
      <c r="KL39" s="89">
        <v>1581</v>
      </c>
      <c r="KM39" s="90">
        <v>2044</v>
      </c>
    </row>
    <row r="40" spans="2:299" s="56" customFormat="1" ht="21" customHeight="1" thickBot="1" x14ac:dyDescent="0.25">
      <c r="B40" s="94" t="s">
        <v>37</v>
      </c>
      <c r="C40" s="95">
        <v>2</v>
      </c>
      <c r="D40" s="96">
        <v>1</v>
      </c>
      <c r="E40" s="97">
        <v>3</v>
      </c>
      <c r="F40" s="400">
        <v>0</v>
      </c>
      <c r="G40" s="96">
        <v>8</v>
      </c>
      <c r="H40" s="96">
        <v>15</v>
      </c>
      <c r="I40" s="96">
        <v>8</v>
      </c>
      <c r="J40" s="96">
        <v>3</v>
      </c>
      <c r="K40" s="96">
        <v>6</v>
      </c>
      <c r="L40" s="98">
        <v>40</v>
      </c>
      <c r="M40" s="99">
        <v>43</v>
      </c>
      <c r="N40" s="100">
        <v>1</v>
      </c>
      <c r="O40" s="101">
        <v>1</v>
      </c>
      <c r="P40" s="102">
        <v>2</v>
      </c>
      <c r="Q40" s="400">
        <v>0</v>
      </c>
      <c r="R40" s="101">
        <v>0</v>
      </c>
      <c r="S40" s="101">
        <v>0</v>
      </c>
      <c r="T40" s="101">
        <v>0</v>
      </c>
      <c r="U40" s="101">
        <v>1</v>
      </c>
      <c r="V40" s="101">
        <v>0</v>
      </c>
      <c r="W40" s="102">
        <v>1</v>
      </c>
      <c r="X40" s="103">
        <v>3</v>
      </c>
      <c r="Y40" s="100">
        <v>1</v>
      </c>
      <c r="Z40" s="101">
        <v>0</v>
      </c>
      <c r="AA40" s="102">
        <v>1</v>
      </c>
      <c r="AB40" s="400">
        <v>0</v>
      </c>
      <c r="AC40" s="101">
        <v>0</v>
      </c>
      <c r="AD40" s="101">
        <v>0</v>
      </c>
      <c r="AE40" s="101">
        <v>3</v>
      </c>
      <c r="AF40" s="101">
        <v>1</v>
      </c>
      <c r="AG40" s="101">
        <v>1</v>
      </c>
      <c r="AH40" s="102">
        <v>5</v>
      </c>
      <c r="AI40" s="103">
        <v>6</v>
      </c>
      <c r="AJ40" s="100">
        <v>0</v>
      </c>
      <c r="AK40" s="101">
        <v>0</v>
      </c>
      <c r="AL40" s="102">
        <v>0</v>
      </c>
      <c r="AM40" s="400">
        <v>0</v>
      </c>
      <c r="AN40" s="101">
        <v>2</v>
      </c>
      <c r="AO40" s="101">
        <v>5</v>
      </c>
      <c r="AP40" s="101">
        <v>2</v>
      </c>
      <c r="AQ40" s="101">
        <v>0</v>
      </c>
      <c r="AR40" s="101">
        <v>0</v>
      </c>
      <c r="AS40" s="102">
        <v>9</v>
      </c>
      <c r="AT40" s="103">
        <v>9</v>
      </c>
      <c r="AU40" s="100">
        <v>0</v>
      </c>
      <c r="AV40" s="101">
        <v>0</v>
      </c>
      <c r="AW40" s="102">
        <v>0</v>
      </c>
      <c r="AX40" s="400">
        <v>0</v>
      </c>
      <c r="AY40" s="101">
        <v>3</v>
      </c>
      <c r="AZ40" s="101">
        <v>5</v>
      </c>
      <c r="BA40" s="101">
        <v>1</v>
      </c>
      <c r="BB40" s="101">
        <v>0</v>
      </c>
      <c r="BC40" s="101">
        <v>0</v>
      </c>
      <c r="BD40" s="102">
        <v>9</v>
      </c>
      <c r="BE40" s="103">
        <v>9</v>
      </c>
      <c r="BF40" s="100">
        <v>0</v>
      </c>
      <c r="BG40" s="101">
        <v>0</v>
      </c>
      <c r="BH40" s="102">
        <v>0</v>
      </c>
      <c r="BI40" s="400">
        <v>0</v>
      </c>
      <c r="BJ40" s="101">
        <v>1</v>
      </c>
      <c r="BK40" s="101">
        <v>2</v>
      </c>
      <c r="BL40" s="101">
        <v>2</v>
      </c>
      <c r="BM40" s="101">
        <v>1</v>
      </c>
      <c r="BN40" s="101">
        <v>3</v>
      </c>
      <c r="BO40" s="102">
        <v>9</v>
      </c>
      <c r="BP40" s="103">
        <v>9</v>
      </c>
      <c r="BQ40" s="100">
        <v>0</v>
      </c>
      <c r="BR40" s="101">
        <v>0</v>
      </c>
      <c r="BS40" s="102">
        <v>0</v>
      </c>
      <c r="BT40" s="400">
        <v>0</v>
      </c>
      <c r="BU40" s="101">
        <v>2</v>
      </c>
      <c r="BV40" s="101">
        <v>3</v>
      </c>
      <c r="BW40" s="101">
        <v>0</v>
      </c>
      <c r="BX40" s="101">
        <v>0</v>
      </c>
      <c r="BY40" s="101">
        <v>2</v>
      </c>
      <c r="BZ40" s="102">
        <v>7</v>
      </c>
      <c r="CA40" s="103">
        <v>7</v>
      </c>
      <c r="CB40" s="100">
        <v>0</v>
      </c>
      <c r="CC40" s="101">
        <v>0</v>
      </c>
      <c r="CD40" s="102">
        <v>0</v>
      </c>
      <c r="CE40" s="400">
        <v>0</v>
      </c>
      <c r="CF40" s="101">
        <v>0</v>
      </c>
      <c r="CG40" s="101">
        <v>2</v>
      </c>
      <c r="CH40" s="101">
        <v>0</v>
      </c>
      <c r="CI40" s="101">
        <v>2</v>
      </c>
      <c r="CJ40" s="101">
        <v>0</v>
      </c>
      <c r="CK40" s="102">
        <v>4</v>
      </c>
      <c r="CL40" s="103">
        <v>4</v>
      </c>
      <c r="CM40" s="100">
        <v>2</v>
      </c>
      <c r="CN40" s="101">
        <v>1</v>
      </c>
      <c r="CO40" s="102">
        <v>3</v>
      </c>
      <c r="CP40" s="400">
        <v>0</v>
      </c>
      <c r="CQ40" s="101">
        <v>8</v>
      </c>
      <c r="CR40" s="101">
        <v>17</v>
      </c>
      <c r="CS40" s="101">
        <v>8</v>
      </c>
      <c r="CT40" s="101">
        <v>5</v>
      </c>
      <c r="CU40" s="101">
        <v>6</v>
      </c>
      <c r="CV40" s="102">
        <v>44</v>
      </c>
      <c r="CW40" s="103">
        <v>47</v>
      </c>
      <c r="CX40" s="104">
        <v>14</v>
      </c>
      <c r="CY40" s="96">
        <v>6</v>
      </c>
      <c r="CZ40" s="97">
        <v>20</v>
      </c>
      <c r="DA40" s="400">
        <v>0</v>
      </c>
      <c r="DB40" s="96">
        <v>18</v>
      </c>
      <c r="DC40" s="96">
        <v>18</v>
      </c>
      <c r="DD40" s="96">
        <v>23</v>
      </c>
      <c r="DE40" s="96">
        <v>21</v>
      </c>
      <c r="DF40" s="96">
        <v>13</v>
      </c>
      <c r="DG40" s="98">
        <v>93</v>
      </c>
      <c r="DH40" s="99">
        <v>113</v>
      </c>
      <c r="DI40" s="100">
        <v>0</v>
      </c>
      <c r="DJ40" s="101">
        <v>0</v>
      </c>
      <c r="DK40" s="102">
        <v>0</v>
      </c>
      <c r="DL40" s="400">
        <v>0</v>
      </c>
      <c r="DM40" s="101">
        <v>0</v>
      </c>
      <c r="DN40" s="101">
        <v>0</v>
      </c>
      <c r="DO40" s="101">
        <v>0</v>
      </c>
      <c r="DP40" s="101">
        <v>0</v>
      </c>
      <c r="DQ40" s="101">
        <v>1</v>
      </c>
      <c r="DR40" s="102">
        <v>1</v>
      </c>
      <c r="DS40" s="103">
        <v>1</v>
      </c>
      <c r="DT40" s="100">
        <v>2</v>
      </c>
      <c r="DU40" s="101">
        <v>0</v>
      </c>
      <c r="DV40" s="102">
        <v>2</v>
      </c>
      <c r="DW40" s="400">
        <v>0</v>
      </c>
      <c r="DX40" s="101">
        <v>0</v>
      </c>
      <c r="DY40" s="101">
        <v>0</v>
      </c>
      <c r="DZ40" s="101">
        <v>1</v>
      </c>
      <c r="EA40" s="101">
        <v>1</v>
      </c>
      <c r="EB40" s="101">
        <v>1</v>
      </c>
      <c r="EC40" s="102">
        <v>3</v>
      </c>
      <c r="ED40" s="103">
        <v>5</v>
      </c>
      <c r="EE40" s="100">
        <v>1</v>
      </c>
      <c r="EF40" s="101">
        <v>2</v>
      </c>
      <c r="EG40" s="102">
        <v>3</v>
      </c>
      <c r="EH40" s="400">
        <v>0</v>
      </c>
      <c r="EI40" s="101">
        <v>1</v>
      </c>
      <c r="EJ40" s="101">
        <v>4</v>
      </c>
      <c r="EK40" s="101">
        <v>2</v>
      </c>
      <c r="EL40" s="101">
        <v>1</v>
      </c>
      <c r="EM40" s="101">
        <v>0</v>
      </c>
      <c r="EN40" s="102">
        <v>8</v>
      </c>
      <c r="EO40" s="103">
        <v>11</v>
      </c>
      <c r="EP40" s="100">
        <v>3</v>
      </c>
      <c r="EQ40" s="101">
        <v>2</v>
      </c>
      <c r="ER40" s="102">
        <v>5</v>
      </c>
      <c r="ES40" s="400">
        <v>0</v>
      </c>
      <c r="ET40" s="101">
        <v>4</v>
      </c>
      <c r="EU40" s="101">
        <v>3</v>
      </c>
      <c r="EV40" s="101">
        <v>2</v>
      </c>
      <c r="EW40" s="101">
        <v>4</v>
      </c>
      <c r="EX40" s="101">
        <v>4</v>
      </c>
      <c r="EY40" s="102">
        <v>17</v>
      </c>
      <c r="EZ40" s="103">
        <v>22</v>
      </c>
      <c r="FA40" s="100">
        <v>5</v>
      </c>
      <c r="FB40" s="101">
        <v>1</v>
      </c>
      <c r="FC40" s="102">
        <v>6</v>
      </c>
      <c r="FD40" s="400">
        <v>0</v>
      </c>
      <c r="FE40" s="101">
        <v>7</v>
      </c>
      <c r="FF40" s="101">
        <v>4</v>
      </c>
      <c r="FG40" s="101">
        <v>10</v>
      </c>
      <c r="FH40" s="101">
        <v>5</v>
      </c>
      <c r="FI40" s="101">
        <v>4</v>
      </c>
      <c r="FJ40" s="102">
        <v>30</v>
      </c>
      <c r="FK40" s="103">
        <v>36</v>
      </c>
      <c r="FL40" s="100">
        <v>3</v>
      </c>
      <c r="FM40" s="101">
        <v>1</v>
      </c>
      <c r="FN40" s="102">
        <v>4</v>
      </c>
      <c r="FO40" s="400">
        <v>0</v>
      </c>
      <c r="FP40" s="101">
        <v>6</v>
      </c>
      <c r="FQ40" s="101">
        <v>7</v>
      </c>
      <c r="FR40" s="101">
        <v>8</v>
      </c>
      <c r="FS40" s="101">
        <v>10</v>
      </c>
      <c r="FT40" s="101">
        <v>3</v>
      </c>
      <c r="FU40" s="102">
        <v>34</v>
      </c>
      <c r="FV40" s="103">
        <v>38</v>
      </c>
      <c r="FW40" s="100">
        <v>0</v>
      </c>
      <c r="FX40" s="101">
        <v>0</v>
      </c>
      <c r="FY40" s="102">
        <v>0</v>
      </c>
      <c r="FZ40" s="400">
        <v>0</v>
      </c>
      <c r="GA40" s="101">
        <v>0</v>
      </c>
      <c r="GB40" s="101">
        <v>1</v>
      </c>
      <c r="GC40" s="101">
        <v>0</v>
      </c>
      <c r="GD40" s="101">
        <v>0</v>
      </c>
      <c r="GE40" s="101">
        <v>0</v>
      </c>
      <c r="GF40" s="102">
        <v>1</v>
      </c>
      <c r="GG40" s="103">
        <v>1</v>
      </c>
      <c r="GH40" s="100">
        <v>14</v>
      </c>
      <c r="GI40" s="101">
        <v>6</v>
      </c>
      <c r="GJ40" s="102">
        <v>20</v>
      </c>
      <c r="GK40" s="400">
        <v>0</v>
      </c>
      <c r="GL40" s="101">
        <v>18</v>
      </c>
      <c r="GM40" s="101">
        <v>19</v>
      </c>
      <c r="GN40" s="101">
        <v>23</v>
      </c>
      <c r="GO40" s="101">
        <v>21</v>
      </c>
      <c r="GP40" s="101">
        <v>13</v>
      </c>
      <c r="GQ40" s="102">
        <v>94</v>
      </c>
      <c r="GR40" s="103">
        <v>114</v>
      </c>
      <c r="GS40" s="104">
        <v>16</v>
      </c>
      <c r="GT40" s="96">
        <v>7</v>
      </c>
      <c r="GU40" s="97">
        <v>23</v>
      </c>
      <c r="GV40" s="400">
        <v>0</v>
      </c>
      <c r="GW40" s="96">
        <v>26</v>
      </c>
      <c r="GX40" s="96">
        <v>33</v>
      </c>
      <c r="GY40" s="96">
        <v>31</v>
      </c>
      <c r="GZ40" s="96">
        <v>24</v>
      </c>
      <c r="HA40" s="96">
        <v>19</v>
      </c>
      <c r="HB40" s="98">
        <v>133</v>
      </c>
      <c r="HC40" s="99">
        <v>156</v>
      </c>
      <c r="HD40" s="100">
        <v>1</v>
      </c>
      <c r="HE40" s="101">
        <v>1</v>
      </c>
      <c r="HF40" s="102">
        <v>2</v>
      </c>
      <c r="HG40" s="403">
        <v>0</v>
      </c>
      <c r="HH40" s="101">
        <v>0</v>
      </c>
      <c r="HI40" s="101">
        <v>0</v>
      </c>
      <c r="HJ40" s="101">
        <v>0</v>
      </c>
      <c r="HK40" s="101">
        <v>1</v>
      </c>
      <c r="HL40" s="101">
        <v>1</v>
      </c>
      <c r="HM40" s="102">
        <v>2</v>
      </c>
      <c r="HN40" s="103">
        <v>4</v>
      </c>
      <c r="HO40" s="100">
        <v>3</v>
      </c>
      <c r="HP40" s="101">
        <v>0</v>
      </c>
      <c r="HQ40" s="102">
        <v>3</v>
      </c>
      <c r="HR40" s="400">
        <v>0</v>
      </c>
      <c r="HS40" s="101">
        <v>0</v>
      </c>
      <c r="HT40" s="101">
        <v>0</v>
      </c>
      <c r="HU40" s="101">
        <v>4</v>
      </c>
      <c r="HV40" s="101">
        <v>2</v>
      </c>
      <c r="HW40" s="101">
        <v>2</v>
      </c>
      <c r="HX40" s="102">
        <v>8</v>
      </c>
      <c r="HY40" s="103">
        <v>11</v>
      </c>
      <c r="HZ40" s="100">
        <v>1</v>
      </c>
      <c r="IA40" s="101">
        <v>2</v>
      </c>
      <c r="IB40" s="102">
        <v>3</v>
      </c>
      <c r="IC40" s="400">
        <v>0</v>
      </c>
      <c r="ID40" s="101">
        <v>3</v>
      </c>
      <c r="IE40" s="101">
        <v>9</v>
      </c>
      <c r="IF40" s="101">
        <v>4</v>
      </c>
      <c r="IG40" s="101">
        <v>1</v>
      </c>
      <c r="IH40" s="101">
        <v>0</v>
      </c>
      <c r="II40" s="102">
        <v>17</v>
      </c>
      <c r="IJ40" s="103">
        <v>20</v>
      </c>
      <c r="IK40" s="100">
        <v>3</v>
      </c>
      <c r="IL40" s="101">
        <v>2</v>
      </c>
      <c r="IM40" s="102">
        <v>5</v>
      </c>
      <c r="IN40" s="400">
        <v>0</v>
      </c>
      <c r="IO40" s="101">
        <v>7</v>
      </c>
      <c r="IP40" s="101">
        <v>8</v>
      </c>
      <c r="IQ40" s="101">
        <v>3</v>
      </c>
      <c r="IR40" s="101">
        <v>4</v>
      </c>
      <c r="IS40" s="101">
        <v>4</v>
      </c>
      <c r="IT40" s="102">
        <v>26</v>
      </c>
      <c r="IU40" s="103">
        <v>31</v>
      </c>
      <c r="IV40" s="100">
        <v>5</v>
      </c>
      <c r="IW40" s="101">
        <v>1</v>
      </c>
      <c r="IX40" s="102">
        <v>6</v>
      </c>
      <c r="IY40" s="400">
        <v>0</v>
      </c>
      <c r="IZ40" s="101">
        <v>8</v>
      </c>
      <c r="JA40" s="101">
        <v>6</v>
      </c>
      <c r="JB40" s="101">
        <v>12</v>
      </c>
      <c r="JC40" s="101">
        <v>6</v>
      </c>
      <c r="JD40" s="101">
        <v>7</v>
      </c>
      <c r="JE40" s="102">
        <v>39</v>
      </c>
      <c r="JF40" s="103">
        <v>45</v>
      </c>
      <c r="JG40" s="100">
        <v>3</v>
      </c>
      <c r="JH40" s="101">
        <v>1</v>
      </c>
      <c r="JI40" s="102">
        <v>4</v>
      </c>
      <c r="JJ40" s="400">
        <v>0</v>
      </c>
      <c r="JK40" s="101">
        <v>8</v>
      </c>
      <c r="JL40" s="101">
        <v>10</v>
      </c>
      <c r="JM40" s="101">
        <v>8</v>
      </c>
      <c r="JN40" s="101">
        <v>10</v>
      </c>
      <c r="JO40" s="101">
        <v>5</v>
      </c>
      <c r="JP40" s="102">
        <v>41</v>
      </c>
      <c r="JQ40" s="103">
        <v>45</v>
      </c>
      <c r="JR40" s="100">
        <v>0</v>
      </c>
      <c r="JS40" s="101">
        <v>0</v>
      </c>
      <c r="JT40" s="102">
        <v>0</v>
      </c>
      <c r="JU40" s="400">
        <v>0</v>
      </c>
      <c r="JV40" s="101">
        <v>0</v>
      </c>
      <c r="JW40" s="101">
        <v>3</v>
      </c>
      <c r="JX40" s="101">
        <v>0</v>
      </c>
      <c r="JY40" s="101">
        <v>2</v>
      </c>
      <c r="JZ40" s="101">
        <v>0</v>
      </c>
      <c r="KA40" s="102">
        <v>5</v>
      </c>
      <c r="KB40" s="103">
        <v>5</v>
      </c>
      <c r="KC40" s="100">
        <v>16</v>
      </c>
      <c r="KD40" s="101">
        <v>7</v>
      </c>
      <c r="KE40" s="102">
        <v>23</v>
      </c>
      <c r="KF40" s="400">
        <v>0</v>
      </c>
      <c r="KG40" s="101">
        <v>26</v>
      </c>
      <c r="KH40" s="101">
        <v>36</v>
      </c>
      <c r="KI40" s="101">
        <v>31</v>
      </c>
      <c r="KJ40" s="101">
        <v>26</v>
      </c>
      <c r="KK40" s="101">
        <v>19</v>
      </c>
      <c r="KL40" s="102">
        <v>138</v>
      </c>
      <c r="KM40" s="103">
        <v>161</v>
      </c>
    </row>
    <row r="41" spans="2:299" ht="32.25" customHeight="1" x14ac:dyDescent="0.2"/>
  </sheetData>
  <mergeCells count="36">
    <mergeCell ref="I1:J1"/>
    <mergeCell ref="CB4:CL5"/>
    <mergeCell ref="CM4:CW5"/>
    <mergeCell ref="C5:M5"/>
    <mergeCell ref="N5:X5"/>
    <mergeCell ref="Y5:AI5"/>
    <mergeCell ref="AJ5:AT5"/>
    <mergeCell ref="AU5:BE5"/>
    <mergeCell ref="BF5:BP5"/>
    <mergeCell ref="BQ5:CA5"/>
    <mergeCell ref="C3:CW3"/>
    <mergeCell ref="C4:CA4"/>
    <mergeCell ref="F1:G1"/>
    <mergeCell ref="B3:B5"/>
    <mergeCell ref="CX3:GR3"/>
    <mergeCell ref="CX4:FV4"/>
    <mergeCell ref="FW4:GG5"/>
    <mergeCell ref="GH4:GR5"/>
    <mergeCell ref="CX5:DH5"/>
    <mergeCell ref="DI5:DS5"/>
    <mergeCell ref="DT5:ED5"/>
    <mergeCell ref="EE5:EO5"/>
    <mergeCell ref="EP5:EZ5"/>
    <mergeCell ref="FA5:FK5"/>
    <mergeCell ref="FL5:FV5"/>
    <mergeCell ref="GS3:KM3"/>
    <mergeCell ref="GS4:JQ4"/>
    <mergeCell ref="JR4:KB5"/>
    <mergeCell ref="KC4:KM5"/>
    <mergeCell ref="GS5:HC5"/>
    <mergeCell ref="HD5:HN5"/>
    <mergeCell ref="HO5:HY5"/>
    <mergeCell ref="HZ5:IJ5"/>
    <mergeCell ref="IK5:IU5"/>
    <mergeCell ref="IV5:JF5"/>
    <mergeCell ref="JG5:JQ5"/>
  </mergeCells>
  <phoneticPr fontId="4"/>
  <printOptions horizontalCentered="1"/>
  <pageMargins left="0.59055118110236227" right="0.39370078740157483" top="0.59055118110236227" bottom="0.55118110236220474" header="0.23622047244094491" footer="0.27559055118110237"/>
  <pageSetup paperSize="9" scale="44" orientation="landscape" r:id="rId1"/>
  <headerFooter alignWithMargins="0">
    <oddFooter>&amp;L&amp;20&amp;X&amp;A&amp;C&amp;P/&amp;N</oddFooter>
  </headerFooter>
  <colBreaks count="8" manualBreakCount="8">
    <brk id="35" max="40" man="1"/>
    <brk id="68" max="1048575" man="1"/>
    <brk id="101" max="1048575" man="1"/>
    <brk id="133" max="40" man="1"/>
    <brk id="167" max="40" man="1"/>
    <brk id="200" max="40" man="1"/>
    <brk id="233" max="40" man="1"/>
    <brk id="266" max="40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AQ218"/>
  <sheetViews>
    <sheetView zoomScaleNormal="100" zoomScaleSheetLayoutView="55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57" customWidth="1"/>
    <col min="3" max="3" width="8.88671875" style="57" customWidth="1"/>
    <col min="4" max="4" width="8.109375" style="57" customWidth="1"/>
    <col min="5" max="5" width="10.109375" style="57" bestFit="1" customWidth="1"/>
    <col min="6" max="6" width="9.6640625" style="57" bestFit="1" customWidth="1"/>
    <col min="7" max="7" width="9.109375" style="57" bestFit="1" customWidth="1"/>
    <col min="8" max="8" width="9.6640625" style="57" bestFit="1" customWidth="1"/>
    <col min="9" max="9" width="9.109375" style="57" bestFit="1" customWidth="1"/>
    <col min="10" max="11" width="9" style="57"/>
    <col min="12" max="12" width="9.6640625" style="57" customWidth="1"/>
    <col min="13" max="22" width="8.77734375" style="57" customWidth="1"/>
    <col min="23" max="42" width="9.6640625" style="57" customWidth="1"/>
    <col min="43" max="16384" width="9" style="57"/>
  </cols>
  <sheetData>
    <row r="1" spans="2:43" ht="24" customHeight="1" x14ac:dyDescent="0.2">
      <c r="B1" s="7" t="s">
        <v>56</v>
      </c>
      <c r="F1" s="52">
        <f>第１表!F2</f>
        <v>7</v>
      </c>
      <c r="G1" s="13">
        <f>第１表!G2</f>
        <v>1</v>
      </c>
      <c r="H1" s="445">
        <f>IF(G1&lt;3,G1-2+12,G1-2)</f>
        <v>11</v>
      </c>
      <c r="I1" s="445"/>
    </row>
    <row r="2" spans="2:43" ht="24" customHeight="1" thickBot="1" x14ac:dyDescent="0.25">
      <c r="B2" s="7" t="s">
        <v>152</v>
      </c>
      <c r="F2" s="7" t="s">
        <v>136</v>
      </c>
    </row>
    <row r="3" spans="2:43" ht="21" customHeight="1" x14ac:dyDescent="0.2">
      <c r="B3" s="522"/>
      <c r="C3" s="519" t="s">
        <v>57</v>
      </c>
      <c r="D3" s="520"/>
      <c r="E3" s="520"/>
      <c r="F3" s="520"/>
      <c r="G3" s="520"/>
      <c r="H3" s="520"/>
      <c r="I3" s="520"/>
      <c r="J3" s="520"/>
      <c r="K3" s="520"/>
      <c r="L3" s="520"/>
      <c r="M3" s="519" t="s">
        <v>58</v>
      </c>
      <c r="N3" s="525"/>
      <c r="O3" s="525"/>
      <c r="P3" s="525"/>
      <c r="Q3" s="525"/>
      <c r="R3" s="525"/>
      <c r="S3" s="525"/>
      <c r="T3" s="525"/>
      <c r="U3" s="525"/>
      <c r="V3" s="525"/>
      <c r="W3" s="519" t="s">
        <v>59</v>
      </c>
      <c r="X3" s="520"/>
      <c r="Y3" s="520"/>
      <c r="Z3" s="520"/>
      <c r="AA3" s="520"/>
      <c r="AB3" s="520"/>
      <c r="AC3" s="520"/>
      <c r="AD3" s="520"/>
      <c r="AE3" s="520"/>
      <c r="AF3" s="520"/>
      <c r="AG3" s="519" t="s">
        <v>145</v>
      </c>
      <c r="AH3" s="520"/>
      <c r="AI3" s="520"/>
      <c r="AJ3" s="520"/>
      <c r="AK3" s="520"/>
      <c r="AL3" s="520"/>
      <c r="AM3" s="520"/>
      <c r="AN3" s="520"/>
      <c r="AO3" s="520"/>
      <c r="AP3" s="521"/>
    </row>
    <row r="4" spans="2:43" ht="21" customHeight="1" x14ac:dyDescent="0.2">
      <c r="B4" s="524"/>
      <c r="C4" s="502" t="s">
        <v>61</v>
      </c>
      <c r="D4" s="503"/>
      <c r="E4" s="504"/>
      <c r="F4" s="505" t="s">
        <v>62</v>
      </c>
      <c r="G4" s="506"/>
      <c r="H4" s="506"/>
      <c r="I4" s="506"/>
      <c r="J4" s="506"/>
      <c r="K4" s="507"/>
      <c r="L4" s="516" t="s">
        <v>52</v>
      </c>
      <c r="M4" s="502" t="s">
        <v>61</v>
      </c>
      <c r="N4" s="503"/>
      <c r="O4" s="504"/>
      <c r="P4" s="505" t="s">
        <v>62</v>
      </c>
      <c r="Q4" s="506"/>
      <c r="R4" s="506"/>
      <c r="S4" s="506"/>
      <c r="T4" s="506"/>
      <c r="U4" s="507"/>
      <c r="V4" s="508" t="s">
        <v>52</v>
      </c>
      <c r="W4" s="502" t="s">
        <v>61</v>
      </c>
      <c r="X4" s="503"/>
      <c r="Y4" s="504"/>
      <c r="Z4" s="505" t="s">
        <v>62</v>
      </c>
      <c r="AA4" s="506"/>
      <c r="AB4" s="506"/>
      <c r="AC4" s="506"/>
      <c r="AD4" s="506"/>
      <c r="AE4" s="507"/>
      <c r="AF4" s="516" t="s">
        <v>52</v>
      </c>
      <c r="AG4" s="502" t="s">
        <v>61</v>
      </c>
      <c r="AH4" s="503"/>
      <c r="AI4" s="504"/>
      <c r="AJ4" s="505" t="s">
        <v>62</v>
      </c>
      <c r="AK4" s="506"/>
      <c r="AL4" s="506"/>
      <c r="AM4" s="506"/>
      <c r="AN4" s="506"/>
      <c r="AO4" s="507"/>
      <c r="AP4" s="508" t="s">
        <v>52</v>
      </c>
    </row>
    <row r="5" spans="2:43" ht="30" customHeight="1" thickBot="1" x14ac:dyDescent="0.25">
      <c r="B5" s="58" t="s">
        <v>42</v>
      </c>
      <c r="C5" s="215" t="s">
        <v>43</v>
      </c>
      <c r="D5" s="216" t="s">
        <v>44</v>
      </c>
      <c r="E5" s="216" t="s">
        <v>45</v>
      </c>
      <c r="F5" s="217" t="s">
        <v>47</v>
      </c>
      <c r="G5" s="218" t="s">
        <v>48</v>
      </c>
      <c r="H5" s="218" t="s">
        <v>49</v>
      </c>
      <c r="I5" s="219" t="s">
        <v>50</v>
      </c>
      <c r="J5" s="216" t="s">
        <v>51</v>
      </c>
      <c r="K5" s="220" t="s">
        <v>95</v>
      </c>
      <c r="L5" s="517"/>
      <c r="M5" s="215" t="s">
        <v>43</v>
      </c>
      <c r="N5" s="216" t="s">
        <v>44</v>
      </c>
      <c r="O5" s="220" t="s">
        <v>45</v>
      </c>
      <c r="P5" s="221" t="s">
        <v>47</v>
      </c>
      <c r="Q5" s="218" t="s">
        <v>48</v>
      </c>
      <c r="R5" s="218" t="s">
        <v>49</v>
      </c>
      <c r="S5" s="219" t="s">
        <v>50</v>
      </c>
      <c r="T5" s="216" t="s">
        <v>51</v>
      </c>
      <c r="U5" s="220" t="s">
        <v>45</v>
      </c>
      <c r="V5" s="509"/>
      <c r="W5" s="215" t="s">
        <v>43</v>
      </c>
      <c r="X5" s="216" t="s">
        <v>44</v>
      </c>
      <c r="Y5" s="216" t="s">
        <v>45</v>
      </c>
      <c r="Z5" s="217" t="s">
        <v>47</v>
      </c>
      <c r="AA5" s="218" t="s">
        <v>48</v>
      </c>
      <c r="AB5" s="218" t="s">
        <v>49</v>
      </c>
      <c r="AC5" s="219" t="s">
        <v>50</v>
      </c>
      <c r="AD5" s="216" t="s">
        <v>51</v>
      </c>
      <c r="AE5" s="220" t="s">
        <v>45</v>
      </c>
      <c r="AF5" s="517"/>
      <c r="AG5" s="215" t="s">
        <v>43</v>
      </c>
      <c r="AH5" s="216" t="s">
        <v>44</v>
      </c>
      <c r="AI5" s="216" t="s">
        <v>45</v>
      </c>
      <c r="AJ5" s="217" t="s">
        <v>47</v>
      </c>
      <c r="AK5" s="218" t="s">
        <v>48</v>
      </c>
      <c r="AL5" s="218" t="s">
        <v>49</v>
      </c>
      <c r="AM5" s="219" t="s">
        <v>50</v>
      </c>
      <c r="AN5" s="216" t="s">
        <v>51</v>
      </c>
      <c r="AO5" s="220" t="s">
        <v>45</v>
      </c>
      <c r="AP5" s="509"/>
    </row>
    <row r="6" spans="2:43" ht="21" customHeight="1" x14ac:dyDescent="0.2">
      <c r="B6" s="70" t="s">
        <v>4</v>
      </c>
      <c r="C6" s="197">
        <v>0</v>
      </c>
      <c r="D6" s="199">
        <v>0</v>
      </c>
      <c r="E6" s="199">
        <v>0</v>
      </c>
      <c r="F6" s="200">
        <v>20</v>
      </c>
      <c r="G6" s="198">
        <v>63</v>
      </c>
      <c r="H6" s="198">
        <v>482</v>
      </c>
      <c r="I6" s="198">
        <v>674</v>
      </c>
      <c r="J6" s="199">
        <v>362</v>
      </c>
      <c r="K6" s="222">
        <v>1601</v>
      </c>
      <c r="L6" s="223">
        <v>1601</v>
      </c>
      <c r="M6" s="197">
        <v>0</v>
      </c>
      <c r="N6" s="199">
        <v>0</v>
      </c>
      <c r="O6" s="222">
        <v>0</v>
      </c>
      <c r="P6" s="202">
        <v>87</v>
      </c>
      <c r="Q6" s="198">
        <v>182</v>
      </c>
      <c r="R6" s="198">
        <v>296</v>
      </c>
      <c r="S6" s="198">
        <v>339</v>
      </c>
      <c r="T6" s="199">
        <v>160</v>
      </c>
      <c r="U6" s="222">
        <v>1064</v>
      </c>
      <c r="V6" s="201">
        <v>1064</v>
      </c>
      <c r="W6" s="202">
        <v>0</v>
      </c>
      <c r="X6" s="199">
        <v>0</v>
      </c>
      <c r="Y6" s="199">
        <v>0</v>
      </c>
      <c r="Z6" s="200">
        <v>0</v>
      </c>
      <c r="AA6" s="198">
        <v>0</v>
      </c>
      <c r="AB6" s="198">
        <v>0</v>
      </c>
      <c r="AC6" s="198">
        <v>0</v>
      </c>
      <c r="AD6" s="199">
        <v>0</v>
      </c>
      <c r="AE6" s="222">
        <v>0</v>
      </c>
      <c r="AF6" s="223">
        <v>0</v>
      </c>
      <c r="AG6" s="197">
        <v>0</v>
      </c>
      <c r="AH6" s="199">
        <v>0</v>
      </c>
      <c r="AI6" s="199">
        <v>0</v>
      </c>
      <c r="AJ6" s="200">
        <v>0</v>
      </c>
      <c r="AK6" s="198">
        <v>1</v>
      </c>
      <c r="AL6" s="198">
        <v>2</v>
      </c>
      <c r="AM6" s="198">
        <v>15</v>
      </c>
      <c r="AN6" s="199">
        <v>20</v>
      </c>
      <c r="AO6" s="222">
        <v>38</v>
      </c>
      <c r="AP6" s="224">
        <v>38</v>
      </c>
      <c r="AQ6" s="225"/>
    </row>
    <row r="7" spans="2:43" ht="21" customHeight="1" x14ac:dyDescent="0.2">
      <c r="B7" s="81" t="s">
        <v>5</v>
      </c>
      <c r="C7" s="203">
        <v>0</v>
      </c>
      <c r="D7" s="205">
        <v>0</v>
      </c>
      <c r="E7" s="205">
        <v>0</v>
      </c>
      <c r="F7" s="206">
        <v>11</v>
      </c>
      <c r="G7" s="204">
        <v>49</v>
      </c>
      <c r="H7" s="204">
        <v>238</v>
      </c>
      <c r="I7" s="204">
        <v>309</v>
      </c>
      <c r="J7" s="205">
        <v>160</v>
      </c>
      <c r="K7" s="226">
        <v>767</v>
      </c>
      <c r="L7" s="227">
        <v>767</v>
      </c>
      <c r="M7" s="203">
        <v>0</v>
      </c>
      <c r="N7" s="205">
        <v>0</v>
      </c>
      <c r="O7" s="226">
        <v>0</v>
      </c>
      <c r="P7" s="208">
        <v>39</v>
      </c>
      <c r="Q7" s="204">
        <v>104</v>
      </c>
      <c r="R7" s="204">
        <v>137</v>
      </c>
      <c r="S7" s="204">
        <v>186</v>
      </c>
      <c r="T7" s="205">
        <v>85</v>
      </c>
      <c r="U7" s="226">
        <v>551</v>
      </c>
      <c r="V7" s="207">
        <v>551</v>
      </c>
      <c r="W7" s="208">
        <v>0</v>
      </c>
      <c r="X7" s="205">
        <v>0</v>
      </c>
      <c r="Y7" s="205">
        <v>0</v>
      </c>
      <c r="Z7" s="206">
        <v>0</v>
      </c>
      <c r="AA7" s="204">
        <v>0</v>
      </c>
      <c r="AB7" s="204">
        <v>0</v>
      </c>
      <c r="AC7" s="204">
        <v>0</v>
      </c>
      <c r="AD7" s="205">
        <v>0</v>
      </c>
      <c r="AE7" s="226">
        <v>0</v>
      </c>
      <c r="AF7" s="227">
        <v>0</v>
      </c>
      <c r="AG7" s="203">
        <v>0</v>
      </c>
      <c r="AH7" s="205">
        <v>0</v>
      </c>
      <c r="AI7" s="205">
        <v>0</v>
      </c>
      <c r="AJ7" s="206">
        <v>0</v>
      </c>
      <c r="AK7" s="204">
        <v>0</v>
      </c>
      <c r="AL7" s="204">
        <v>1</v>
      </c>
      <c r="AM7" s="204">
        <v>6</v>
      </c>
      <c r="AN7" s="205">
        <v>7</v>
      </c>
      <c r="AO7" s="226">
        <v>14</v>
      </c>
      <c r="AP7" s="228">
        <v>14</v>
      </c>
      <c r="AQ7" s="225"/>
    </row>
    <row r="8" spans="2:43" ht="21" customHeight="1" x14ac:dyDescent="0.2">
      <c r="B8" s="92" t="s">
        <v>6</v>
      </c>
      <c r="C8" s="203">
        <v>0</v>
      </c>
      <c r="D8" s="205">
        <v>0</v>
      </c>
      <c r="E8" s="205">
        <v>0</v>
      </c>
      <c r="F8" s="206">
        <v>5</v>
      </c>
      <c r="G8" s="204">
        <v>7</v>
      </c>
      <c r="H8" s="204">
        <v>48</v>
      </c>
      <c r="I8" s="204">
        <v>72</v>
      </c>
      <c r="J8" s="205">
        <v>43</v>
      </c>
      <c r="K8" s="226">
        <v>175</v>
      </c>
      <c r="L8" s="227">
        <v>175</v>
      </c>
      <c r="M8" s="203">
        <v>0</v>
      </c>
      <c r="N8" s="205">
        <v>0</v>
      </c>
      <c r="O8" s="226">
        <v>0</v>
      </c>
      <c r="P8" s="208">
        <v>8</v>
      </c>
      <c r="Q8" s="204">
        <v>12</v>
      </c>
      <c r="R8" s="204">
        <v>34</v>
      </c>
      <c r="S8" s="204">
        <v>34</v>
      </c>
      <c r="T8" s="205">
        <v>23</v>
      </c>
      <c r="U8" s="226">
        <v>111</v>
      </c>
      <c r="V8" s="207">
        <v>111</v>
      </c>
      <c r="W8" s="208">
        <v>0</v>
      </c>
      <c r="X8" s="205">
        <v>0</v>
      </c>
      <c r="Y8" s="205">
        <v>0</v>
      </c>
      <c r="Z8" s="206">
        <v>0</v>
      </c>
      <c r="AA8" s="204">
        <v>0</v>
      </c>
      <c r="AB8" s="204">
        <v>0</v>
      </c>
      <c r="AC8" s="204">
        <v>0</v>
      </c>
      <c r="AD8" s="205">
        <v>0</v>
      </c>
      <c r="AE8" s="226">
        <v>0</v>
      </c>
      <c r="AF8" s="227">
        <v>0</v>
      </c>
      <c r="AG8" s="203">
        <v>0</v>
      </c>
      <c r="AH8" s="205">
        <v>0</v>
      </c>
      <c r="AI8" s="205">
        <v>0</v>
      </c>
      <c r="AJ8" s="206">
        <v>0</v>
      </c>
      <c r="AK8" s="204">
        <v>0</v>
      </c>
      <c r="AL8" s="204">
        <v>0</v>
      </c>
      <c r="AM8" s="204">
        <v>1</v>
      </c>
      <c r="AN8" s="205">
        <v>0</v>
      </c>
      <c r="AO8" s="226">
        <v>1</v>
      </c>
      <c r="AP8" s="228">
        <v>1</v>
      </c>
      <c r="AQ8" s="225"/>
    </row>
    <row r="9" spans="2:43" ht="21" customHeight="1" x14ac:dyDescent="0.2">
      <c r="B9" s="92" t="s">
        <v>14</v>
      </c>
      <c r="C9" s="203">
        <v>0</v>
      </c>
      <c r="D9" s="205">
        <v>0</v>
      </c>
      <c r="E9" s="205">
        <v>0</v>
      </c>
      <c r="F9" s="206">
        <v>0</v>
      </c>
      <c r="G9" s="204">
        <v>1</v>
      </c>
      <c r="H9" s="204">
        <v>43</v>
      </c>
      <c r="I9" s="204">
        <v>51</v>
      </c>
      <c r="J9" s="205">
        <v>30</v>
      </c>
      <c r="K9" s="226">
        <v>125</v>
      </c>
      <c r="L9" s="227">
        <v>125</v>
      </c>
      <c r="M9" s="203">
        <v>0</v>
      </c>
      <c r="N9" s="205">
        <v>0</v>
      </c>
      <c r="O9" s="226">
        <v>0</v>
      </c>
      <c r="P9" s="208">
        <v>1</v>
      </c>
      <c r="Q9" s="204">
        <v>12</v>
      </c>
      <c r="R9" s="204">
        <v>22</v>
      </c>
      <c r="S9" s="204">
        <v>20</v>
      </c>
      <c r="T9" s="205">
        <v>6</v>
      </c>
      <c r="U9" s="226">
        <v>61</v>
      </c>
      <c r="V9" s="207">
        <v>61</v>
      </c>
      <c r="W9" s="208">
        <v>0</v>
      </c>
      <c r="X9" s="205">
        <v>0</v>
      </c>
      <c r="Y9" s="205">
        <v>0</v>
      </c>
      <c r="Z9" s="206">
        <v>0</v>
      </c>
      <c r="AA9" s="204">
        <v>0</v>
      </c>
      <c r="AB9" s="204">
        <v>0</v>
      </c>
      <c r="AC9" s="204">
        <v>0</v>
      </c>
      <c r="AD9" s="205">
        <v>0</v>
      </c>
      <c r="AE9" s="226">
        <v>0</v>
      </c>
      <c r="AF9" s="227">
        <v>0</v>
      </c>
      <c r="AG9" s="203">
        <v>0</v>
      </c>
      <c r="AH9" s="205">
        <v>0</v>
      </c>
      <c r="AI9" s="205">
        <v>0</v>
      </c>
      <c r="AJ9" s="206">
        <v>0</v>
      </c>
      <c r="AK9" s="204">
        <v>0</v>
      </c>
      <c r="AL9" s="204">
        <v>0</v>
      </c>
      <c r="AM9" s="204">
        <v>4</v>
      </c>
      <c r="AN9" s="205">
        <v>7</v>
      </c>
      <c r="AO9" s="226">
        <v>11</v>
      </c>
      <c r="AP9" s="228">
        <v>11</v>
      </c>
      <c r="AQ9" s="225"/>
    </row>
    <row r="10" spans="2:43" ht="21" customHeight="1" x14ac:dyDescent="0.2">
      <c r="B10" s="92" t="s">
        <v>7</v>
      </c>
      <c r="C10" s="203">
        <v>0</v>
      </c>
      <c r="D10" s="205">
        <v>0</v>
      </c>
      <c r="E10" s="205">
        <v>0</v>
      </c>
      <c r="F10" s="206">
        <v>0</v>
      </c>
      <c r="G10" s="204">
        <v>1</v>
      </c>
      <c r="H10" s="204">
        <v>36</v>
      </c>
      <c r="I10" s="204">
        <v>51</v>
      </c>
      <c r="J10" s="205">
        <v>20</v>
      </c>
      <c r="K10" s="226">
        <v>108</v>
      </c>
      <c r="L10" s="227">
        <v>108</v>
      </c>
      <c r="M10" s="203">
        <v>0</v>
      </c>
      <c r="N10" s="205">
        <v>0</v>
      </c>
      <c r="O10" s="226">
        <v>0</v>
      </c>
      <c r="P10" s="208">
        <v>14</v>
      </c>
      <c r="Q10" s="204">
        <v>11</v>
      </c>
      <c r="R10" s="204">
        <v>15</v>
      </c>
      <c r="S10" s="204">
        <v>18</v>
      </c>
      <c r="T10" s="205">
        <v>5</v>
      </c>
      <c r="U10" s="226">
        <v>63</v>
      </c>
      <c r="V10" s="207">
        <v>63</v>
      </c>
      <c r="W10" s="208">
        <v>0</v>
      </c>
      <c r="X10" s="205">
        <v>0</v>
      </c>
      <c r="Y10" s="205">
        <v>0</v>
      </c>
      <c r="Z10" s="206">
        <v>0</v>
      </c>
      <c r="AA10" s="204">
        <v>0</v>
      </c>
      <c r="AB10" s="204">
        <v>0</v>
      </c>
      <c r="AC10" s="204">
        <v>0</v>
      </c>
      <c r="AD10" s="205">
        <v>0</v>
      </c>
      <c r="AE10" s="226">
        <v>0</v>
      </c>
      <c r="AF10" s="227">
        <v>0</v>
      </c>
      <c r="AG10" s="203">
        <v>0</v>
      </c>
      <c r="AH10" s="205">
        <v>0</v>
      </c>
      <c r="AI10" s="205">
        <v>0</v>
      </c>
      <c r="AJ10" s="206">
        <v>0</v>
      </c>
      <c r="AK10" s="204">
        <v>0</v>
      </c>
      <c r="AL10" s="204">
        <v>0</v>
      </c>
      <c r="AM10" s="204">
        <v>1</v>
      </c>
      <c r="AN10" s="205">
        <v>0</v>
      </c>
      <c r="AO10" s="226">
        <v>1</v>
      </c>
      <c r="AP10" s="228">
        <v>1</v>
      </c>
      <c r="AQ10" s="225"/>
    </row>
    <row r="11" spans="2:43" ht="21" customHeight="1" x14ac:dyDescent="0.2">
      <c r="B11" s="92" t="s">
        <v>8</v>
      </c>
      <c r="C11" s="203">
        <v>0</v>
      </c>
      <c r="D11" s="205">
        <v>0</v>
      </c>
      <c r="E11" s="205">
        <v>0</v>
      </c>
      <c r="F11" s="206">
        <v>1</v>
      </c>
      <c r="G11" s="204">
        <v>1</v>
      </c>
      <c r="H11" s="204">
        <v>17</v>
      </c>
      <c r="I11" s="204">
        <v>9</v>
      </c>
      <c r="J11" s="205">
        <v>8</v>
      </c>
      <c r="K11" s="226">
        <v>36</v>
      </c>
      <c r="L11" s="227">
        <v>36</v>
      </c>
      <c r="M11" s="203">
        <v>0</v>
      </c>
      <c r="N11" s="205">
        <v>0</v>
      </c>
      <c r="O11" s="226">
        <v>0</v>
      </c>
      <c r="P11" s="208">
        <v>1</v>
      </c>
      <c r="Q11" s="204">
        <v>0</v>
      </c>
      <c r="R11" s="204">
        <v>7</v>
      </c>
      <c r="S11" s="204">
        <v>2</v>
      </c>
      <c r="T11" s="205">
        <v>4</v>
      </c>
      <c r="U11" s="226">
        <v>14</v>
      </c>
      <c r="V11" s="207">
        <v>14</v>
      </c>
      <c r="W11" s="208">
        <v>0</v>
      </c>
      <c r="X11" s="205">
        <v>0</v>
      </c>
      <c r="Y11" s="205">
        <v>0</v>
      </c>
      <c r="Z11" s="206">
        <v>0</v>
      </c>
      <c r="AA11" s="204">
        <v>0</v>
      </c>
      <c r="AB11" s="204">
        <v>0</v>
      </c>
      <c r="AC11" s="204">
        <v>0</v>
      </c>
      <c r="AD11" s="205">
        <v>0</v>
      </c>
      <c r="AE11" s="226">
        <v>0</v>
      </c>
      <c r="AF11" s="227">
        <v>0</v>
      </c>
      <c r="AG11" s="203">
        <v>0</v>
      </c>
      <c r="AH11" s="205">
        <v>0</v>
      </c>
      <c r="AI11" s="205">
        <v>0</v>
      </c>
      <c r="AJ11" s="206">
        <v>0</v>
      </c>
      <c r="AK11" s="204">
        <v>0</v>
      </c>
      <c r="AL11" s="204">
        <v>0</v>
      </c>
      <c r="AM11" s="204">
        <v>0</v>
      </c>
      <c r="AN11" s="205">
        <v>0</v>
      </c>
      <c r="AO11" s="226">
        <v>0</v>
      </c>
      <c r="AP11" s="228">
        <v>0</v>
      </c>
      <c r="AQ11" s="225"/>
    </row>
    <row r="12" spans="2:43" ht="21" customHeight="1" x14ac:dyDescent="0.2">
      <c r="B12" s="92" t="s">
        <v>9</v>
      </c>
      <c r="C12" s="203">
        <v>0</v>
      </c>
      <c r="D12" s="205">
        <v>0</v>
      </c>
      <c r="E12" s="205">
        <v>0</v>
      </c>
      <c r="F12" s="206">
        <v>0</v>
      </c>
      <c r="G12" s="204">
        <v>0</v>
      </c>
      <c r="H12" s="204">
        <v>14</v>
      </c>
      <c r="I12" s="204">
        <v>22</v>
      </c>
      <c r="J12" s="205">
        <v>8</v>
      </c>
      <c r="K12" s="226">
        <v>44</v>
      </c>
      <c r="L12" s="227">
        <v>44</v>
      </c>
      <c r="M12" s="203">
        <v>0</v>
      </c>
      <c r="N12" s="205">
        <v>0</v>
      </c>
      <c r="O12" s="226">
        <v>0</v>
      </c>
      <c r="P12" s="208">
        <v>3</v>
      </c>
      <c r="Q12" s="204">
        <v>4</v>
      </c>
      <c r="R12" s="204">
        <v>7</v>
      </c>
      <c r="S12" s="204">
        <v>11</v>
      </c>
      <c r="T12" s="205">
        <v>4</v>
      </c>
      <c r="U12" s="226">
        <v>29</v>
      </c>
      <c r="V12" s="207">
        <v>29</v>
      </c>
      <c r="W12" s="208">
        <v>0</v>
      </c>
      <c r="X12" s="205">
        <v>0</v>
      </c>
      <c r="Y12" s="205">
        <v>0</v>
      </c>
      <c r="Z12" s="206">
        <v>0</v>
      </c>
      <c r="AA12" s="204">
        <v>0</v>
      </c>
      <c r="AB12" s="204">
        <v>0</v>
      </c>
      <c r="AC12" s="204">
        <v>0</v>
      </c>
      <c r="AD12" s="205">
        <v>0</v>
      </c>
      <c r="AE12" s="226">
        <v>0</v>
      </c>
      <c r="AF12" s="227">
        <v>0</v>
      </c>
      <c r="AG12" s="203">
        <v>0</v>
      </c>
      <c r="AH12" s="205">
        <v>0</v>
      </c>
      <c r="AI12" s="205">
        <v>0</v>
      </c>
      <c r="AJ12" s="206">
        <v>0</v>
      </c>
      <c r="AK12" s="204">
        <v>0</v>
      </c>
      <c r="AL12" s="204">
        <v>0</v>
      </c>
      <c r="AM12" s="204">
        <v>0</v>
      </c>
      <c r="AN12" s="205">
        <v>1</v>
      </c>
      <c r="AO12" s="226">
        <v>1</v>
      </c>
      <c r="AP12" s="228">
        <v>1</v>
      </c>
      <c r="AQ12" s="225"/>
    </row>
    <row r="13" spans="2:43" ht="21" customHeight="1" x14ac:dyDescent="0.2">
      <c r="B13" s="92" t="s">
        <v>10</v>
      </c>
      <c r="C13" s="203">
        <v>0</v>
      </c>
      <c r="D13" s="205">
        <v>0</v>
      </c>
      <c r="E13" s="205">
        <v>0</v>
      </c>
      <c r="F13" s="206">
        <v>1</v>
      </c>
      <c r="G13" s="204">
        <v>0</v>
      </c>
      <c r="H13" s="204">
        <v>14</v>
      </c>
      <c r="I13" s="204">
        <v>34</v>
      </c>
      <c r="J13" s="205">
        <v>16</v>
      </c>
      <c r="K13" s="226">
        <v>65</v>
      </c>
      <c r="L13" s="227">
        <v>65</v>
      </c>
      <c r="M13" s="203">
        <v>0</v>
      </c>
      <c r="N13" s="205">
        <v>0</v>
      </c>
      <c r="O13" s="226">
        <v>0</v>
      </c>
      <c r="P13" s="208">
        <v>3</v>
      </c>
      <c r="Q13" s="204">
        <v>4</v>
      </c>
      <c r="R13" s="204">
        <v>4</v>
      </c>
      <c r="S13" s="204">
        <v>6</v>
      </c>
      <c r="T13" s="205">
        <v>6</v>
      </c>
      <c r="U13" s="226">
        <v>23</v>
      </c>
      <c r="V13" s="207">
        <v>23</v>
      </c>
      <c r="W13" s="208">
        <v>0</v>
      </c>
      <c r="X13" s="205">
        <v>0</v>
      </c>
      <c r="Y13" s="205">
        <v>0</v>
      </c>
      <c r="Z13" s="206">
        <v>0</v>
      </c>
      <c r="AA13" s="204">
        <v>0</v>
      </c>
      <c r="AB13" s="204">
        <v>0</v>
      </c>
      <c r="AC13" s="204">
        <v>0</v>
      </c>
      <c r="AD13" s="205">
        <v>0</v>
      </c>
      <c r="AE13" s="226">
        <v>0</v>
      </c>
      <c r="AF13" s="227">
        <v>0</v>
      </c>
      <c r="AG13" s="203">
        <v>0</v>
      </c>
      <c r="AH13" s="205">
        <v>0</v>
      </c>
      <c r="AI13" s="205">
        <v>0</v>
      </c>
      <c r="AJ13" s="206">
        <v>0</v>
      </c>
      <c r="AK13" s="204">
        <v>0</v>
      </c>
      <c r="AL13" s="204">
        <v>0</v>
      </c>
      <c r="AM13" s="204">
        <v>1</v>
      </c>
      <c r="AN13" s="205">
        <v>1</v>
      </c>
      <c r="AO13" s="226">
        <v>2</v>
      </c>
      <c r="AP13" s="228">
        <v>2</v>
      </c>
      <c r="AQ13" s="225"/>
    </row>
    <row r="14" spans="2:43" ht="21" customHeight="1" x14ac:dyDescent="0.2">
      <c r="B14" s="92" t="s">
        <v>11</v>
      </c>
      <c r="C14" s="203">
        <v>0</v>
      </c>
      <c r="D14" s="205">
        <v>0</v>
      </c>
      <c r="E14" s="205">
        <v>0</v>
      </c>
      <c r="F14" s="206">
        <v>0</v>
      </c>
      <c r="G14" s="204">
        <v>0</v>
      </c>
      <c r="H14" s="204">
        <v>4</v>
      </c>
      <c r="I14" s="204">
        <v>16</v>
      </c>
      <c r="J14" s="205">
        <v>7</v>
      </c>
      <c r="K14" s="226">
        <v>27</v>
      </c>
      <c r="L14" s="227">
        <v>27</v>
      </c>
      <c r="M14" s="203">
        <v>0</v>
      </c>
      <c r="N14" s="205">
        <v>0</v>
      </c>
      <c r="O14" s="226">
        <v>0</v>
      </c>
      <c r="P14" s="208">
        <v>1</v>
      </c>
      <c r="Q14" s="204">
        <v>2</v>
      </c>
      <c r="R14" s="204">
        <v>10</v>
      </c>
      <c r="S14" s="204">
        <v>4</v>
      </c>
      <c r="T14" s="205">
        <v>6</v>
      </c>
      <c r="U14" s="226">
        <v>23</v>
      </c>
      <c r="V14" s="207">
        <v>23</v>
      </c>
      <c r="W14" s="208">
        <v>0</v>
      </c>
      <c r="X14" s="205">
        <v>0</v>
      </c>
      <c r="Y14" s="205">
        <v>0</v>
      </c>
      <c r="Z14" s="206">
        <v>0</v>
      </c>
      <c r="AA14" s="204">
        <v>0</v>
      </c>
      <c r="AB14" s="204">
        <v>0</v>
      </c>
      <c r="AC14" s="204">
        <v>0</v>
      </c>
      <c r="AD14" s="205">
        <v>0</v>
      </c>
      <c r="AE14" s="226">
        <v>0</v>
      </c>
      <c r="AF14" s="227">
        <v>0</v>
      </c>
      <c r="AG14" s="203">
        <v>0</v>
      </c>
      <c r="AH14" s="205">
        <v>0</v>
      </c>
      <c r="AI14" s="205">
        <v>0</v>
      </c>
      <c r="AJ14" s="206">
        <v>0</v>
      </c>
      <c r="AK14" s="204">
        <v>1</v>
      </c>
      <c r="AL14" s="204">
        <v>0</v>
      </c>
      <c r="AM14" s="204">
        <v>1</v>
      </c>
      <c r="AN14" s="205">
        <v>0</v>
      </c>
      <c r="AO14" s="226">
        <v>2</v>
      </c>
      <c r="AP14" s="228">
        <v>2</v>
      </c>
      <c r="AQ14" s="225"/>
    </row>
    <row r="15" spans="2:43" ht="21" customHeight="1" x14ac:dyDescent="0.2">
      <c r="B15" s="92" t="s">
        <v>12</v>
      </c>
      <c r="C15" s="203">
        <v>0</v>
      </c>
      <c r="D15" s="205">
        <v>0</v>
      </c>
      <c r="E15" s="205">
        <v>0</v>
      </c>
      <c r="F15" s="206">
        <v>0</v>
      </c>
      <c r="G15" s="204">
        <v>0</v>
      </c>
      <c r="H15" s="204">
        <v>6</v>
      </c>
      <c r="I15" s="204">
        <v>8</v>
      </c>
      <c r="J15" s="205">
        <v>6</v>
      </c>
      <c r="K15" s="226">
        <v>20</v>
      </c>
      <c r="L15" s="227">
        <v>20</v>
      </c>
      <c r="M15" s="203">
        <v>0</v>
      </c>
      <c r="N15" s="205">
        <v>0</v>
      </c>
      <c r="O15" s="226">
        <v>0</v>
      </c>
      <c r="P15" s="208">
        <v>1</v>
      </c>
      <c r="Q15" s="204">
        <v>3</v>
      </c>
      <c r="R15" s="204">
        <v>11</v>
      </c>
      <c r="S15" s="204">
        <v>9</v>
      </c>
      <c r="T15" s="205">
        <v>3</v>
      </c>
      <c r="U15" s="226">
        <v>27</v>
      </c>
      <c r="V15" s="207">
        <v>27</v>
      </c>
      <c r="W15" s="208">
        <v>0</v>
      </c>
      <c r="X15" s="205">
        <v>0</v>
      </c>
      <c r="Y15" s="205">
        <v>0</v>
      </c>
      <c r="Z15" s="206">
        <v>0</v>
      </c>
      <c r="AA15" s="204">
        <v>0</v>
      </c>
      <c r="AB15" s="204">
        <v>0</v>
      </c>
      <c r="AC15" s="204">
        <v>0</v>
      </c>
      <c r="AD15" s="205">
        <v>0</v>
      </c>
      <c r="AE15" s="226">
        <v>0</v>
      </c>
      <c r="AF15" s="227">
        <v>0</v>
      </c>
      <c r="AG15" s="203">
        <v>0</v>
      </c>
      <c r="AH15" s="205">
        <v>0</v>
      </c>
      <c r="AI15" s="205">
        <v>0</v>
      </c>
      <c r="AJ15" s="206">
        <v>0</v>
      </c>
      <c r="AK15" s="204">
        <v>0</v>
      </c>
      <c r="AL15" s="204">
        <v>0</v>
      </c>
      <c r="AM15" s="204">
        <v>0</v>
      </c>
      <c r="AN15" s="205">
        <v>0</v>
      </c>
      <c r="AO15" s="226">
        <v>0</v>
      </c>
      <c r="AP15" s="228">
        <v>0</v>
      </c>
      <c r="AQ15" s="225"/>
    </row>
    <row r="16" spans="2:43" ht="21" customHeight="1" x14ac:dyDescent="0.2">
      <c r="B16" s="92" t="s">
        <v>13</v>
      </c>
      <c r="C16" s="203">
        <v>0</v>
      </c>
      <c r="D16" s="205">
        <v>0</v>
      </c>
      <c r="E16" s="205">
        <v>0</v>
      </c>
      <c r="F16" s="206">
        <v>0</v>
      </c>
      <c r="G16" s="204">
        <v>1</v>
      </c>
      <c r="H16" s="204">
        <v>2</v>
      </c>
      <c r="I16" s="204">
        <v>8</v>
      </c>
      <c r="J16" s="205">
        <v>5</v>
      </c>
      <c r="K16" s="226">
        <v>16</v>
      </c>
      <c r="L16" s="227">
        <v>16</v>
      </c>
      <c r="M16" s="203">
        <v>0</v>
      </c>
      <c r="N16" s="205">
        <v>0</v>
      </c>
      <c r="O16" s="226">
        <v>0</v>
      </c>
      <c r="P16" s="208">
        <v>2</v>
      </c>
      <c r="Q16" s="204">
        <v>0</v>
      </c>
      <c r="R16" s="204">
        <v>2</v>
      </c>
      <c r="S16" s="204">
        <v>5</v>
      </c>
      <c r="T16" s="205">
        <v>0</v>
      </c>
      <c r="U16" s="226">
        <v>9</v>
      </c>
      <c r="V16" s="207">
        <v>9</v>
      </c>
      <c r="W16" s="208">
        <v>0</v>
      </c>
      <c r="X16" s="205">
        <v>0</v>
      </c>
      <c r="Y16" s="205">
        <v>0</v>
      </c>
      <c r="Z16" s="206">
        <v>0</v>
      </c>
      <c r="AA16" s="204">
        <v>0</v>
      </c>
      <c r="AB16" s="204">
        <v>0</v>
      </c>
      <c r="AC16" s="204">
        <v>0</v>
      </c>
      <c r="AD16" s="205">
        <v>0</v>
      </c>
      <c r="AE16" s="226">
        <v>0</v>
      </c>
      <c r="AF16" s="227">
        <v>0</v>
      </c>
      <c r="AG16" s="203">
        <v>0</v>
      </c>
      <c r="AH16" s="205">
        <v>0</v>
      </c>
      <c r="AI16" s="205">
        <v>0</v>
      </c>
      <c r="AJ16" s="206">
        <v>0</v>
      </c>
      <c r="AK16" s="204">
        <v>0</v>
      </c>
      <c r="AL16" s="204">
        <v>0</v>
      </c>
      <c r="AM16" s="204">
        <v>0</v>
      </c>
      <c r="AN16" s="205">
        <v>0</v>
      </c>
      <c r="AO16" s="226">
        <v>0</v>
      </c>
      <c r="AP16" s="228">
        <v>0</v>
      </c>
      <c r="AQ16" s="225"/>
    </row>
    <row r="17" spans="2:43" ht="21" customHeight="1" x14ac:dyDescent="0.2">
      <c r="B17" s="92" t="s">
        <v>15</v>
      </c>
      <c r="C17" s="203">
        <v>0</v>
      </c>
      <c r="D17" s="205">
        <v>0</v>
      </c>
      <c r="E17" s="205">
        <v>0</v>
      </c>
      <c r="F17" s="206">
        <v>0</v>
      </c>
      <c r="G17" s="204">
        <v>0</v>
      </c>
      <c r="H17" s="204">
        <v>2</v>
      </c>
      <c r="I17" s="204">
        <v>9</v>
      </c>
      <c r="J17" s="205">
        <v>2</v>
      </c>
      <c r="K17" s="226">
        <v>13</v>
      </c>
      <c r="L17" s="227">
        <v>13</v>
      </c>
      <c r="M17" s="203">
        <v>0</v>
      </c>
      <c r="N17" s="205">
        <v>0</v>
      </c>
      <c r="O17" s="226">
        <v>0</v>
      </c>
      <c r="P17" s="208">
        <v>0</v>
      </c>
      <c r="Q17" s="204">
        <v>3</v>
      </c>
      <c r="R17" s="204">
        <v>1</v>
      </c>
      <c r="S17" s="204">
        <v>5</v>
      </c>
      <c r="T17" s="205">
        <v>2</v>
      </c>
      <c r="U17" s="226">
        <v>11</v>
      </c>
      <c r="V17" s="207">
        <v>11</v>
      </c>
      <c r="W17" s="208">
        <v>0</v>
      </c>
      <c r="X17" s="205">
        <v>0</v>
      </c>
      <c r="Y17" s="205">
        <v>0</v>
      </c>
      <c r="Z17" s="206">
        <v>0</v>
      </c>
      <c r="AA17" s="204">
        <v>0</v>
      </c>
      <c r="AB17" s="204">
        <v>0</v>
      </c>
      <c r="AC17" s="204">
        <v>0</v>
      </c>
      <c r="AD17" s="205">
        <v>0</v>
      </c>
      <c r="AE17" s="226">
        <v>0</v>
      </c>
      <c r="AF17" s="227">
        <v>0</v>
      </c>
      <c r="AG17" s="203">
        <v>0</v>
      </c>
      <c r="AH17" s="205">
        <v>0</v>
      </c>
      <c r="AI17" s="205">
        <v>0</v>
      </c>
      <c r="AJ17" s="206">
        <v>0</v>
      </c>
      <c r="AK17" s="204">
        <v>0</v>
      </c>
      <c r="AL17" s="204">
        <v>0</v>
      </c>
      <c r="AM17" s="204">
        <v>0</v>
      </c>
      <c r="AN17" s="205">
        <v>0</v>
      </c>
      <c r="AO17" s="226">
        <v>0</v>
      </c>
      <c r="AP17" s="228">
        <v>0</v>
      </c>
      <c r="AQ17" s="225"/>
    </row>
    <row r="18" spans="2:43" ht="21" customHeight="1" x14ac:dyDescent="0.2">
      <c r="B18" s="92" t="s">
        <v>16</v>
      </c>
      <c r="C18" s="203">
        <v>0</v>
      </c>
      <c r="D18" s="205">
        <v>0</v>
      </c>
      <c r="E18" s="205">
        <v>0</v>
      </c>
      <c r="F18" s="206">
        <v>0</v>
      </c>
      <c r="G18" s="204">
        <v>0</v>
      </c>
      <c r="H18" s="204">
        <v>6</v>
      </c>
      <c r="I18" s="204">
        <v>13</v>
      </c>
      <c r="J18" s="205">
        <v>4</v>
      </c>
      <c r="K18" s="226">
        <v>23</v>
      </c>
      <c r="L18" s="227">
        <v>23</v>
      </c>
      <c r="M18" s="203">
        <v>0</v>
      </c>
      <c r="N18" s="205">
        <v>0</v>
      </c>
      <c r="O18" s="226">
        <v>0</v>
      </c>
      <c r="P18" s="208">
        <v>3</v>
      </c>
      <c r="Q18" s="204">
        <v>7</v>
      </c>
      <c r="R18" s="204">
        <v>5</v>
      </c>
      <c r="S18" s="204">
        <v>7</v>
      </c>
      <c r="T18" s="205">
        <v>2</v>
      </c>
      <c r="U18" s="226">
        <v>24</v>
      </c>
      <c r="V18" s="207">
        <v>24</v>
      </c>
      <c r="W18" s="208">
        <v>0</v>
      </c>
      <c r="X18" s="205">
        <v>0</v>
      </c>
      <c r="Y18" s="205">
        <v>0</v>
      </c>
      <c r="Z18" s="206">
        <v>0</v>
      </c>
      <c r="AA18" s="204">
        <v>0</v>
      </c>
      <c r="AB18" s="204">
        <v>0</v>
      </c>
      <c r="AC18" s="204">
        <v>0</v>
      </c>
      <c r="AD18" s="205">
        <v>0</v>
      </c>
      <c r="AE18" s="226">
        <v>0</v>
      </c>
      <c r="AF18" s="227">
        <v>0</v>
      </c>
      <c r="AG18" s="203">
        <v>0</v>
      </c>
      <c r="AH18" s="205">
        <v>0</v>
      </c>
      <c r="AI18" s="205">
        <v>0</v>
      </c>
      <c r="AJ18" s="206">
        <v>0</v>
      </c>
      <c r="AK18" s="204">
        <v>0</v>
      </c>
      <c r="AL18" s="204">
        <v>0</v>
      </c>
      <c r="AM18" s="204">
        <v>0</v>
      </c>
      <c r="AN18" s="205">
        <v>1</v>
      </c>
      <c r="AO18" s="226">
        <v>1</v>
      </c>
      <c r="AP18" s="228">
        <v>1</v>
      </c>
      <c r="AQ18" s="225"/>
    </row>
    <row r="19" spans="2:43" ht="21" customHeight="1" x14ac:dyDescent="0.2">
      <c r="B19" s="92" t="s">
        <v>17</v>
      </c>
      <c r="C19" s="203">
        <v>0</v>
      </c>
      <c r="D19" s="205">
        <v>0</v>
      </c>
      <c r="E19" s="205">
        <v>0</v>
      </c>
      <c r="F19" s="206">
        <v>0</v>
      </c>
      <c r="G19" s="204">
        <v>0</v>
      </c>
      <c r="H19" s="204">
        <v>6</v>
      </c>
      <c r="I19" s="204">
        <v>10</v>
      </c>
      <c r="J19" s="205">
        <v>13</v>
      </c>
      <c r="K19" s="226">
        <v>29</v>
      </c>
      <c r="L19" s="227">
        <v>29</v>
      </c>
      <c r="M19" s="203">
        <v>0</v>
      </c>
      <c r="N19" s="205">
        <v>0</v>
      </c>
      <c r="O19" s="226">
        <v>0</v>
      </c>
      <c r="P19" s="208">
        <v>1</v>
      </c>
      <c r="Q19" s="204">
        <v>4</v>
      </c>
      <c r="R19" s="204">
        <v>6</v>
      </c>
      <c r="S19" s="204">
        <v>1</v>
      </c>
      <c r="T19" s="205">
        <v>4</v>
      </c>
      <c r="U19" s="226">
        <v>16</v>
      </c>
      <c r="V19" s="207">
        <v>16</v>
      </c>
      <c r="W19" s="208">
        <v>0</v>
      </c>
      <c r="X19" s="205">
        <v>0</v>
      </c>
      <c r="Y19" s="205">
        <v>0</v>
      </c>
      <c r="Z19" s="206">
        <v>0</v>
      </c>
      <c r="AA19" s="204">
        <v>0</v>
      </c>
      <c r="AB19" s="204">
        <v>0</v>
      </c>
      <c r="AC19" s="204">
        <v>0</v>
      </c>
      <c r="AD19" s="205">
        <v>0</v>
      </c>
      <c r="AE19" s="226">
        <v>0</v>
      </c>
      <c r="AF19" s="227">
        <v>0</v>
      </c>
      <c r="AG19" s="203">
        <v>0</v>
      </c>
      <c r="AH19" s="205">
        <v>0</v>
      </c>
      <c r="AI19" s="205">
        <v>0</v>
      </c>
      <c r="AJ19" s="206">
        <v>0</v>
      </c>
      <c r="AK19" s="204">
        <v>0</v>
      </c>
      <c r="AL19" s="204">
        <v>0</v>
      </c>
      <c r="AM19" s="204">
        <v>0</v>
      </c>
      <c r="AN19" s="205">
        <v>0</v>
      </c>
      <c r="AO19" s="226">
        <v>0</v>
      </c>
      <c r="AP19" s="228">
        <v>0</v>
      </c>
      <c r="AQ19" s="225"/>
    </row>
    <row r="20" spans="2:43" ht="21" customHeight="1" x14ac:dyDescent="0.2">
      <c r="B20" s="92" t="s">
        <v>18</v>
      </c>
      <c r="C20" s="203">
        <v>0</v>
      </c>
      <c r="D20" s="205">
        <v>0</v>
      </c>
      <c r="E20" s="205">
        <v>0</v>
      </c>
      <c r="F20" s="206">
        <v>0</v>
      </c>
      <c r="G20" s="204">
        <v>0</v>
      </c>
      <c r="H20" s="204">
        <v>8</v>
      </c>
      <c r="I20" s="204">
        <v>16</v>
      </c>
      <c r="J20" s="205">
        <v>5</v>
      </c>
      <c r="K20" s="226">
        <v>29</v>
      </c>
      <c r="L20" s="227">
        <v>29</v>
      </c>
      <c r="M20" s="203">
        <v>0</v>
      </c>
      <c r="N20" s="205">
        <v>0</v>
      </c>
      <c r="O20" s="226">
        <v>0</v>
      </c>
      <c r="P20" s="208">
        <v>2</v>
      </c>
      <c r="Q20" s="204">
        <v>5</v>
      </c>
      <c r="R20" s="204">
        <v>9</v>
      </c>
      <c r="S20" s="204">
        <v>4</v>
      </c>
      <c r="T20" s="205">
        <v>2</v>
      </c>
      <c r="U20" s="226">
        <v>22</v>
      </c>
      <c r="V20" s="207">
        <v>22</v>
      </c>
      <c r="W20" s="208">
        <v>0</v>
      </c>
      <c r="X20" s="205">
        <v>0</v>
      </c>
      <c r="Y20" s="205">
        <v>0</v>
      </c>
      <c r="Z20" s="206">
        <v>0</v>
      </c>
      <c r="AA20" s="204">
        <v>0</v>
      </c>
      <c r="AB20" s="204">
        <v>0</v>
      </c>
      <c r="AC20" s="204">
        <v>0</v>
      </c>
      <c r="AD20" s="205">
        <v>0</v>
      </c>
      <c r="AE20" s="226">
        <v>0</v>
      </c>
      <c r="AF20" s="227">
        <v>0</v>
      </c>
      <c r="AG20" s="203">
        <v>0</v>
      </c>
      <c r="AH20" s="205">
        <v>0</v>
      </c>
      <c r="AI20" s="205">
        <v>0</v>
      </c>
      <c r="AJ20" s="206">
        <v>0</v>
      </c>
      <c r="AK20" s="204">
        <v>0</v>
      </c>
      <c r="AL20" s="204">
        <v>0</v>
      </c>
      <c r="AM20" s="204">
        <v>0</v>
      </c>
      <c r="AN20" s="205">
        <v>1</v>
      </c>
      <c r="AO20" s="226">
        <v>1</v>
      </c>
      <c r="AP20" s="228">
        <v>1</v>
      </c>
      <c r="AQ20" s="225"/>
    </row>
    <row r="21" spans="2:43" ht="21" customHeight="1" x14ac:dyDescent="0.2">
      <c r="B21" s="92" t="s">
        <v>19</v>
      </c>
      <c r="C21" s="203">
        <v>0</v>
      </c>
      <c r="D21" s="205">
        <v>0</v>
      </c>
      <c r="E21" s="205">
        <v>0</v>
      </c>
      <c r="F21" s="206">
        <v>0</v>
      </c>
      <c r="G21" s="204">
        <v>0</v>
      </c>
      <c r="H21" s="204">
        <v>3</v>
      </c>
      <c r="I21" s="204">
        <v>5</v>
      </c>
      <c r="J21" s="205">
        <v>6</v>
      </c>
      <c r="K21" s="226">
        <v>14</v>
      </c>
      <c r="L21" s="227">
        <v>14</v>
      </c>
      <c r="M21" s="203">
        <v>0</v>
      </c>
      <c r="N21" s="205">
        <v>0</v>
      </c>
      <c r="O21" s="226">
        <v>0</v>
      </c>
      <c r="P21" s="208">
        <v>2</v>
      </c>
      <c r="Q21" s="204">
        <v>3</v>
      </c>
      <c r="R21" s="204">
        <v>3</v>
      </c>
      <c r="S21" s="204">
        <v>3</v>
      </c>
      <c r="T21" s="205">
        <v>0</v>
      </c>
      <c r="U21" s="226">
        <v>11</v>
      </c>
      <c r="V21" s="207">
        <v>11</v>
      </c>
      <c r="W21" s="208">
        <v>0</v>
      </c>
      <c r="X21" s="205">
        <v>0</v>
      </c>
      <c r="Y21" s="205">
        <v>0</v>
      </c>
      <c r="Z21" s="206">
        <v>0</v>
      </c>
      <c r="AA21" s="204">
        <v>0</v>
      </c>
      <c r="AB21" s="204">
        <v>0</v>
      </c>
      <c r="AC21" s="204">
        <v>0</v>
      </c>
      <c r="AD21" s="205">
        <v>0</v>
      </c>
      <c r="AE21" s="226">
        <v>0</v>
      </c>
      <c r="AF21" s="227">
        <v>0</v>
      </c>
      <c r="AG21" s="203">
        <v>0</v>
      </c>
      <c r="AH21" s="205">
        <v>0</v>
      </c>
      <c r="AI21" s="205">
        <v>0</v>
      </c>
      <c r="AJ21" s="206">
        <v>0</v>
      </c>
      <c r="AK21" s="204">
        <v>0</v>
      </c>
      <c r="AL21" s="204">
        <v>0</v>
      </c>
      <c r="AM21" s="204">
        <v>0</v>
      </c>
      <c r="AN21" s="205">
        <v>0</v>
      </c>
      <c r="AO21" s="226">
        <v>0</v>
      </c>
      <c r="AP21" s="228">
        <v>0</v>
      </c>
      <c r="AQ21" s="225"/>
    </row>
    <row r="22" spans="2:43" ht="21" customHeight="1" x14ac:dyDescent="0.2">
      <c r="B22" s="92" t="s">
        <v>20</v>
      </c>
      <c r="C22" s="203">
        <v>0</v>
      </c>
      <c r="D22" s="205">
        <v>0</v>
      </c>
      <c r="E22" s="205">
        <v>0</v>
      </c>
      <c r="F22" s="206">
        <v>1</v>
      </c>
      <c r="G22" s="204">
        <v>2</v>
      </c>
      <c r="H22" s="204">
        <v>6</v>
      </c>
      <c r="I22" s="204">
        <v>8</v>
      </c>
      <c r="J22" s="205">
        <v>5</v>
      </c>
      <c r="K22" s="226">
        <v>22</v>
      </c>
      <c r="L22" s="227">
        <v>22</v>
      </c>
      <c r="M22" s="203">
        <v>0</v>
      </c>
      <c r="N22" s="205">
        <v>0</v>
      </c>
      <c r="O22" s="226">
        <v>0</v>
      </c>
      <c r="P22" s="208">
        <v>0</v>
      </c>
      <c r="Q22" s="204">
        <v>2</v>
      </c>
      <c r="R22" s="204">
        <v>2</v>
      </c>
      <c r="S22" s="204">
        <v>3</v>
      </c>
      <c r="T22" s="205">
        <v>0</v>
      </c>
      <c r="U22" s="226">
        <v>7</v>
      </c>
      <c r="V22" s="207">
        <v>7</v>
      </c>
      <c r="W22" s="208">
        <v>0</v>
      </c>
      <c r="X22" s="205">
        <v>0</v>
      </c>
      <c r="Y22" s="205">
        <v>0</v>
      </c>
      <c r="Z22" s="206">
        <v>0</v>
      </c>
      <c r="AA22" s="204">
        <v>0</v>
      </c>
      <c r="AB22" s="204">
        <v>0</v>
      </c>
      <c r="AC22" s="204">
        <v>0</v>
      </c>
      <c r="AD22" s="205">
        <v>0</v>
      </c>
      <c r="AE22" s="226">
        <v>0</v>
      </c>
      <c r="AF22" s="227">
        <v>0</v>
      </c>
      <c r="AG22" s="203">
        <v>0</v>
      </c>
      <c r="AH22" s="205">
        <v>0</v>
      </c>
      <c r="AI22" s="205">
        <v>0</v>
      </c>
      <c r="AJ22" s="206">
        <v>0</v>
      </c>
      <c r="AK22" s="204">
        <v>0</v>
      </c>
      <c r="AL22" s="204">
        <v>0</v>
      </c>
      <c r="AM22" s="204">
        <v>0</v>
      </c>
      <c r="AN22" s="205">
        <v>1</v>
      </c>
      <c r="AO22" s="226">
        <v>1</v>
      </c>
      <c r="AP22" s="228">
        <v>1</v>
      </c>
      <c r="AQ22" s="225"/>
    </row>
    <row r="23" spans="2:43" ht="21" customHeight="1" x14ac:dyDescent="0.2">
      <c r="B23" s="92" t="s">
        <v>21</v>
      </c>
      <c r="C23" s="203">
        <v>0</v>
      </c>
      <c r="D23" s="205">
        <v>0</v>
      </c>
      <c r="E23" s="205">
        <v>0</v>
      </c>
      <c r="F23" s="206">
        <v>0</v>
      </c>
      <c r="G23" s="204">
        <v>0</v>
      </c>
      <c r="H23" s="204">
        <v>4</v>
      </c>
      <c r="I23" s="204">
        <v>7</v>
      </c>
      <c r="J23" s="205">
        <v>4</v>
      </c>
      <c r="K23" s="226">
        <v>15</v>
      </c>
      <c r="L23" s="227">
        <v>15</v>
      </c>
      <c r="M23" s="203">
        <v>0</v>
      </c>
      <c r="N23" s="205">
        <v>0</v>
      </c>
      <c r="O23" s="226">
        <v>0</v>
      </c>
      <c r="P23" s="208">
        <v>2</v>
      </c>
      <c r="Q23" s="204">
        <v>0</v>
      </c>
      <c r="R23" s="204">
        <v>3</v>
      </c>
      <c r="S23" s="204">
        <v>1</v>
      </c>
      <c r="T23" s="205">
        <v>1</v>
      </c>
      <c r="U23" s="226">
        <v>7</v>
      </c>
      <c r="V23" s="207">
        <v>7</v>
      </c>
      <c r="W23" s="208">
        <v>0</v>
      </c>
      <c r="X23" s="205">
        <v>0</v>
      </c>
      <c r="Y23" s="205">
        <v>0</v>
      </c>
      <c r="Z23" s="206">
        <v>0</v>
      </c>
      <c r="AA23" s="204">
        <v>0</v>
      </c>
      <c r="AB23" s="204">
        <v>0</v>
      </c>
      <c r="AC23" s="204">
        <v>0</v>
      </c>
      <c r="AD23" s="205">
        <v>0</v>
      </c>
      <c r="AE23" s="226">
        <v>0</v>
      </c>
      <c r="AF23" s="227">
        <v>0</v>
      </c>
      <c r="AG23" s="203">
        <v>0</v>
      </c>
      <c r="AH23" s="205">
        <v>0</v>
      </c>
      <c r="AI23" s="205">
        <v>0</v>
      </c>
      <c r="AJ23" s="206">
        <v>0</v>
      </c>
      <c r="AK23" s="204">
        <v>0</v>
      </c>
      <c r="AL23" s="204">
        <v>0</v>
      </c>
      <c r="AM23" s="204">
        <v>0</v>
      </c>
      <c r="AN23" s="205">
        <v>1</v>
      </c>
      <c r="AO23" s="226">
        <v>1</v>
      </c>
      <c r="AP23" s="228">
        <v>1</v>
      </c>
      <c r="AQ23" s="225"/>
    </row>
    <row r="24" spans="2:43" ht="21" customHeight="1" x14ac:dyDescent="0.2">
      <c r="B24" s="92" t="s">
        <v>22</v>
      </c>
      <c r="C24" s="203">
        <v>0</v>
      </c>
      <c r="D24" s="205">
        <v>0</v>
      </c>
      <c r="E24" s="205">
        <v>0</v>
      </c>
      <c r="F24" s="206">
        <v>0</v>
      </c>
      <c r="G24" s="204">
        <v>0</v>
      </c>
      <c r="H24" s="204">
        <v>4</v>
      </c>
      <c r="I24" s="204">
        <v>2</v>
      </c>
      <c r="J24" s="205">
        <v>1</v>
      </c>
      <c r="K24" s="226">
        <v>7</v>
      </c>
      <c r="L24" s="227">
        <v>7</v>
      </c>
      <c r="M24" s="203">
        <v>0</v>
      </c>
      <c r="N24" s="205">
        <v>0</v>
      </c>
      <c r="O24" s="226">
        <v>0</v>
      </c>
      <c r="P24" s="208">
        <v>0</v>
      </c>
      <c r="Q24" s="204">
        <v>2</v>
      </c>
      <c r="R24" s="204">
        <v>2</v>
      </c>
      <c r="S24" s="204">
        <v>3</v>
      </c>
      <c r="T24" s="205">
        <v>0</v>
      </c>
      <c r="U24" s="226">
        <v>7</v>
      </c>
      <c r="V24" s="207">
        <v>7</v>
      </c>
      <c r="W24" s="208">
        <v>0</v>
      </c>
      <c r="X24" s="205">
        <v>0</v>
      </c>
      <c r="Y24" s="205">
        <v>0</v>
      </c>
      <c r="Z24" s="206">
        <v>0</v>
      </c>
      <c r="AA24" s="204">
        <v>0</v>
      </c>
      <c r="AB24" s="204">
        <v>0</v>
      </c>
      <c r="AC24" s="204">
        <v>0</v>
      </c>
      <c r="AD24" s="205">
        <v>0</v>
      </c>
      <c r="AE24" s="226">
        <v>0</v>
      </c>
      <c r="AF24" s="227">
        <v>0</v>
      </c>
      <c r="AG24" s="203">
        <v>0</v>
      </c>
      <c r="AH24" s="205">
        <v>0</v>
      </c>
      <c r="AI24" s="205">
        <v>0</v>
      </c>
      <c r="AJ24" s="206">
        <v>0</v>
      </c>
      <c r="AK24" s="204">
        <v>0</v>
      </c>
      <c r="AL24" s="204">
        <v>0</v>
      </c>
      <c r="AM24" s="204">
        <v>1</v>
      </c>
      <c r="AN24" s="205">
        <v>0</v>
      </c>
      <c r="AO24" s="226">
        <v>1</v>
      </c>
      <c r="AP24" s="228">
        <v>1</v>
      </c>
      <c r="AQ24" s="225"/>
    </row>
    <row r="25" spans="2:43" ht="21" customHeight="1" x14ac:dyDescent="0.2">
      <c r="B25" s="92" t="s">
        <v>23</v>
      </c>
      <c r="C25" s="203">
        <v>0</v>
      </c>
      <c r="D25" s="205">
        <v>0</v>
      </c>
      <c r="E25" s="205">
        <v>0</v>
      </c>
      <c r="F25" s="206">
        <v>0</v>
      </c>
      <c r="G25" s="204">
        <v>0</v>
      </c>
      <c r="H25" s="204">
        <v>7</v>
      </c>
      <c r="I25" s="204">
        <v>7</v>
      </c>
      <c r="J25" s="205">
        <v>5</v>
      </c>
      <c r="K25" s="226">
        <v>19</v>
      </c>
      <c r="L25" s="227">
        <v>19</v>
      </c>
      <c r="M25" s="203">
        <v>0</v>
      </c>
      <c r="N25" s="205">
        <v>0</v>
      </c>
      <c r="O25" s="226">
        <v>0</v>
      </c>
      <c r="P25" s="208">
        <v>0</v>
      </c>
      <c r="Q25" s="204">
        <v>0</v>
      </c>
      <c r="R25" s="204">
        <v>1</v>
      </c>
      <c r="S25" s="204">
        <v>2</v>
      </c>
      <c r="T25" s="205">
        <v>1</v>
      </c>
      <c r="U25" s="226">
        <v>4</v>
      </c>
      <c r="V25" s="207">
        <v>4</v>
      </c>
      <c r="W25" s="208">
        <v>0</v>
      </c>
      <c r="X25" s="205">
        <v>0</v>
      </c>
      <c r="Y25" s="205">
        <v>0</v>
      </c>
      <c r="Z25" s="206">
        <v>0</v>
      </c>
      <c r="AA25" s="204">
        <v>0</v>
      </c>
      <c r="AB25" s="204">
        <v>0</v>
      </c>
      <c r="AC25" s="204">
        <v>0</v>
      </c>
      <c r="AD25" s="205">
        <v>0</v>
      </c>
      <c r="AE25" s="226">
        <v>0</v>
      </c>
      <c r="AF25" s="227">
        <v>0</v>
      </c>
      <c r="AG25" s="203">
        <v>0</v>
      </c>
      <c r="AH25" s="205">
        <v>0</v>
      </c>
      <c r="AI25" s="205">
        <v>0</v>
      </c>
      <c r="AJ25" s="206">
        <v>0</v>
      </c>
      <c r="AK25" s="204">
        <v>0</v>
      </c>
      <c r="AL25" s="204">
        <v>0</v>
      </c>
      <c r="AM25" s="204">
        <v>0</v>
      </c>
      <c r="AN25" s="205">
        <v>0</v>
      </c>
      <c r="AO25" s="226">
        <v>0</v>
      </c>
      <c r="AP25" s="228">
        <v>0</v>
      </c>
      <c r="AQ25" s="225"/>
    </row>
    <row r="26" spans="2:43" ht="21" customHeight="1" x14ac:dyDescent="0.2">
      <c r="B26" s="92" t="s">
        <v>24</v>
      </c>
      <c r="C26" s="203">
        <v>0</v>
      </c>
      <c r="D26" s="205">
        <v>0</v>
      </c>
      <c r="E26" s="205">
        <v>0</v>
      </c>
      <c r="F26" s="206">
        <v>0</v>
      </c>
      <c r="G26" s="204">
        <v>0</v>
      </c>
      <c r="H26" s="204">
        <v>3</v>
      </c>
      <c r="I26" s="204">
        <v>4</v>
      </c>
      <c r="J26" s="205">
        <v>2</v>
      </c>
      <c r="K26" s="226">
        <v>9</v>
      </c>
      <c r="L26" s="227">
        <v>9</v>
      </c>
      <c r="M26" s="203">
        <v>0</v>
      </c>
      <c r="N26" s="205">
        <v>0</v>
      </c>
      <c r="O26" s="226">
        <v>0</v>
      </c>
      <c r="P26" s="208">
        <v>2</v>
      </c>
      <c r="Q26" s="204">
        <v>1</v>
      </c>
      <c r="R26" s="204">
        <v>5</v>
      </c>
      <c r="S26" s="204">
        <v>4</v>
      </c>
      <c r="T26" s="205">
        <v>1</v>
      </c>
      <c r="U26" s="226">
        <v>13</v>
      </c>
      <c r="V26" s="207">
        <v>13</v>
      </c>
      <c r="W26" s="208">
        <v>0</v>
      </c>
      <c r="X26" s="205">
        <v>0</v>
      </c>
      <c r="Y26" s="205">
        <v>0</v>
      </c>
      <c r="Z26" s="206">
        <v>0</v>
      </c>
      <c r="AA26" s="204">
        <v>0</v>
      </c>
      <c r="AB26" s="204">
        <v>0</v>
      </c>
      <c r="AC26" s="204">
        <v>0</v>
      </c>
      <c r="AD26" s="205">
        <v>0</v>
      </c>
      <c r="AE26" s="226">
        <v>0</v>
      </c>
      <c r="AF26" s="227">
        <v>0</v>
      </c>
      <c r="AG26" s="203">
        <v>0</v>
      </c>
      <c r="AH26" s="205">
        <v>0</v>
      </c>
      <c r="AI26" s="205">
        <v>0</v>
      </c>
      <c r="AJ26" s="206">
        <v>0</v>
      </c>
      <c r="AK26" s="204">
        <v>0</v>
      </c>
      <c r="AL26" s="204">
        <v>0</v>
      </c>
      <c r="AM26" s="204">
        <v>0</v>
      </c>
      <c r="AN26" s="205">
        <v>0</v>
      </c>
      <c r="AO26" s="226">
        <v>0</v>
      </c>
      <c r="AP26" s="228">
        <v>0</v>
      </c>
      <c r="AQ26" s="225"/>
    </row>
    <row r="27" spans="2:43" ht="21" customHeight="1" x14ac:dyDescent="0.2">
      <c r="B27" s="92" t="s">
        <v>25</v>
      </c>
      <c r="C27" s="203">
        <v>0</v>
      </c>
      <c r="D27" s="205">
        <v>0</v>
      </c>
      <c r="E27" s="205">
        <v>0</v>
      </c>
      <c r="F27" s="206">
        <v>1</v>
      </c>
      <c r="G27" s="204">
        <v>0</v>
      </c>
      <c r="H27" s="204">
        <v>3</v>
      </c>
      <c r="I27" s="204">
        <v>0</v>
      </c>
      <c r="J27" s="205">
        <v>1</v>
      </c>
      <c r="K27" s="226">
        <v>5</v>
      </c>
      <c r="L27" s="227">
        <v>5</v>
      </c>
      <c r="M27" s="203">
        <v>0</v>
      </c>
      <c r="N27" s="205">
        <v>0</v>
      </c>
      <c r="O27" s="226">
        <v>0</v>
      </c>
      <c r="P27" s="208">
        <v>1</v>
      </c>
      <c r="Q27" s="204">
        <v>1</v>
      </c>
      <c r="R27" s="204">
        <v>1</v>
      </c>
      <c r="S27" s="204">
        <v>1</v>
      </c>
      <c r="T27" s="205">
        <v>1</v>
      </c>
      <c r="U27" s="226">
        <v>5</v>
      </c>
      <c r="V27" s="207">
        <v>5</v>
      </c>
      <c r="W27" s="208">
        <v>0</v>
      </c>
      <c r="X27" s="205">
        <v>0</v>
      </c>
      <c r="Y27" s="205">
        <v>0</v>
      </c>
      <c r="Z27" s="206">
        <v>0</v>
      </c>
      <c r="AA27" s="204">
        <v>0</v>
      </c>
      <c r="AB27" s="204">
        <v>0</v>
      </c>
      <c r="AC27" s="204">
        <v>0</v>
      </c>
      <c r="AD27" s="205">
        <v>0</v>
      </c>
      <c r="AE27" s="226">
        <v>0</v>
      </c>
      <c r="AF27" s="227">
        <v>0</v>
      </c>
      <c r="AG27" s="203">
        <v>0</v>
      </c>
      <c r="AH27" s="205">
        <v>0</v>
      </c>
      <c r="AI27" s="205">
        <v>0</v>
      </c>
      <c r="AJ27" s="206">
        <v>0</v>
      </c>
      <c r="AK27" s="204">
        <v>0</v>
      </c>
      <c r="AL27" s="204">
        <v>0</v>
      </c>
      <c r="AM27" s="204">
        <v>0</v>
      </c>
      <c r="AN27" s="205">
        <v>0</v>
      </c>
      <c r="AO27" s="226">
        <v>0</v>
      </c>
      <c r="AP27" s="228">
        <v>0</v>
      </c>
      <c r="AQ27" s="225"/>
    </row>
    <row r="28" spans="2:43" ht="21" customHeight="1" x14ac:dyDescent="0.2">
      <c r="B28" s="92" t="s">
        <v>26</v>
      </c>
      <c r="C28" s="203">
        <v>0</v>
      </c>
      <c r="D28" s="205">
        <v>0</v>
      </c>
      <c r="E28" s="205">
        <v>0</v>
      </c>
      <c r="F28" s="206">
        <v>0</v>
      </c>
      <c r="G28" s="204">
        <v>0</v>
      </c>
      <c r="H28" s="204">
        <v>2</v>
      </c>
      <c r="I28" s="204">
        <v>1</v>
      </c>
      <c r="J28" s="205">
        <v>2</v>
      </c>
      <c r="K28" s="226">
        <v>5</v>
      </c>
      <c r="L28" s="227">
        <v>5</v>
      </c>
      <c r="M28" s="203">
        <v>0</v>
      </c>
      <c r="N28" s="205">
        <v>0</v>
      </c>
      <c r="O28" s="226">
        <v>0</v>
      </c>
      <c r="P28" s="208">
        <v>0</v>
      </c>
      <c r="Q28" s="204">
        <v>0</v>
      </c>
      <c r="R28" s="204">
        <v>2</v>
      </c>
      <c r="S28" s="204">
        <v>1</v>
      </c>
      <c r="T28" s="205">
        <v>1</v>
      </c>
      <c r="U28" s="226">
        <v>4</v>
      </c>
      <c r="V28" s="207">
        <v>4</v>
      </c>
      <c r="W28" s="208">
        <v>0</v>
      </c>
      <c r="X28" s="205">
        <v>0</v>
      </c>
      <c r="Y28" s="205">
        <v>0</v>
      </c>
      <c r="Z28" s="206">
        <v>0</v>
      </c>
      <c r="AA28" s="204">
        <v>0</v>
      </c>
      <c r="AB28" s="204">
        <v>0</v>
      </c>
      <c r="AC28" s="204">
        <v>0</v>
      </c>
      <c r="AD28" s="205">
        <v>0</v>
      </c>
      <c r="AE28" s="226">
        <v>0</v>
      </c>
      <c r="AF28" s="227">
        <v>0</v>
      </c>
      <c r="AG28" s="203">
        <v>0</v>
      </c>
      <c r="AH28" s="205">
        <v>0</v>
      </c>
      <c r="AI28" s="205">
        <v>0</v>
      </c>
      <c r="AJ28" s="206">
        <v>0</v>
      </c>
      <c r="AK28" s="204">
        <v>0</v>
      </c>
      <c r="AL28" s="204">
        <v>0</v>
      </c>
      <c r="AM28" s="204">
        <v>0</v>
      </c>
      <c r="AN28" s="205">
        <v>0</v>
      </c>
      <c r="AO28" s="226">
        <v>0</v>
      </c>
      <c r="AP28" s="228">
        <v>0</v>
      </c>
      <c r="AQ28" s="225"/>
    </row>
    <row r="29" spans="2:43" ht="21" customHeight="1" x14ac:dyDescent="0.2">
      <c r="B29" s="92" t="s">
        <v>27</v>
      </c>
      <c r="C29" s="203">
        <v>0</v>
      </c>
      <c r="D29" s="205">
        <v>0</v>
      </c>
      <c r="E29" s="205">
        <v>0</v>
      </c>
      <c r="F29" s="206">
        <v>0</v>
      </c>
      <c r="G29" s="204">
        <v>1</v>
      </c>
      <c r="H29" s="204">
        <v>1</v>
      </c>
      <c r="I29" s="204">
        <v>2</v>
      </c>
      <c r="J29" s="205">
        <v>2</v>
      </c>
      <c r="K29" s="226">
        <v>6</v>
      </c>
      <c r="L29" s="227">
        <v>6</v>
      </c>
      <c r="M29" s="203">
        <v>0</v>
      </c>
      <c r="N29" s="205">
        <v>0</v>
      </c>
      <c r="O29" s="226">
        <v>0</v>
      </c>
      <c r="P29" s="208">
        <v>0</v>
      </c>
      <c r="Q29" s="204">
        <v>2</v>
      </c>
      <c r="R29" s="204">
        <v>2</v>
      </c>
      <c r="S29" s="204">
        <v>4</v>
      </c>
      <c r="T29" s="205">
        <v>0</v>
      </c>
      <c r="U29" s="226">
        <v>8</v>
      </c>
      <c r="V29" s="207">
        <v>8</v>
      </c>
      <c r="W29" s="208">
        <v>0</v>
      </c>
      <c r="X29" s="205">
        <v>0</v>
      </c>
      <c r="Y29" s="205">
        <v>0</v>
      </c>
      <c r="Z29" s="206">
        <v>0</v>
      </c>
      <c r="AA29" s="204">
        <v>0</v>
      </c>
      <c r="AB29" s="204">
        <v>0</v>
      </c>
      <c r="AC29" s="204">
        <v>0</v>
      </c>
      <c r="AD29" s="205">
        <v>0</v>
      </c>
      <c r="AE29" s="226">
        <v>0</v>
      </c>
      <c r="AF29" s="227">
        <v>0</v>
      </c>
      <c r="AG29" s="203">
        <v>0</v>
      </c>
      <c r="AH29" s="205">
        <v>0</v>
      </c>
      <c r="AI29" s="205">
        <v>0</v>
      </c>
      <c r="AJ29" s="206">
        <v>0</v>
      </c>
      <c r="AK29" s="204">
        <v>0</v>
      </c>
      <c r="AL29" s="204">
        <v>0</v>
      </c>
      <c r="AM29" s="204">
        <v>0</v>
      </c>
      <c r="AN29" s="205">
        <v>0</v>
      </c>
      <c r="AO29" s="226">
        <v>0</v>
      </c>
      <c r="AP29" s="228">
        <v>0</v>
      </c>
      <c r="AQ29" s="225"/>
    </row>
    <row r="30" spans="2:43" ht="21" customHeight="1" x14ac:dyDescent="0.2">
      <c r="B30" s="92" t="s">
        <v>28</v>
      </c>
      <c r="C30" s="203">
        <v>0</v>
      </c>
      <c r="D30" s="205">
        <v>0</v>
      </c>
      <c r="E30" s="205">
        <v>0</v>
      </c>
      <c r="F30" s="206">
        <v>0</v>
      </c>
      <c r="G30" s="204">
        <v>0</v>
      </c>
      <c r="H30" s="204">
        <v>0</v>
      </c>
      <c r="I30" s="204">
        <v>1</v>
      </c>
      <c r="J30" s="205">
        <v>1</v>
      </c>
      <c r="K30" s="226">
        <v>2</v>
      </c>
      <c r="L30" s="227">
        <v>2</v>
      </c>
      <c r="M30" s="203">
        <v>0</v>
      </c>
      <c r="N30" s="205">
        <v>0</v>
      </c>
      <c r="O30" s="226">
        <v>0</v>
      </c>
      <c r="P30" s="208">
        <v>0</v>
      </c>
      <c r="Q30" s="204">
        <v>0</v>
      </c>
      <c r="R30" s="204">
        <v>0</v>
      </c>
      <c r="S30" s="204">
        <v>1</v>
      </c>
      <c r="T30" s="205">
        <v>0</v>
      </c>
      <c r="U30" s="226">
        <v>1</v>
      </c>
      <c r="V30" s="207">
        <v>1</v>
      </c>
      <c r="W30" s="208">
        <v>0</v>
      </c>
      <c r="X30" s="205">
        <v>0</v>
      </c>
      <c r="Y30" s="205">
        <v>0</v>
      </c>
      <c r="Z30" s="206">
        <v>0</v>
      </c>
      <c r="AA30" s="204">
        <v>0</v>
      </c>
      <c r="AB30" s="204">
        <v>0</v>
      </c>
      <c r="AC30" s="204">
        <v>0</v>
      </c>
      <c r="AD30" s="205">
        <v>0</v>
      </c>
      <c r="AE30" s="226">
        <v>0</v>
      </c>
      <c r="AF30" s="227">
        <v>0</v>
      </c>
      <c r="AG30" s="203">
        <v>0</v>
      </c>
      <c r="AH30" s="205">
        <v>0</v>
      </c>
      <c r="AI30" s="205">
        <v>0</v>
      </c>
      <c r="AJ30" s="206">
        <v>0</v>
      </c>
      <c r="AK30" s="204">
        <v>0</v>
      </c>
      <c r="AL30" s="204">
        <v>0</v>
      </c>
      <c r="AM30" s="204">
        <v>0</v>
      </c>
      <c r="AN30" s="205">
        <v>0</v>
      </c>
      <c r="AO30" s="226">
        <v>0</v>
      </c>
      <c r="AP30" s="228">
        <v>0</v>
      </c>
      <c r="AQ30" s="225"/>
    </row>
    <row r="31" spans="2:43" ht="21" customHeight="1" x14ac:dyDescent="0.2">
      <c r="B31" s="92" t="s">
        <v>29</v>
      </c>
      <c r="C31" s="203">
        <v>0</v>
      </c>
      <c r="D31" s="205">
        <v>0</v>
      </c>
      <c r="E31" s="205">
        <v>0</v>
      </c>
      <c r="F31" s="206">
        <v>0</v>
      </c>
      <c r="G31" s="204">
        <v>0</v>
      </c>
      <c r="H31" s="204">
        <v>0</v>
      </c>
      <c r="I31" s="204">
        <v>0</v>
      </c>
      <c r="J31" s="205">
        <v>1</v>
      </c>
      <c r="K31" s="226">
        <v>1</v>
      </c>
      <c r="L31" s="227">
        <v>1</v>
      </c>
      <c r="M31" s="203">
        <v>0</v>
      </c>
      <c r="N31" s="205">
        <v>0</v>
      </c>
      <c r="O31" s="226">
        <v>0</v>
      </c>
      <c r="P31" s="208">
        <v>0</v>
      </c>
      <c r="Q31" s="204">
        <v>0</v>
      </c>
      <c r="R31" s="204">
        <v>0</v>
      </c>
      <c r="S31" s="204">
        <v>0</v>
      </c>
      <c r="T31" s="205">
        <v>1</v>
      </c>
      <c r="U31" s="226">
        <v>1</v>
      </c>
      <c r="V31" s="207">
        <v>1</v>
      </c>
      <c r="W31" s="208">
        <v>0</v>
      </c>
      <c r="X31" s="205">
        <v>0</v>
      </c>
      <c r="Y31" s="205">
        <v>0</v>
      </c>
      <c r="Z31" s="206">
        <v>0</v>
      </c>
      <c r="AA31" s="204">
        <v>0</v>
      </c>
      <c r="AB31" s="204">
        <v>0</v>
      </c>
      <c r="AC31" s="204">
        <v>0</v>
      </c>
      <c r="AD31" s="205">
        <v>0</v>
      </c>
      <c r="AE31" s="226">
        <v>0</v>
      </c>
      <c r="AF31" s="227">
        <v>0</v>
      </c>
      <c r="AG31" s="203">
        <v>0</v>
      </c>
      <c r="AH31" s="205">
        <v>0</v>
      </c>
      <c r="AI31" s="205">
        <v>0</v>
      </c>
      <c r="AJ31" s="206">
        <v>0</v>
      </c>
      <c r="AK31" s="204">
        <v>0</v>
      </c>
      <c r="AL31" s="204">
        <v>0</v>
      </c>
      <c r="AM31" s="204">
        <v>0</v>
      </c>
      <c r="AN31" s="205">
        <v>0</v>
      </c>
      <c r="AO31" s="226">
        <v>0</v>
      </c>
      <c r="AP31" s="228">
        <v>0</v>
      </c>
      <c r="AQ31" s="225"/>
    </row>
    <row r="32" spans="2:43" ht="21" customHeight="1" x14ac:dyDescent="0.2">
      <c r="B32" s="92" t="s">
        <v>30</v>
      </c>
      <c r="C32" s="203">
        <v>0</v>
      </c>
      <c r="D32" s="205">
        <v>0</v>
      </c>
      <c r="E32" s="205">
        <v>0</v>
      </c>
      <c r="F32" s="206">
        <v>0</v>
      </c>
      <c r="G32" s="204">
        <v>0</v>
      </c>
      <c r="H32" s="204">
        <v>1</v>
      </c>
      <c r="I32" s="204">
        <v>2</v>
      </c>
      <c r="J32" s="205">
        <v>1</v>
      </c>
      <c r="K32" s="226">
        <v>4</v>
      </c>
      <c r="L32" s="227">
        <v>4</v>
      </c>
      <c r="M32" s="203">
        <v>0</v>
      </c>
      <c r="N32" s="205">
        <v>0</v>
      </c>
      <c r="O32" s="226">
        <v>0</v>
      </c>
      <c r="P32" s="208">
        <v>0</v>
      </c>
      <c r="Q32" s="204">
        <v>0</v>
      </c>
      <c r="R32" s="204">
        <v>1</v>
      </c>
      <c r="S32" s="204">
        <v>3</v>
      </c>
      <c r="T32" s="205">
        <v>0</v>
      </c>
      <c r="U32" s="226">
        <v>4</v>
      </c>
      <c r="V32" s="207">
        <v>4</v>
      </c>
      <c r="W32" s="208">
        <v>0</v>
      </c>
      <c r="X32" s="205">
        <v>0</v>
      </c>
      <c r="Y32" s="205">
        <v>0</v>
      </c>
      <c r="Z32" s="206">
        <v>0</v>
      </c>
      <c r="AA32" s="204">
        <v>0</v>
      </c>
      <c r="AB32" s="204">
        <v>0</v>
      </c>
      <c r="AC32" s="204">
        <v>0</v>
      </c>
      <c r="AD32" s="205">
        <v>0</v>
      </c>
      <c r="AE32" s="226">
        <v>0</v>
      </c>
      <c r="AF32" s="227">
        <v>0</v>
      </c>
      <c r="AG32" s="203">
        <v>0</v>
      </c>
      <c r="AH32" s="205">
        <v>0</v>
      </c>
      <c r="AI32" s="205">
        <v>0</v>
      </c>
      <c r="AJ32" s="206">
        <v>0</v>
      </c>
      <c r="AK32" s="204">
        <v>0</v>
      </c>
      <c r="AL32" s="204">
        <v>0</v>
      </c>
      <c r="AM32" s="204">
        <v>0</v>
      </c>
      <c r="AN32" s="205">
        <v>0</v>
      </c>
      <c r="AO32" s="226">
        <v>0</v>
      </c>
      <c r="AP32" s="228">
        <v>0</v>
      </c>
      <c r="AQ32" s="225"/>
    </row>
    <row r="33" spans="2:43" ht="21" customHeight="1" x14ac:dyDescent="0.2">
      <c r="B33" s="92" t="s">
        <v>31</v>
      </c>
      <c r="C33" s="203">
        <v>0</v>
      </c>
      <c r="D33" s="205">
        <v>0</v>
      </c>
      <c r="E33" s="205">
        <v>0</v>
      </c>
      <c r="F33" s="206">
        <v>0</v>
      </c>
      <c r="G33" s="204">
        <v>0</v>
      </c>
      <c r="H33" s="204">
        <v>2</v>
      </c>
      <c r="I33" s="204">
        <v>1</v>
      </c>
      <c r="J33" s="205">
        <v>1</v>
      </c>
      <c r="K33" s="226">
        <v>4</v>
      </c>
      <c r="L33" s="227">
        <v>4</v>
      </c>
      <c r="M33" s="203">
        <v>0</v>
      </c>
      <c r="N33" s="205">
        <v>0</v>
      </c>
      <c r="O33" s="226">
        <v>0</v>
      </c>
      <c r="P33" s="208">
        <v>0</v>
      </c>
      <c r="Q33" s="204">
        <v>0</v>
      </c>
      <c r="R33" s="204">
        <v>0</v>
      </c>
      <c r="S33" s="204">
        <v>0</v>
      </c>
      <c r="T33" s="205">
        <v>0</v>
      </c>
      <c r="U33" s="226">
        <v>0</v>
      </c>
      <c r="V33" s="207">
        <v>0</v>
      </c>
      <c r="W33" s="208">
        <v>0</v>
      </c>
      <c r="X33" s="205">
        <v>0</v>
      </c>
      <c r="Y33" s="205">
        <v>0</v>
      </c>
      <c r="Z33" s="206">
        <v>0</v>
      </c>
      <c r="AA33" s="204">
        <v>0</v>
      </c>
      <c r="AB33" s="204">
        <v>0</v>
      </c>
      <c r="AC33" s="204">
        <v>0</v>
      </c>
      <c r="AD33" s="205">
        <v>0</v>
      </c>
      <c r="AE33" s="226">
        <v>0</v>
      </c>
      <c r="AF33" s="227">
        <v>0</v>
      </c>
      <c r="AG33" s="203">
        <v>0</v>
      </c>
      <c r="AH33" s="205">
        <v>0</v>
      </c>
      <c r="AI33" s="205">
        <v>0</v>
      </c>
      <c r="AJ33" s="206">
        <v>0</v>
      </c>
      <c r="AK33" s="204">
        <v>0</v>
      </c>
      <c r="AL33" s="204">
        <v>0</v>
      </c>
      <c r="AM33" s="204">
        <v>0</v>
      </c>
      <c r="AN33" s="205">
        <v>0</v>
      </c>
      <c r="AO33" s="226">
        <v>0</v>
      </c>
      <c r="AP33" s="228">
        <v>0</v>
      </c>
      <c r="AQ33" s="225"/>
    </row>
    <row r="34" spans="2:43" ht="21" customHeight="1" x14ac:dyDescent="0.2">
      <c r="B34" s="92" t="s">
        <v>32</v>
      </c>
      <c r="C34" s="203">
        <v>0</v>
      </c>
      <c r="D34" s="205">
        <v>0</v>
      </c>
      <c r="E34" s="205">
        <v>0</v>
      </c>
      <c r="F34" s="206">
        <v>0</v>
      </c>
      <c r="G34" s="204">
        <v>0</v>
      </c>
      <c r="H34" s="204">
        <v>0</v>
      </c>
      <c r="I34" s="204">
        <v>1</v>
      </c>
      <c r="J34" s="205">
        <v>0</v>
      </c>
      <c r="K34" s="226">
        <v>1</v>
      </c>
      <c r="L34" s="227">
        <v>1</v>
      </c>
      <c r="M34" s="203">
        <v>0</v>
      </c>
      <c r="N34" s="205">
        <v>0</v>
      </c>
      <c r="O34" s="226">
        <v>0</v>
      </c>
      <c r="P34" s="208">
        <v>0</v>
      </c>
      <c r="Q34" s="204">
        <v>0</v>
      </c>
      <c r="R34" s="204">
        <v>0</v>
      </c>
      <c r="S34" s="204">
        <v>0</v>
      </c>
      <c r="T34" s="205">
        <v>0</v>
      </c>
      <c r="U34" s="226">
        <v>0</v>
      </c>
      <c r="V34" s="207">
        <v>0</v>
      </c>
      <c r="W34" s="208">
        <v>0</v>
      </c>
      <c r="X34" s="205">
        <v>0</v>
      </c>
      <c r="Y34" s="205">
        <v>0</v>
      </c>
      <c r="Z34" s="206">
        <v>0</v>
      </c>
      <c r="AA34" s="204">
        <v>0</v>
      </c>
      <c r="AB34" s="204">
        <v>0</v>
      </c>
      <c r="AC34" s="204">
        <v>0</v>
      </c>
      <c r="AD34" s="205">
        <v>0</v>
      </c>
      <c r="AE34" s="226">
        <v>0</v>
      </c>
      <c r="AF34" s="227">
        <v>0</v>
      </c>
      <c r="AG34" s="203">
        <v>0</v>
      </c>
      <c r="AH34" s="205">
        <v>0</v>
      </c>
      <c r="AI34" s="205">
        <v>0</v>
      </c>
      <c r="AJ34" s="206">
        <v>0</v>
      </c>
      <c r="AK34" s="204">
        <v>0</v>
      </c>
      <c r="AL34" s="204">
        <v>0</v>
      </c>
      <c r="AM34" s="204">
        <v>0</v>
      </c>
      <c r="AN34" s="205">
        <v>0</v>
      </c>
      <c r="AO34" s="226">
        <v>0</v>
      </c>
      <c r="AP34" s="228">
        <v>0</v>
      </c>
      <c r="AQ34" s="225"/>
    </row>
    <row r="35" spans="2:43" ht="21" customHeight="1" x14ac:dyDescent="0.2">
      <c r="B35" s="92" t="s">
        <v>33</v>
      </c>
      <c r="C35" s="203">
        <v>0</v>
      </c>
      <c r="D35" s="205">
        <v>0</v>
      </c>
      <c r="E35" s="205">
        <v>0</v>
      </c>
      <c r="F35" s="206">
        <v>0</v>
      </c>
      <c r="G35" s="204">
        <v>0</v>
      </c>
      <c r="H35" s="204">
        <v>0</v>
      </c>
      <c r="I35" s="204">
        <v>1</v>
      </c>
      <c r="J35" s="205">
        <v>0</v>
      </c>
      <c r="K35" s="226">
        <v>1</v>
      </c>
      <c r="L35" s="227">
        <v>1</v>
      </c>
      <c r="M35" s="203">
        <v>0</v>
      </c>
      <c r="N35" s="205">
        <v>0</v>
      </c>
      <c r="O35" s="226">
        <v>0</v>
      </c>
      <c r="P35" s="208">
        <v>0</v>
      </c>
      <c r="Q35" s="204">
        <v>0</v>
      </c>
      <c r="R35" s="204">
        <v>0</v>
      </c>
      <c r="S35" s="204">
        <v>0</v>
      </c>
      <c r="T35" s="205">
        <v>0</v>
      </c>
      <c r="U35" s="226">
        <v>0</v>
      </c>
      <c r="V35" s="207">
        <v>0</v>
      </c>
      <c r="W35" s="208">
        <v>0</v>
      </c>
      <c r="X35" s="205">
        <v>0</v>
      </c>
      <c r="Y35" s="205">
        <v>0</v>
      </c>
      <c r="Z35" s="206">
        <v>0</v>
      </c>
      <c r="AA35" s="204">
        <v>0</v>
      </c>
      <c r="AB35" s="204">
        <v>0</v>
      </c>
      <c r="AC35" s="204">
        <v>0</v>
      </c>
      <c r="AD35" s="205">
        <v>0</v>
      </c>
      <c r="AE35" s="226">
        <v>0</v>
      </c>
      <c r="AF35" s="227">
        <v>0</v>
      </c>
      <c r="AG35" s="203">
        <v>0</v>
      </c>
      <c r="AH35" s="205">
        <v>0</v>
      </c>
      <c r="AI35" s="205">
        <v>0</v>
      </c>
      <c r="AJ35" s="206">
        <v>0</v>
      </c>
      <c r="AK35" s="204">
        <v>0</v>
      </c>
      <c r="AL35" s="204">
        <v>1</v>
      </c>
      <c r="AM35" s="204">
        <v>0</v>
      </c>
      <c r="AN35" s="205">
        <v>0</v>
      </c>
      <c r="AO35" s="226">
        <v>1</v>
      </c>
      <c r="AP35" s="228">
        <v>1</v>
      </c>
      <c r="AQ35" s="225"/>
    </row>
    <row r="36" spans="2:43" ht="21" customHeight="1" x14ac:dyDescent="0.2">
      <c r="B36" s="92" t="s">
        <v>34</v>
      </c>
      <c r="C36" s="203">
        <v>0</v>
      </c>
      <c r="D36" s="205">
        <v>0</v>
      </c>
      <c r="E36" s="205">
        <v>0</v>
      </c>
      <c r="F36" s="206">
        <v>0</v>
      </c>
      <c r="G36" s="204">
        <v>0</v>
      </c>
      <c r="H36" s="204">
        <v>0</v>
      </c>
      <c r="I36" s="204">
        <v>1</v>
      </c>
      <c r="J36" s="205">
        <v>0</v>
      </c>
      <c r="K36" s="226">
        <v>1</v>
      </c>
      <c r="L36" s="227">
        <v>1</v>
      </c>
      <c r="M36" s="203">
        <v>0</v>
      </c>
      <c r="N36" s="205">
        <v>0</v>
      </c>
      <c r="O36" s="226">
        <v>0</v>
      </c>
      <c r="P36" s="208">
        <v>0</v>
      </c>
      <c r="Q36" s="204">
        <v>0</v>
      </c>
      <c r="R36" s="204">
        <v>1</v>
      </c>
      <c r="S36" s="204">
        <v>0</v>
      </c>
      <c r="T36" s="205">
        <v>0</v>
      </c>
      <c r="U36" s="226">
        <v>1</v>
      </c>
      <c r="V36" s="207">
        <v>1</v>
      </c>
      <c r="W36" s="208">
        <v>0</v>
      </c>
      <c r="X36" s="205">
        <v>0</v>
      </c>
      <c r="Y36" s="205">
        <v>0</v>
      </c>
      <c r="Z36" s="206">
        <v>0</v>
      </c>
      <c r="AA36" s="204">
        <v>0</v>
      </c>
      <c r="AB36" s="204">
        <v>0</v>
      </c>
      <c r="AC36" s="204">
        <v>0</v>
      </c>
      <c r="AD36" s="205">
        <v>0</v>
      </c>
      <c r="AE36" s="226">
        <v>0</v>
      </c>
      <c r="AF36" s="227">
        <v>0</v>
      </c>
      <c r="AG36" s="203">
        <v>0</v>
      </c>
      <c r="AH36" s="205">
        <v>0</v>
      </c>
      <c r="AI36" s="205">
        <v>0</v>
      </c>
      <c r="AJ36" s="206">
        <v>0</v>
      </c>
      <c r="AK36" s="204">
        <v>0</v>
      </c>
      <c r="AL36" s="204">
        <v>0</v>
      </c>
      <c r="AM36" s="204">
        <v>0</v>
      </c>
      <c r="AN36" s="205">
        <v>0</v>
      </c>
      <c r="AO36" s="226">
        <v>0</v>
      </c>
      <c r="AP36" s="228">
        <v>0</v>
      </c>
      <c r="AQ36" s="225"/>
    </row>
    <row r="37" spans="2:43" ht="21" customHeight="1" x14ac:dyDescent="0.2">
      <c r="B37" s="92" t="s">
        <v>35</v>
      </c>
      <c r="C37" s="203">
        <v>0</v>
      </c>
      <c r="D37" s="205">
        <v>0</v>
      </c>
      <c r="E37" s="205">
        <v>0</v>
      </c>
      <c r="F37" s="206">
        <v>0</v>
      </c>
      <c r="G37" s="204">
        <v>0</v>
      </c>
      <c r="H37" s="204">
        <v>0</v>
      </c>
      <c r="I37" s="204">
        <v>1</v>
      </c>
      <c r="J37" s="205">
        <v>3</v>
      </c>
      <c r="K37" s="226">
        <v>4</v>
      </c>
      <c r="L37" s="227">
        <v>4</v>
      </c>
      <c r="M37" s="203">
        <v>0</v>
      </c>
      <c r="N37" s="205">
        <v>0</v>
      </c>
      <c r="O37" s="226">
        <v>0</v>
      </c>
      <c r="P37" s="208">
        <v>1</v>
      </c>
      <c r="Q37" s="204">
        <v>0</v>
      </c>
      <c r="R37" s="204">
        <v>2</v>
      </c>
      <c r="S37" s="204">
        <v>0</v>
      </c>
      <c r="T37" s="205">
        <v>0</v>
      </c>
      <c r="U37" s="226">
        <v>3</v>
      </c>
      <c r="V37" s="207">
        <v>3</v>
      </c>
      <c r="W37" s="208">
        <v>0</v>
      </c>
      <c r="X37" s="205">
        <v>0</v>
      </c>
      <c r="Y37" s="205">
        <v>0</v>
      </c>
      <c r="Z37" s="206">
        <v>0</v>
      </c>
      <c r="AA37" s="204">
        <v>0</v>
      </c>
      <c r="AB37" s="204">
        <v>0</v>
      </c>
      <c r="AC37" s="204">
        <v>0</v>
      </c>
      <c r="AD37" s="205">
        <v>0</v>
      </c>
      <c r="AE37" s="226">
        <v>0</v>
      </c>
      <c r="AF37" s="227">
        <v>0</v>
      </c>
      <c r="AG37" s="203">
        <v>0</v>
      </c>
      <c r="AH37" s="205">
        <v>0</v>
      </c>
      <c r="AI37" s="205">
        <v>0</v>
      </c>
      <c r="AJ37" s="206">
        <v>0</v>
      </c>
      <c r="AK37" s="204">
        <v>0</v>
      </c>
      <c r="AL37" s="204">
        <v>0</v>
      </c>
      <c r="AM37" s="204">
        <v>0</v>
      </c>
      <c r="AN37" s="205">
        <v>0</v>
      </c>
      <c r="AO37" s="226">
        <v>0</v>
      </c>
      <c r="AP37" s="228">
        <v>0</v>
      </c>
      <c r="AQ37" s="225"/>
    </row>
    <row r="38" spans="2:43" ht="21" customHeight="1" x14ac:dyDescent="0.2">
      <c r="B38" s="92" t="s">
        <v>36</v>
      </c>
      <c r="C38" s="203">
        <v>0</v>
      </c>
      <c r="D38" s="205">
        <v>0</v>
      </c>
      <c r="E38" s="205">
        <v>0</v>
      </c>
      <c r="F38" s="206">
        <v>0</v>
      </c>
      <c r="G38" s="204">
        <v>0</v>
      </c>
      <c r="H38" s="204">
        <v>1</v>
      </c>
      <c r="I38" s="204">
        <v>2</v>
      </c>
      <c r="J38" s="205">
        <v>0</v>
      </c>
      <c r="K38" s="226">
        <v>3</v>
      </c>
      <c r="L38" s="227">
        <v>3</v>
      </c>
      <c r="M38" s="203">
        <v>0</v>
      </c>
      <c r="N38" s="205">
        <v>0</v>
      </c>
      <c r="O38" s="226">
        <v>0</v>
      </c>
      <c r="P38" s="208">
        <v>0</v>
      </c>
      <c r="Q38" s="204">
        <v>0</v>
      </c>
      <c r="R38" s="204">
        <v>1</v>
      </c>
      <c r="S38" s="204">
        <v>1</v>
      </c>
      <c r="T38" s="205">
        <v>2</v>
      </c>
      <c r="U38" s="226">
        <v>4</v>
      </c>
      <c r="V38" s="207">
        <v>4</v>
      </c>
      <c r="W38" s="208">
        <v>0</v>
      </c>
      <c r="X38" s="205">
        <v>0</v>
      </c>
      <c r="Y38" s="205">
        <v>0</v>
      </c>
      <c r="Z38" s="206">
        <v>0</v>
      </c>
      <c r="AA38" s="204">
        <v>0</v>
      </c>
      <c r="AB38" s="204">
        <v>0</v>
      </c>
      <c r="AC38" s="204">
        <v>0</v>
      </c>
      <c r="AD38" s="205">
        <v>0</v>
      </c>
      <c r="AE38" s="226">
        <v>0</v>
      </c>
      <c r="AF38" s="227">
        <v>0</v>
      </c>
      <c r="AG38" s="203">
        <v>0</v>
      </c>
      <c r="AH38" s="205">
        <v>0</v>
      </c>
      <c r="AI38" s="205">
        <v>0</v>
      </c>
      <c r="AJ38" s="206">
        <v>0</v>
      </c>
      <c r="AK38" s="204">
        <v>0</v>
      </c>
      <c r="AL38" s="204">
        <v>0</v>
      </c>
      <c r="AM38" s="204">
        <v>0</v>
      </c>
      <c r="AN38" s="205">
        <v>0</v>
      </c>
      <c r="AO38" s="226">
        <v>0</v>
      </c>
      <c r="AP38" s="228">
        <v>0</v>
      </c>
      <c r="AQ38" s="225"/>
    </row>
    <row r="39" spans="2:43" ht="21" customHeight="1" thickBot="1" x14ac:dyDescent="0.25">
      <c r="B39" s="94" t="s">
        <v>37</v>
      </c>
      <c r="C39" s="209">
        <v>0</v>
      </c>
      <c r="D39" s="211">
        <v>0</v>
      </c>
      <c r="E39" s="211">
        <v>0</v>
      </c>
      <c r="F39" s="212">
        <v>0</v>
      </c>
      <c r="G39" s="210">
        <v>0</v>
      </c>
      <c r="H39" s="210">
        <v>1</v>
      </c>
      <c r="I39" s="210">
        <v>0</v>
      </c>
      <c r="J39" s="211">
        <v>0</v>
      </c>
      <c r="K39" s="229">
        <v>1</v>
      </c>
      <c r="L39" s="230">
        <v>1</v>
      </c>
      <c r="M39" s="209">
        <v>0</v>
      </c>
      <c r="N39" s="211">
        <v>0</v>
      </c>
      <c r="O39" s="229">
        <v>0</v>
      </c>
      <c r="P39" s="214">
        <v>0</v>
      </c>
      <c r="Q39" s="210">
        <v>0</v>
      </c>
      <c r="R39" s="210">
        <v>0</v>
      </c>
      <c r="S39" s="210">
        <v>0</v>
      </c>
      <c r="T39" s="211">
        <v>0</v>
      </c>
      <c r="U39" s="229">
        <v>0</v>
      </c>
      <c r="V39" s="213">
        <v>0</v>
      </c>
      <c r="W39" s="214">
        <v>0</v>
      </c>
      <c r="X39" s="211">
        <v>0</v>
      </c>
      <c r="Y39" s="211">
        <v>0</v>
      </c>
      <c r="Z39" s="212">
        <v>0</v>
      </c>
      <c r="AA39" s="210">
        <v>0</v>
      </c>
      <c r="AB39" s="210">
        <v>0</v>
      </c>
      <c r="AC39" s="210">
        <v>0</v>
      </c>
      <c r="AD39" s="211">
        <v>0</v>
      </c>
      <c r="AE39" s="229">
        <v>0</v>
      </c>
      <c r="AF39" s="230">
        <v>0</v>
      </c>
      <c r="AG39" s="209">
        <v>0</v>
      </c>
      <c r="AH39" s="211">
        <v>0</v>
      </c>
      <c r="AI39" s="211">
        <v>0</v>
      </c>
      <c r="AJ39" s="212">
        <v>0</v>
      </c>
      <c r="AK39" s="210">
        <v>0</v>
      </c>
      <c r="AL39" s="210">
        <v>0</v>
      </c>
      <c r="AM39" s="210">
        <v>0</v>
      </c>
      <c r="AN39" s="211">
        <v>0</v>
      </c>
      <c r="AO39" s="229">
        <v>0</v>
      </c>
      <c r="AP39" s="231">
        <v>0</v>
      </c>
      <c r="AQ39" s="225"/>
    </row>
    <row r="40" spans="2:43" x14ac:dyDescent="0.2">
      <c r="C40" s="232"/>
      <c r="D40" s="232"/>
      <c r="E40" s="232"/>
      <c r="F40" s="232"/>
      <c r="G40" s="232"/>
      <c r="H40" s="232"/>
      <c r="I40" s="232"/>
      <c r="J40" s="232"/>
      <c r="K40" s="232"/>
      <c r="L40" s="232"/>
      <c r="M40" s="225"/>
      <c r="N40" s="225"/>
      <c r="O40" s="225"/>
      <c r="P40" s="225"/>
      <c r="Q40" s="225"/>
      <c r="R40" s="225"/>
      <c r="S40" s="225"/>
      <c r="T40" s="225"/>
      <c r="U40" s="225"/>
      <c r="V40" s="225"/>
      <c r="W40" s="225"/>
      <c r="X40" s="225"/>
      <c r="Y40" s="225"/>
      <c r="Z40" s="225"/>
      <c r="AA40" s="225"/>
      <c r="AB40" s="225"/>
      <c r="AC40" s="225"/>
      <c r="AD40" s="225"/>
      <c r="AE40" s="225"/>
      <c r="AF40" s="225"/>
      <c r="AG40" s="225"/>
      <c r="AH40" s="225"/>
      <c r="AI40" s="225"/>
      <c r="AJ40" s="225"/>
      <c r="AK40" s="225"/>
      <c r="AL40" s="225"/>
      <c r="AM40" s="225"/>
      <c r="AN40" s="225"/>
      <c r="AO40" s="225"/>
      <c r="AP40" s="225"/>
      <c r="AQ40" s="225"/>
    </row>
    <row r="41" spans="2:43" x14ac:dyDescent="0.2">
      <c r="C41" s="232"/>
      <c r="D41" s="232"/>
      <c r="E41" s="232"/>
      <c r="F41" s="232"/>
      <c r="G41" s="232"/>
      <c r="H41" s="232"/>
      <c r="I41" s="232"/>
      <c r="J41" s="232"/>
      <c r="K41" s="232"/>
      <c r="L41" s="232"/>
      <c r="M41" s="225"/>
      <c r="N41" s="225"/>
      <c r="O41" s="225"/>
      <c r="P41" s="225"/>
      <c r="Q41" s="225"/>
      <c r="R41" s="225"/>
      <c r="S41" s="225"/>
      <c r="T41" s="225"/>
      <c r="U41" s="225"/>
      <c r="V41" s="225"/>
      <c r="W41" s="225"/>
      <c r="X41" s="225"/>
      <c r="Y41" s="225"/>
      <c r="Z41" s="225"/>
      <c r="AA41" s="225"/>
      <c r="AB41" s="225"/>
      <c r="AC41" s="225"/>
      <c r="AD41" s="225"/>
      <c r="AE41" s="225"/>
      <c r="AF41" s="225"/>
      <c r="AG41" s="225"/>
      <c r="AH41" s="225"/>
      <c r="AI41" s="225"/>
      <c r="AJ41" s="225"/>
      <c r="AK41" s="225"/>
      <c r="AL41" s="225"/>
      <c r="AM41" s="225"/>
      <c r="AN41" s="225"/>
      <c r="AO41" s="225"/>
      <c r="AP41" s="225"/>
      <c r="AQ41" s="225"/>
    </row>
    <row r="42" spans="2:43" x14ac:dyDescent="0.2">
      <c r="C42" s="232"/>
      <c r="D42" s="232"/>
      <c r="E42" s="232"/>
      <c r="F42" s="232"/>
      <c r="G42" s="232"/>
      <c r="H42" s="232"/>
      <c r="I42" s="232"/>
      <c r="J42" s="232"/>
      <c r="K42" s="232"/>
      <c r="L42" s="232"/>
      <c r="M42" s="225"/>
      <c r="N42" s="225"/>
      <c r="O42" s="225"/>
      <c r="P42" s="225"/>
      <c r="Q42" s="225"/>
      <c r="R42" s="225"/>
      <c r="S42" s="225"/>
      <c r="T42" s="225"/>
      <c r="U42" s="225"/>
      <c r="V42" s="225"/>
      <c r="W42" s="225"/>
      <c r="X42" s="225"/>
      <c r="Y42" s="225"/>
      <c r="Z42" s="225"/>
      <c r="AA42" s="225"/>
      <c r="AB42" s="225"/>
      <c r="AC42" s="225"/>
      <c r="AD42" s="225"/>
      <c r="AE42" s="225"/>
      <c r="AF42" s="225"/>
      <c r="AG42" s="225"/>
      <c r="AH42" s="225"/>
      <c r="AI42" s="225"/>
      <c r="AJ42" s="225"/>
      <c r="AK42" s="225"/>
      <c r="AL42" s="225"/>
      <c r="AM42" s="225"/>
      <c r="AN42" s="225"/>
      <c r="AO42" s="225"/>
      <c r="AP42" s="225"/>
      <c r="AQ42" s="225"/>
    </row>
    <row r="43" spans="2:43" x14ac:dyDescent="0.2">
      <c r="C43" s="232"/>
      <c r="D43" s="232"/>
      <c r="E43" s="232"/>
      <c r="F43" s="232"/>
      <c r="G43" s="232"/>
      <c r="H43" s="232"/>
      <c r="I43" s="232"/>
      <c r="J43" s="232"/>
      <c r="K43" s="232"/>
      <c r="L43" s="232"/>
      <c r="M43" s="225"/>
      <c r="N43" s="225"/>
      <c r="O43" s="225"/>
      <c r="P43" s="225"/>
      <c r="Q43" s="225"/>
      <c r="R43" s="225"/>
      <c r="S43" s="225"/>
      <c r="T43" s="225"/>
      <c r="U43" s="225"/>
      <c r="V43" s="225"/>
      <c r="W43" s="225"/>
      <c r="X43" s="225"/>
      <c r="Y43" s="225"/>
      <c r="Z43" s="225"/>
      <c r="AA43" s="225"/>
      <c r="AB43" s="225"/>
      <c r="AC43" s="225"/>
      <c r="AD43" s="225"/>
      <c r="AE43" s="225"/>
      <c r="AF43" s="225"/>
      <c r="AG43" s="225"/>
      <c r="AH43" s="225"/>
      <c r="AI43" s="225"/>
      <c r="AJ43" s="225"/>
      <c r="AK43" s="225"/>
      <c r="AL43" s="225"/>
      <c r="AM43" s="225"/>
      <c r="AN43" s="225"/>
      <c r="AO43" s="225"/>
      <c r="AP43" s="225"/>
      <c r="AQ43" s="225"/>
    </row>
    <row r="44" spans="2:43" x14ac:dyDescent="0.2">
      <c r="C44" s="232"/>
      <c r="D44" s="232"/>
      <c r="E44" s="232"/>
      <c r="F44" s="232"/>
      <c r="G44" s="232"/>
      <c r="H44" s="232"/>
      <c r="I44" s="232"/>
      <c r="J44" s="232"/>
      <c r="K44" s="232"/>
      <c r="L44" s="232"/>
      <c r="M44" s="225"/>
      <c r="N44" s="225"/>
      <c r="O44" s="225"/>
      <c r="P44" s="225"/>
      <c r="Q44" s="225"/>
      <c r="R44" s="225"/>
      <c r="S44" s="225"/>
      <c r="T44" s="225"/>
      <c r="U44" s="225"/>
      <c r="V44" s="225"/>
      <c r="W44" s="225"/>
      <c r="X44" s="225"/>
      <c r="Y44" s="225"/>
      <c r="Z44" s="225"/>
      <c r="AA44" s="225"/>
      <c r="AB44" s="225"/>
      <c r="AC44" s="225"/>
      <c r="AD44" s="225"/>
      <c r="AE44" s="225"/>
      <c r="AF44" s="225"/>
      <c r="AG44" s="225"/>
      <c r="AH44" s="225"/>
      <c r="AI44" s="225"/>
      <c r="AJ44" s="225"/>
      <c r="AK44" s="225"/>
      <c r="AL44" s="225"/>
      <c r="AM44" s="225"/>
      <c r="AN44" s="225"/>
      <c r="AO44" s="225"/>
      <c r="AP44" s="225"/>
      <c r="AQ44" s="225"/>
    </row>
    <row r="45" spans="2:43" x14ac:dyDescent="0.2">
      <c r="C45" s="56"/>
      <c r="D45" s="56"/>
      <c r="E45" s="56"/>
      <c r="F45" s="56"/>
      <c r="G45" s="56"/>
      <c r="H45" s="56"/>
      <c r="I45" s="56"/>
      <c r="J45" s="56"/>
      <c r="K45" s="56"/>
      <c r="L45" s="56"/>
    </row>
    <row r="46" spans="2:43" x14ac:dyDescent="0.2">
      <c r="C46" s="56"/>
      <c r="D46" s="56"/>
      <c r="E46" s="56"/>
      <c r="F46" s="56"/>
      <c r="G46" s="56"/>
      <c r="H46" s="56"/>
      <c r="I46" s="56"/>
      <c r="J46" s="56"/>
      <c r="K46" s="56"/>
      <c r="L46" s="56"/>
    </row>
    <row r="47" spans="2:43" x14ac:dyDescent="0.2">
      <c r="C47" s="56"/>
      <c r="D47" s="56"/>
      <c r="E47" s="56"/>
      <c r="F47" s="56"/>
      <c r="G47" s="56"/>
      <c r="H47" s="56"/>
      <c r="I47" s="56"/>
      <c r="J47" s="56"/>
      <c r="K47" s="56"/>
      <c r="L47" s="56"/>
    </row>
    <row r="48" spans="2:43" x14ac:dyDescent="0.2">
      <c r="C48" s="56"/>
      <c r="D48" s="56"/>
      <c r="E48" s="56"/>
      <c r="F48" s="56"/>
      <c r="G48" s="56"/>
      <c r="H48" s="56"/>
      <c r="I48" s="56"/>
      <c r="J48" s="56"/>
      <c r="K48" s="56"/>
      <c r="L48" s="56"/>
    </row>
    <row r="49" spans="3:12" x14ac:dyDescent="0.2">
      <c r="C49" s="56"/>
      <c r="D49" s="56"/>
      <c r="E49" s="56"/>
      <c r="F49" s="56"/>
      <c r="G49" s="56"/>
      <c r="H49" s="56"/>
      <c r="I49" s="56"/>
      <c r="J49" s="56"/>
      <c r="K49" s="56"/>
      <c r="L49" s="56"/>
    </row>
    <row r="50" spans="3:12" x14ac:dyDescent="0.2">
      <c r="C50" s="56"/>
      <c r="D50" s="56"/>
      <c r="E50" s="56"/>
      <c r="F50" s="56"/>
      <c r="G50" s="56"/>
      <c r="H50" s="56"/>
      <c r="I50" s="56"/>
      <c r="J50" s="56"/>
      <c r="K50" s="56"/>
      <c r="L50" s="56"/>
    </row>
    <row r="51" spans="3:12" x14ac:dyDescent="0.2">
      <c r="C51" s="56"/>
      <c r="D51" s="56"/>
      <c r="E51" s="56"/>
      <c r="F51" s="56"/>
      <c r="G51" s="56"/>
      <c r="H51" s="56"/>
      <c r="I51" s="56"/>
      <c r="J51" s="56"/>
      <c r="K51" s="56"/>
      <c r="L51" s="56"/>
    </row>
    <row r="52" spans="3:12" x14ac:dyDescent="0.2">
      <c r="C52" s="56"/>
      <c r="D52" s="56"/>
      <c r="E52" s="56"/>
      <c r="F52" s="56"/>
      <c r="G52" s="56"/>
      <c r="H52" s="56"/>
      <c r="I52" s="56"/>
      <c r="J52" s="56"/>
      <c r="K52" s="56"/>
      <c r="L52" s="56"/>
    </row>
    <row r="53" spans="3:12" x14ac:dyDescent="0.2">
      <c r="C53" s="56"/>
      <c r="D53" s="56"/>
      <c r="E53" s="56"/>
      <c r="F53" s="56"/>
      <c r="G53" s="56"/>
      <c r="H53" s="56"/>
      <c r="I53" s="56"/>
      <c r="J53" s="56"/>
      <c r="K53" s="56"/>
      <c r="L53" s="56"/>
    </row>
    <row r="54" spans="3:12" x14ac:dyDescent="0.2">
      <c r="C54" s="56"/>
      <c r="D54" s="56"/>
      <c r="E54" s="56"/>
      <c r="F54" s="56"/>
      <c r="G54" s="56"/>
      <c r="H54" s="56"/>
      <c r="I54" s="56"/>
      <c r="J54" s="56"/>
      <c r="K54" s="56"/>
      <c r="L54" s="56"/>
    </row>
    <row r="55" spans="3:12" x14ac:dyDescent="0.2">
      <c r="C55" s="56"/>
      <c r="D55" s="56"/>
      <c r="E55" s="56"/>
      <c r="F55" s="56"/>
      <c r="G55" s="56"/>
      <c r="H55" s="56"/>
      <c r="I55" s="56"/>
      <c r="J55" s="56"/>
      <c r="K55" s="56"/>
      <c r="L55" s="56"/>
    </row>
    <row r="56" spans="3:12" x14ac:dyDescent="0.2">
      <c r="C56" s="56"/>
      <c r="D56" s="56"/>
      <c r="E56" s="56"/>
      <c r="F56" s="56"/>
      <c r="G56" s="56"/>
      <c r="H56" s="56"/>
      <c r="I56" s="56"/>
      <c r="J56" s="56"/>
      <c r="K56" s="56"/>
      <c r="L56" s="56"/>
    </row>
    <row r="57" spans="3:12" x14ac:dyDescent="0.2">
      <c r="C57" s="56"/>
      <c r="D57" s="56"/>
      <c r="E57" s="56"/>
      <c r="F57" s="56"/>
      <c r="G57" s="56"/>
      <c r="H57" s="56"/>
      <c r="I57" s="56"/>
      <c r="J57" s="56"/>
      <c r="K57" s="56"/>
      <c r="L57" s="56"/>
    </row>
    <row r="58" spans="3:12" x14ac:dyDescent="0.2">
      <c r="C58" s="56"/>
      <c r="D58" s="56"/>
      <c r="E58" s="56"/>
      <c r="F58" s="56"/>
      <c r="G58" s="56"/>
      <c r="H58" s="56"/>
      <c r="I58" s="56"/>
      <c r="J58" s="56"/>
      <c r="K58" s="56"/>
      <c r="L58" s="56"/>
    </row>
    <row r="59" spans="3:12" x14ac:dyDescent="0.2">
      <c r="C59" s="56"/>
      <c r="D59" s="56"/>
      <c r="E59" s="56"/>
      <c r="F59" s="56"/>
      <c r="G59" s="56"/>
      <c r="H59" s="56"/>
      <c r="I59" s="56"/>
      <c r="J59" s="56"/>
      <c r="K59" s="56"/>
      <c r="L59" s="56"/>
    </row>
    <row r="60" spans="3:12" x14ac:dyDescent="0.2">
      <c r="C60" s="56"/>
      <c r="D60" s="56"/>
      <c r="E60" s="56"/>
      <c r="F60" s="56"/>
      <c r="G60" s="56"/>
      <c r="H60" s="56"/>
      <c r="I60" s="56"/>
      <c r="J60" s="56"/>
      <c r="K60" s="56"/>
      <c r="L60" s="56"/>
    </row>
    <row r="61" spans="3:12" x14ac:dyDescent="0.2">
      <c r="C61" s="56"/>
      <c r="D61" s="56"/>
      <c r="E61" s="56"/>
      <c r="F61" s="56"/>
      <c r="G61" s="56"/>
      <c r="H61" s="56"/>
      <c r="I61" s="56"/>
      <c r="J61" s="56"/>
      <c r="K61" s="56"/>
      <c r="L61" s="56"/>
    </row>
    <row r="62" spans="3:12" x14ac:dyDescent="0.2">
      <c r="C62" s="56"/>
      <c r="D62" s="56"/>
      <c r="E62" s="56"/>
      <c r="F62" s="56"/>
      <c r="G62" s="56"/>
      <c r="H62" s="56"/>
      <c r="I62" s="56"/>
      <c r="J62" s="56"/>
      <c r="K62" s="56"/>
      <c r="L62" s="56"/>
    </row>
    <row r="63" spans="3:12" x14ac:dyDescent="0.2">
      <c r="C63" s="56"/>
      <c r="D63" s="56"/>
      <c r="E63" s="56"/>
      <c r="F63" s="56"/>
      <c r="G63" s="56"/>
      <c r="H63" s="56"/>
      <c r="I63" s="56"/>
      <c r="J63" s="56"/>
      <c r="K63" s="56"/>
      <c r="L63" s="56"/>
    </row>
    <row r="64" spans="3:12" x14ac:dyDescent="0.2">
      <c r="C64" s="56"/>
      <c r="D64" s="56"/>
      <c r="E64" s="56"/>
      <c r="F64" s="56"/>
      <c r="G64" s="56"/>
      <c r="H64" s="56"/>
      <c r="I64" s="56"/>
      <c r="J64" s="56"/>
      <c r="K64" s="56"/>
      <c r="L64" s="56"/>
    </row>
    <row r="65" spans="3:12" x14ac:dyDescent="0.2">
      <c r="C65" s="56"/>
      <c r="D65" s="56"/>
      <c r="E65" s="56"/>
      <c r="F65" s="56"/>
      <c r="G65" s="56"/>
      <c r="H65" s="56"/>
      <c r="I65" s="56"/>
      <c r="J65" s="56"/>
      <c r="K65" s="56"/>
      <c r="L65" s="56"/>
    </row>
    <row r="66" spans="3:12" x14ac:dyDescent="0.2">
      <c r="C66" s="56"/>
      <c r="D66" s="56"/>
      <c r="E66" s="56"/>
      <c r="F66" s="56"/>
      <c r="G66" s="56"/>
      <c r="H66" s="56"/>
      <c r="I66" s="56"/>
      <c r="J66" s="56"/>
      <c r="K66" s="56"/>
      <c r="L66" s="56"/>
    </row>
    <row r="67" spans="3:12" x14ac:dyDescent="0.2">
      <c r="C67" s="56"/>
      <c r="D67" s="56"/>
      <c r="E67" s="56"/>
      <c r="F67" s="56"/>
      <c r="G67" s="56"/>
      <c r="H67" s="56"/>
      <c r="I67" s="56"/>
      <c r="J67" s="56"/>
      <c r="K67" s="56"/>
      <c r="L67" s="56"/>
    </row>
    <row r="68" spans="3:12" x14ac:dyDescent="0.2">
      <c r="C68" s="56"/>
      <c r="D68" s="56"/>
      <c r="E68" s="56"/>
      <c r="F68" s="56"/>
      <c r="G68" s="56"/>
      <c r="H68" s="56"/>
      <c r="I68" s="56"/>
      <c r="J68" s="56"/>
      <c r="K68" s="56"/>
      <c r="L68" s="56"/>
    </row>
    <row r="69" spans="3:12" x14ac:dyDescent="0.2">
      <c r="C69" s="56"/>
      <c r="D69" s="56"/>
      <c r="E69" s="56"/>
      <c r="F69" s="56"/>
      <c r="G69" s="56"/>
      <c r="H69" s="56"/>
      <c r="I69" s="56"/>
      <c r="J69" s="56"/>
      <c r="K69" s="56"/>
      <c r="L69" s="56"/>
    </row>
    <row r="70" spans="3:12" x14ac:dyDescent="0.2">
      <c r="C70" s="56"/>
      <c r="D70" s="56"/>
      <c r="E70" s="56"/>
      <c r="F70" s="56"/>
      <c r="G70" s="56"/>
      <c r="H70" s="56"/>
      <c r="I70" s="56"/>
      <c r="J70" s="56"/>
      <c r="K70" s="56"/>
      <c r="L70" s="56"/>
    </row>
    <row r="71" spans="3:12" x14ac:dyDescent="0.2">
      <c r="C71" s="56"/>
      <c r="D71" s="56"/>
      <c r="E71" s="56"/>
      <c r="F71" s="56"/>
      <c r="G71" s="56"/>
      <c r="H71" s="56"/>
      <c r="I71" s="56"/>
      <c r="J71" s="56"/>
      <c r="K71" s="56"/>
      <c r="L71" s="56"/>
    </row>
    <row r="72" spans="3:12" x14ac:dyDescent="0.2">
      <c r="C72" s="56"/>
      <c r="D72" s="56"/>
      <c r="E72" s="56"/>
      <c r="F72" s="56"/>
      <c r="G72" s="56"/>
      <c r="H72" s="56"/>
      <c r="I72" s="56"/>
      <c r="J72" s="56"/>
      <c r="K72" s="56"/>
      <c r="L72" s="56"/>
    </row>
    <row r="73" spans="3:12" x14ac:dyDescent="0.2">
      <c r="C73" s="56"/>
      <c r="D73" s="56"/>
      <c r="E73" s="56"/>
      <c r="F73" s="56"/>
      <c r="G73" s="56"/>
      <c r="H73" s="56"/>
      <c r="I73" s="56"/>
      <c r="J73" s="56"/>
      <c r="K73" s="56"/>
      <c r="L73" s="56"/>
    </row>
    <row r="74" spans="3:12" x14ac:dyDescent="0.2">
      <c r="C74" s="56"/>
      <c r="D74" s="56"/>
      <c r="E74" s="56"/>
      <c r="F74" s="56"/>
      <c r="G74" s="56"/>
      <c r="H74" s="56"/>
      <c r="I74" s="56"/>
      <c r="J74" s="56"/>
      <c r="K74" s="56"/>
      <c r="L74" s="56"/>
    </row>
    <row r="75" spans="3:12" x14ac:dyDescent="0.2">
      <c r="C75" s="56"/>
      <c r="D75" s="56"/>
      <c r="E75" s="56"/>
      <c r="F75" s="56"/>
      <c r="G75" s="56"/>
      <c r="H75" s="56"/>
      <c r="I75" s="56"/>
      <c r="J75" s="56"/>
      <c r="K75" s="56"/>
      <c r="L75" s="56"/>
    </row>
    <row r="76" spans="3:12" x14ac:dyDescent="0.2">
      <c r="C76" s="56"/>
      <c r="D76" s="56"/>
      <c r="E76" s="56"/>
      <c r="F76" s="56"/>
      <c r="G76" s="56"/>
      <c r="H76" s="56"/>
      <c r="I76" s="56"/>
      <c r="J76" s="56"/>
      <c r="K76" s="56"/>
      <c r="L76" s="56"/>
    </row>
    <row r="77" spans="3:12" x14ac:dyDescent="0.2">
      <c r="C77" s="56"/>
      <c r="D77" s="56"/>
      <c r="E77" s="56"/>
      <c r="F77" s="56"/>
      <c r="G77" s="56"/>
      <c r="H77" s="56"/>
      <c r="I77" s="56"/>
      <c r="J77" s="56"/>
      <c r="K77" s="56"/>
      <c r="L77" s="56"/>
    </row>
    <row r="78" spans="3:12" x14ac:dyDescent="0.2">
      <c r="C78" s="56"/>
      <c r="D78" s="56"/>
      <c r="E78" s="56"/>
      <c r="F78" s="56"/>
      <c r="G78" s="56"/>
      <c r="H78" s="56"/>
      <c r="I78" s="56"/>
      <c r="J78" s="56"/>
      <c r="K78" s="56"/>
      <c r="L78" s="56"/>
    </row>
    <row r="79" spans="3:12" x14ac:dyDescent="0.2">
      <c r="C79" s="56"/>
      <c r="D79" s="56"/>
      <c r="E79" s="56"/>
      <c r="F79" s="56"/>
      <c r="G79" s="56"/>
      <c r="H79" s="56"/>
      <c r="I79" s="56"/>
      <c r="J79" s="56"/>
      <c r="K79" s="56"/>
      <c r="L79" s="56"/>
    </row>
    <row r="80" spans="3:12" x14ac:dyDescent="0.2">
      <c r="C80" s="56"/>
      <c r="D80" s="56"/>
      <c r="E80" s="56"/>
      <c r="F80" s="56"/>
      <c r="G80" s="56"/>
      <c r="H80" s="56"/>
      <c r="I80" s="56"/>
      <c r="J80" s="56"/>
      <c r="K80" s="56"/>
      <c r="L80" s="56"/>
    </row>
    <row r="81" spans="3:12" x14ac:dyDescent="0.2">
      <c r="C81" s="56"/>
      <c r="D81" s="56"/>
      <c r="E81" s="56"/>
      <c r="F81" s="56"/>
      <c r="G81" s="56"/>
      <c r="H81" s="56"/>
      <c r="I81" s="56"/>
      <c r="J81" s="56"/>
      <c r="K81" s="56"/>
      <c r="L81" s="56"/>
    </row>
    <row r="82" spans="3:12" x14ac:dyDescent="0.2">
      <c r="C82" s="56"/>
      <c r="D82" s="56"/>
      <c r="E82" s="56"/>
      <c r="F82" s="56"/>
      <c r="G82" s="56"/>
      <c r="H82" s="56"/>
      <c r="I82" s="56"/>
      <c r="J82" s="56"/>
      <c r="K82" s="56"/>
      <c r="L82" s="56"/>
    </row>
    <row r="83" spans="3:12" x14ac:dyDescent="0.2">
      <c r="C83" s="56"/>
      <c r="D83" s="56"/>
      <c r="E83" s="56"/>
      <c r="F83" s="56"/>
      <c r="G83" s="56"/>
      <c r="H83" s="56"/>
      <c r="I83" s="56"/>
      <c r="J83" s="56"/>
      <c r="K83" s="56"/>
      <c r="L83" s="56"/>
    </row>
    <row r="84" spans="3:12" x14ac:dyDescent="0.2">
      <c r="C84" s="56"/>
      <c r="D84" s="56"/>
      <c r="E84" s="56"/>
      <c r="F84" s="56"/>
      <c r="G84" s="56"/>
      <c r="H84" s="56"/>
      <c r="I84" s="56"/>
      <c r="J84" s="56"/>
      <c r="K84" s="56"/>
      <c r="L84" s="56"/>
    </row>
    <row r="85" spans="3:12" x14ac:dyDescent="0.2">
      <c r="C85" s="56"/>
      <c r="D85" s="56"/>
      <c r="E85" s="56"/>
      <c r="F85" s="56"/>
      <c r="G85" s="56"/>
      <c r="H85" s="56"/>
      <c r="I85" s="56"/>
      <c r="J85" s="56"/>
      <c r="K85" s="56"/>
      <c r="L85" s="56"/>
    </row>
    <row r="86" spans="3:12" x14ac:dyDescent="0.2">
      <c r="C86" s="56"/>
      <c r="D86" s="56"/>
      <c r="E86" s="56"/>
      <c r="F86" s="56"/>
      <c r="G86" s="56"/>
      <c r="H86" s="56"/>
      <c r="I86" s="56"/>
      <c r="J86" s="56"/>
      <c r="K86" s="56"/>
      <c r="L86" s="56"/>
    </row>
    <row r="87" spans="3:12" x14ac:dyDescent="0.2">
      <c r="C87" s="56"/>
      <c r="D87" s="56"/>
      <c r="E87" s="56"/>
      <c r="F87" s="56"/>
      <c r="G87" s="56"/>
      <c r="H87" s="56"/>
      <c r="I87" s="56"/>
      <c r="J87" s="56"/>
      <c r="K87" s="56"/>
      <c r="L87" s="56"/>
    </row>
    <row r="88" spans="3:12" x14ac:dyDescent="0.2">
      <c r="C88" s="56"/>
      <c r="D88" s="56"/>
      <c r="E88" s="56"/>
      <c r="F88" s="56"/>
      <c r="G88" s="56"/>
      <c r="H88" s="56"/>
      <c r="I88" s="56"/>
      <c r="J88" s="56"/>
      <c r="K88" s="56"/>
      <c r="L88" s="56"/>
    </row>
    <row r="89" spans="3:12" x14ac:dyDescent="0.2">
      <c r="C89" s="56"/>
      <c r="D89" s="56"/>
      <c r="E89" s="56"/>
      <c r="F89" s="56"/>
      <c r="G89" s="56"/>
      <c r="H89" s="56"/>
      <c r="I89" s="56"/>
      <c r="J89" s="56"/>
      <c r="K89" s="56"/>
      <c r="L89" s="56"/>
    </row>
    <row r="90" spans="3:12" x14ac:dyDescent="0.2">
      <c r="C90" s="56"/>
      <c r="D90" s="56"/>
      <c r="E90" s="56"/>
      <c r="F90" s="56"/>
      <c r="G90" s="56"/>
      <c r="H90" s="56"/>
      <c r="I90" s="56"/>
      <c r="J90" s="56"/>
      <c r="K90" s="56"/>
      <c r="L90" s="56"/>
    </row>
    <row r="91" spans="3:12" x14ac:dyDescent="0.2">
      <c r="C91" s="56"/>
      <c r="D91" s="56"/>
      <c r="E91" s="56"/>
      <c r="F91" s="56"/>
      <c r="G91" s="56"/>
      <c r="H91" s="56"/>
      <c r="I91" s="56"/>
      <c r="J91" s="56"/>
      <c r="K91" s="56"/>
      <c r="L91" s="56"/>
    </row>
    <row r="92" spans="3:12" x14ac:dyDescent="0.2">
      <c r="C92" s="56"/>
      <c r="D92" s="56"/>
      <c r="E92" s="56"/>
      <c r="F92" s="56"/>
      <c r="G92" s="56"/>
      <c r="H92" s="56"/>
      <c r="I92" s="56"/>
      <c r="J92" s="56"/>
      <c r="K92" s="56"/>
      <c r="L92" s="56"/>
    </row>
    <row r="93" spans="3:12" x14ac:dyDescent="0.2">
      <c r="C93" s="56"/>
      <c r="D93" s="56"/>
      <c r="E93" s="56"/>
      <c r="F93" s="56"/>
      <c r="G93" s="56"/>
      <c r="H93" s="56"/>
      <c r="I93" s="56"/>
      <c r="J93" s="56"/>
      <c r="K93" s="56"/>
      <c r="L93" s="56"/>
    </row>
    <row r="94" spans="3:12" x14ac:dyDescent="0.2">
      <c r="C94" s="56"/>
      <c r="D94" s="56"/>
      <c r="E94" s="56"/>
      <c r="F94" s="56"/>
      <c r="G94" s="56"/>
      <c r="H94" s="56"/>
      <c r="I94" s="56"/>
      <c r="J94" s="56"/>
      <c r="K94" s="56"/>
      <c r="L94" s="56"/>
    </row>
    <row r="95" spans="3:12" x14ac:dyDescent="0.2">
      <c r="C95" s="56"/>
      <c r="D95" s="56"/>
      <c r="E95" s="56"/>
      <c r="F95" s="56"/>
      <c r="G95" s="56"/>
      <c r="H95" s="56"/>
      <c r="I95" s="56"/>
      <c r="J95" s="56"/>
      <c r="K95" s="56"/>
      <c r="L95" s="56"/>
    </row>
    <row r="96" spans="3:12" x14ac:dyDescent="0.2">
      <c r="C96" s="56"/>
      <c r="D96" s="56"/>
      <c r="E96" s="56"/>
      <c r="F96" s="56"/>
      <c r="G96" s="56"/>
      <c r="H96" s="56"/>
      <c r="I96" s="56"/>
      <c r="J96" s="56"/>
      <c r="K96" s="56"/>
      <c r="L96" s="56"/>
    </row>
    <row r="97" spans="3:12" x14ac:dyDescent="0.2">
      <c r="C97" s="56"/>
      <c r="D97" s="56"/>
      <c r="E97" s="56"/>
      <c r="F97" s="56"/>
      <c r="G97" s="56"/>
      <c r="H97" s="56"/>
      <c r="I97" s="56"/>
      <c r="J97" s="56"/>
      <c r="K97" s="56"/>
      <c r="L97" s="56"/>
    </row>
    <row r="98" spans="3:12" x14ac:dyDescent="0.2">
      <c r="C98" s="56"/>
      <c r="D98" s="56"/>
      <c r="E98" s="56"/>
      <c r="F98" s="56"/>
      <c r="G98" s="56"/>
      <c r="H98" s="56"/>
      <c r="I98" s="56"/>
      <c r="J98" s="56"/>
      <c r="K98" s="56"/>
      <c r="L98" s="56"/>
    </row>
    <row r="99" spans="3:12" x14ac:dyDescent="0.2">
      <c r="C99" s="56"/>
      <c r="D99" s="56"/>
      <c r="E99" s="56"/>
      <c r="F99" s="56"/>
      <c r="G99" s="56"/>
      <c r="H99" s="56"/>
      <c r="I99" s="56"/>
      <c r="J99" s="56"/>
      <c r="K99" s="56"/>
      <c r="L99" s="56"/>
    </row>
    <row r="100" spans="3:12" x14ac:dyDescent="0.2">
      <c r="C100" s="56"/>
      <c r="D100" s="56"/>
      <c r="E100" s="56"/>
      <c r="F100" s="56"/>
      <c r="G100" s="56"/>
      <c r="H100" s="56"/>
      <c r="I100" s="56"/>
      <c r="J100" s="56"/>
      <c r="K100" s="56"/>
      <c r="L100" s="56"/>
    </row>
    <row r="101" spans="3:12" x14ac:dyDescent="0.2">
      <c r="C101" s="56"/>
      <c r="D101" s="56"/>
      <c r="E101" s="56"/>
      <c r="F101" s="56"/>
      <c r="G101" s="56"/>
      <c r="H101" s="56"/>
      <c r="I101" s="56"/>
      <c r="J101" s="56"/>
      <c r="K101" s="56"/>
      <c r="L101" s="56"/>
    </row>
    <row r="102" spans="3:12" x14ac:dyDescent="0.2">
      <c r="C102" s="56"/>
      <c r="D102" s="56"/>
      <c r="E102" s="56"/>
      <c r="F102" s="56"/>
      <c r="G102" s="56"/>
      <c r="H102" s="56"/>
      <c r="I102" s="56"/>
      <c r="J102" s="56"/>
      <c r="K102" s="56"/>
      <c r="L102" s="56"/>
    </row>
    <row r="103" spans="3:12" x14ac:dyDescent="0.2">
      <c r="C103" s="56"/>
      <c r="D103" s="56"/>
      <c r="E103" s="56"/>
      <c r="F103" s="56"/>
      <c r="G103" s="56"/>
      <c r="H103" s="56"/>
      <c r="I103" s="56"/>
      <c r="J103" s="56"/>
      <c r="K103" s="56"/>
      <c r="L103" s="56"/>
    </row>
    <row r="104" spans="3:12" x14ac:dyDescent="0.2">
      <c r="C104" s="56"/>
      <c r="D104" s="56"/>
      <c r="E104" s="56"/>
      <c r="F104" s="56"/>
      <c r="G104" s="56"/>
      <c r="H104" s="56"/>
      <c r="I104" s="56"/>
      <c r="J104" s="56"/>
      <c r="K104" s="56"/>
      <c r="L104" s="56"/>
    </row>
    <row r="105" spans="3:12" x14ac:dyDescent="0.2">
      <c r="C105" s="56"/>
      <c r="D105" s="56"/>
      <c r="E105" s="56"/>
      <c r="F105" s="56"/>
      <c r="G105" s="56"/>
      <c r="H105" s="56"/>
      <c r="I105" s="56"/>
      <c r="J105" s="56"/>
      <c r="K105" s="56"/>
      <c r="L105" s="56"/>
    </row>
    <row r="106" spans="3:12" x14ac:dyDescent="0.2">
      <c r="C106" s="56"/>
      <c r="D106" s="56"/>
      <c r="E106" s="56"/>
      <c r="F106" s="56"/>
      <c r="G106" s="56"/>
      <c r="H106" s="56"/>
      <c r="I106" s="56"/>
      <c r="J106" s="56"/>
      <c r="K106" s="56"/>
      <c r="L106" s="56"/>
    </row>
    <row r="107" spans="3:12" x14ac:dyDescent="0.2">
      <c r="C107" s="56"/>
      <c r="D107" s="56"/>
      <c r="E107" s="56"/>
      <c r="F107" s="56"/>
      <c r="G107" s="56"/>
      <c r="H107" s="56"/>
      <c r="I107" s="56"/>
      <c r="J107" s="56"/>
      <c r="K107" s="56"/>
      <c r="L107" s="56"/>
    </row>
    <row r="108" spans="3:12" x14ac:dyDescent="0.2">
      <c r="C108" s="56"/>
      <c r="D108" s="56"/>
      <c r="E108" s="56"/>
      <c r="F108" s="56"/>
      <c r="G108" s="56"/>
      <c r="H108" s="56"/>
      <c r="I108" s="56"/>
      <c r="J108" s="56"/>
      <c r="K108" s="56"/>
      <c r="L108" s="56"/>
    </row>
    <row r="109" spans="3:12" x14ac:dyDescent="0.2">
      <c r="C109" s="56"/>
      <c r="D109" s="56"/>
      <c r="E109" s="56"/>
      <c r="F109" s="56"/>
      <c r="G109" s="56"/>
      <c r="H109" s="56"/>
      <c r="I109" s="56"/>
      <c r="J109" s="56"/>
      <c r="K109" s="56"/>
      <c r="L109" s="56"/>
    </row>
    <row r="110" spans="3:12" x14ac:dyDescent="0.2">
      <c r="C110" s="56"/>
      <c r="D110" s="56"/>
      <c r="E110" s="56"/>
      <c r="F110" s="56"/>
      <c r="G110" s="56"/>
      <c r="H110" s="56"/>
      <c r="I110" s="56"/>
      <c r="J110" s="56"/>
      <c r="K110" s="56"/>
      <c r="L110" s="56"/>
    </row>
    <row r="111" spans="3:12" x14ac:dyDescent="0.2">
      <c r="C111" s="56"/>
      <c r="D111" s="56"/>
      <c r="E111" s="56"/>
      <c r="F111" s="56"/>
      <c r="G111" s="56"/>
      <c r="H111" s="56"/>
      <c r="I111" s="56"/>
      <c r="J111" s="56"/>
      <c r="K111" s="56"/>
      <c r="L111" s="56"/>
    </row>
    <row r="112" spans="3:12" x14ac:dyDescent="0.2">
      <c r="C112" s="56"/>
      <c r="D112" s="56"/>
      <c r="E112" s="56"/>
      <c r="F112" s="56"/>
      <c r="G112" s="56"/>
      <c r="H112" s="56"/>
      <c r="I112" s="56"/>
      <c r="J112" s="56"/>
      <c r="K112" s="56"/>
      <c r="L112" s="56"/>
    </row>
    <row r="113" spans="3:12" x14ac:dyDescent="0.2">
      <c r="C113" s="56"/>
      <c r="D113" s="56"/>
      <c r="E113" s="56"/>
      <c r="F113" s="56"/>
      <c r="G113" s="56"/>
      <c r="H113" s="56"/>
      <c r="I113" s="56"/>
      <c r="J113" s="56"/>
      <c r="K113" s="56"/>
      <c r="L113" s="56"/>
    </row>
    <row r="114" spans="3:12" x14ac:dyDescent="0.2">
      <c r="C114" s="56"/>
      <c r="D114" s="56"/>
      <c r="E114" s="56"/>
      <c r="F114" s="56"/>
      <c r="G114" s="56"/>
      <c r="H114" s="56"/>
      <c r="I114" s="56"/>
      <c r="J114" s="56"/>
      <c r="K114" s="56"/>
      <c r="L114" s="56"/>
    </row>
    <row r="115" spans="3:12" x14ac:dyDescent="0.2">
      <c r="C115" s="56"/>
      <c r="D115" s="56"/>
      <c r="E115" s="56"/>
      <c r="F115" s="56"/>
      <c r="G115" s="56"/>
      <c r="H115" s="56"/>
      <c r="I115" s="56"/>
      <c r="J115" s="56"/>
      <c r="K115" s="56"/>
      <c r="L115" s="56"/>
    </row>
    <row r="116" spans="3:12" x14ac:dyDescent="0.2">
      <c r="C116" s="56"/>
      <c r="D116" s="56"/>
      <c r="E116" s="56"/>
      <c r="F116" s="56"/>
      <c r="G116" s="56"/>
      <c r="H116" s="56"/>
      <c r="I116" s="56"/>
      <c r="J116" s="56"/>
      <c r="K116" s="56"/>
      <c r="L116" s="56"/>
    </row>
    <row r="117" spans="3:12" x14ac:dyDescent="0.2">
      <c r="C117" s="56"/>
      <c r="D117" s="56"/>
      <c r="E117" s="56"/>
      <c r="F117" s="56"/>
      <c r="G117" s="56"/>
      <c r="H117" s="56"/>
      <c r="I117" s="56"/>
      <c r="J117" s="56"/>
      <c r="K117" s="56"/>
      <c r="L117" s="56"/>
    </row>
    <row r="118" spans="3:12" x14ac:dyDescent="0.2">
      <c r="C118" s="56"/>
      <c r="D118" s="56"/>
      <c r="E118" s="56"/>
      <c r="F118" s="56"/>
      <c r="G118" s="56"/>
      <c r="H118" s="56"/>
      <c r="I118" s="56"/>
      <c r="J118" s="56"/>
      <c r="K118" s="56"/>
      <c r="L118" s="56"/>
    </row>
    <row r="119" spans="3:12" x14ac:dyDescent="0.2">
      <c r="C119" s="56"/>
      <c r="D119" s="56"/>
      <c r="E119" s="56"/>
      <c r="F119" s="56"/>
      <c r="G119" s="56"/>
      <c r="H119" s="56"/>
      <c r="I119" s="56"/>
      <c r="J119" s="56"/>
      <c r="K119" s="56"/>
      <c r="L119" s="56"/>
    </row>
    <row r="120" spans="3:12" x14ac:dyDescent="0.2">
      <c r="C120" s="56"/>
      <c r="D120" s="56"/>
      <c r="E120" s="56"/>
      <c r="F120" s="56"/>
      <c r="G120" s="56"/>
      <c r="H120" s="56"/>
      <c r="I120" s="56"/>
      <c r="J120" s="56"/>
      <c r="K120" s="56"/>
      <c r="L120" s="56"/>
    </row>
    <row r="121" spans="3:12" x14ac:dyDescent="0.2">
      <c r="C121" s="56"/>
      <c r="D121" s="56"/>
      <c r="E121" s="56"/>
      <c r="F121" s="56"/>
      <c r="G121" s="56"/>
      <c r="H121" s="56"/>
      <c r="I121" s="56"/>
      <c r="J121" s="56"/>
      <c r="K121" s="56"/>
      <c r="L121" s="56"/>
    </row>
    <row r="122" spans="3:12" x14ac:dyDescent="0.2">
      <c r="C122" s="56"/>
      <c r="D122" s="56"/>
      <c r="E122" s="56"/>
      <c r="F122" s="56"/>
      <c r="G122" s="56"/>
      <c r="H122" s="56"/>
      <c r="I122" s="56"/>
      <c r="J122" s="56"/>
      <c r="K122" s="56"/>
      <c r="L122" s="56"/>
    </row>
    <row r="123" spans="3:12" x14ac:dyDescent="0.2">
      <c r="C123" s="56"/>
      <c r="D123" s="56"/>
      <c r="E123" s="56"/>
      <c r="F123" s="56"/>
      <c r="G123" s="56"/>
      <c r="H123" s="56"/>
      <c r="I123" s="56"/>
      <c r="J123" s="56"/>
      <c r="K123" s="56"/>
      <c r="L123" s="56"/>
    </row>
    <row r="124" spans="3:12" x14ac:dyDescent="0.2">
      <c r="C124" s="56"/>
      <c r="D124" s="56"/>
      <c r="E124" s="56"/>
      <c r="F124" s="56"/>
      <c r="G124" s="56"/>
      <c r="H124" s="56"/>
      <c r="I124" s="56"/>
      <c r="J124" s="56"/>
      <c r="K124" s="56"/>
      <c r="L124" s="56"/>
    </row>
    <row r="125" spans="3:12" x14ac:dyDescent="0.2">
      <c r="C125" s="56"/>
      <c r="D125" s="56"/>
      <c r="E125" s="56"/>
      <c r="F125" s="56"/>
      <c r="G125" s="56"/>
      <c r="H125" s="56"/>
      <c r="I125" s="56"/>
      <c r="J125" s="56"/>
      <c r="K125" s="56"/>
      <c r="L125" s="56"/>
    </row>
    <row r="126" spans="3:12" x14ac:dyDescent="0.2">
      <c r="C126" s="56"/>
      <c r="D126" s="56"/>
      <c r="E126" s="56"/>
      <c r="F126" s="56"/>
      <c r="G126" s="56"/>
      <c r="H126" s="56"/>
      <c r="I126" s="56"/>
      <c r="J126" s="56"/>
      <c r="K126" s="56"/>
      <c r="L126" s="56"/>
    </row>
    <row r="127" spans="3:12" x14ac:dyDescent="0.2">
      <c r="C127" s="56"/>
      <c r="D127" s="56"/>
      <c r="E127" s="56"/>
      <c r="F127" s="56"/>
      <c r="G127" s="56"/>
      <c r="H127" s="56"/>
      <c r="I127" s="56"/>
      <c r="J127" s="56"/>
      <c r="K127" s="56"/>
      <c r="L127" s="56"/>
    </row>
    <row r="128" spans="3:12" x14ac:dyDescent="0.2">
      <c r="C128" s="56"/>
      <c r="D128" s="56"/>
      <c r="E128" s="56"/>
      <c r="F128" s="56"/>
      <c r="G128" s="56"/>
      <c r="H128" s="56"/>
      <c r="I128" s="56"/>
      <c r="J128" s="56"/>
      <c r="K128" s="56"/>
      <c r="L128" s="56"/>
    </row>
    <row r="129" spans="3:12" x14ac:dyDescent="0.2">
      <c r="C129" s="56"/>
      <c r="D129" s="56"/>
      <c r="E129" s="56"/>
      <c r="F129" s="56"/>
      <c r="G129" s="56"/>
      <c r="H129" s="56"/>
      <c r="I129" s="56"/>
      <c r="J129" s="56"/>
      <c r="K129" s="56"/>
      <c r="L129" s="56"/>
    </row>
    <row r="130" spans="3:12" x14ac:dyDescent="0.2">
      <c r="C130" s="56"/>
      <c r="D130" s="56"/>
      <c r="E130" s="56"/>
      <c r="F130" s="56"/>
      <c r="G130" s="56"/>
      <c r="H130" s="56"/>
      <c r="I130" s="56"/>
      <c r="J130" s="56"/>
      <c r="K130" s="56"/>
      <c r="L130" s="56"/>
    </row>
    <row r="131" spans="3:12" x14ac:dyDescent="0.2">
      <c r="C131" s="56"/>
      <c r="D131" s="56"/>
      <c r="E131" s="56"/>
      <c r="F131" s="56"/>
      <c r="G131" s="56"/>
      <c r="H131" s="56"/>
      <c r="I131" s="56"/>
      <c r="J131" s="56"/>
      <c r="K131" s="56"/>
      <c r="L131" s="56"/>
    </row>
    <row r="132" spans="3:12" x14ac:dyDescent="0.2">
      <c r="C132" s="56"/>
      <c r="D132" s="56"/>
      <c r="E132" s="56"/>
      <c r="F132" s="56"/>
      <c r="G132" s="56"/>
      <c r="H132" s="56"/>
      <c r="I132" s="56"/>
      <c r="J132" s="56"/>
      <c r="K132" s="56"/>
      <c r="L132" s="56"/>
    </row>
    <row r="133" spans="3:12" x14ac:dyDescent="0.2">
      <c r="C133" s="56"/>
      <c r="D133" s="56"/>
      <c r="E133" s="56"/>
      <c r="F133" s="56"/>
      <c r="G133" s="56"/>
      <c r="H133" s="56"/>
      <c r="I133" s="56"/>
      <c r="J133" s="56"/>
      <c r="K133" s="56"/>
      <c r="L133" s="56"/>
    </row>
    <row r="134" spans="3:12" x14ac:dyDescent="0.2">
      <c r="C134" s="56"/>
      <c r="D134" s="56"/>
      <c r="E134" s="56"/>
      <c r="F134" s="56"/>
      <c r="G134" s="56"/>
      <c r="H134" s="56"/>
      <c r="I134" s="56"/>
      <c r="J134" s="56"/>
      <c r="K134" s="56"/>
      <c r="L134" s="56"/>
    </row>
    <row r="135" spans="3:12" x14ac:dyDescent="0.2">
      <c r="C135" s="56"/>
      <c r="D135" s="56"/>
      <c r="E135" s="56"/>
      <c r="F135" s="56"/>
      <c r="G135" s="56"/>
      <c r="H135" s="56"/>
      <c r="I135" s="56"/>
      <c r="J135" s="56"/>
      <c r="K135" s="56"/>
      <c r="L135" s="56"/>
    </row>
    <row r="136" spans="3:12" x14ac:dyDescent="0.2">
      <c r="C136" s="56"/>
      <c r="D136" s="56"/>
      <c r="E136" s="56"/>
      <c r="F136" s="56"/>
      <c r="G136" s="56"/>
      <c r="H136" s="56"/>
      <c r="I136" s="56"/>
      <c r="J136" s="56"/>
      <c r="K136" s="56"/>
      <c r="L136" s="56"/>
    </row>
    <row r="137" spans="3:12" x14ac:dyDescent="0.2">
      <c r="C137" s="56"/>
      <c r="D137" s="56"/>
      <c r="E137" s="56"/>
      <c r="F137" s="56"/>
      <c r="G137" s="56"/>
      <c r="H137" s="56"/>
      <c r="I137" s="56"/>
      <c r="J137" s="56"/>
      <c r="K137" s="56"/>
      <c r="L137" s="56"/>
    </row>
    <row r="138" spans="3:12" x14ac:dyDescent="0.2">
      <c r="C138" s="56"/>
      <c r="D138" s="56"/>
      <c r="E138" s="56"/>
      <c r="F138" s="56"/>
      <c r="G138" s="56"/>
      <c r="H138" s="56"/>
      <c r="I138" s="56"/>
      <c r="J138" s="56"/>
      <c r="K138" s="56"/>
      <c r="L138" s="56"/>
    </row>
    <row r="139" spans="3:12" x14ac:dyDescent="0.2">
      <c r="C139" s="56"/>
      <c r="D139" s="56"/>
      <c r="E139" s="56"/>
      <c r="F139" s="56"/>
      <c r="G139" s="56"/>
      <c r="H139" s="56"/>
      <c r="I139" s="56"/>
      <c r="J139" s="56"/>
      <c r="K139" s="56"/>
      <c r="L139" s="56"/>
    </row>
    <row r="140" spans="3:12" x14ac:dyDescent="0.2">
      <c r="C140" s="56"/>
      <c r="D140" s="56"/>
      <c r="E140" s="56"/>
      <c r="F140" s="56"/>
      <c r="G140" s="56"/>
      <c r="H140" s="56"/>
      <c r="I140" s="56"/>
      <c r="J140" s="56"/>
      <c r="K140" s="56"/>
      <c r="L140" s="56"/>
    </row>
    <row r="141" spans="3:12" x14ac:dyDescent="0.2">
      <c r="C141" s="56"/>
      <c r="D141" s="56"/>
      <c r="E141" s="56"/>
      <c r="F141" s="56"/>
      <c r="G141" s="56"/>
      <c r="H141" s="56"/>
      <c r="I141" s="56"/>
      <c r="J141" s="56"/>
      <c r="K141" s="56"/>
      <c r="L141" s="56"/>
    </row>
    <row r="142" spans="3:12" x14ac:dyDescent="0.2">
      <c r="C142" s="56"/>
      <c r="D142" s="56"/>
      <c r="E142" s="56"/>
      <c r="F142" s="56"/>
      <c r="G142" s="56"/>
      <c r="H142" s="56"/>
      <c r="I142" s="56"/>
      <c r="J142" s="56"/>
      <c r="K142" s="56"/>
      <c r="L142" s="56"/>
    </row>
    <row r="143" spans="3:12" x14ac:dyDescent="0.2">
      <c r="C143" s="56"/>
      <c r="D143" s="56"/>
      <c r="E143" s="56"/>
      <c r="F143" s="56"/>
      <c r="G143" s="56"/>
      <c r="H143" s="56"/>
      <c r="I143" s="56"/>
      <c r="J143" s="56"/>
      <c r="K143" s="56"/>
      <c r="L143" s="56"/>
    </row>
    <row r="144" spans="3:12" x14ac:dyDescent="0.2">
      <c r="C144" s="56"/>
      <c r="D144" s="56"/>
      <c r="E144" s="56"/>
      <c r="F144" s="56"/>
      <c r="G144" s="56"/>
      <c r="H144" s="56"/>
      <c r="I144" s="56"/>
      <c r="J144" s="56"/>
      <c r="K144" s="56"/>
      <c r="L144" s="56"/>
    </row>
    <row r="145" spans="3:12" x14ac:dyDescent="0.2">
      <c r="C145" s="56"/>
      <c r="D145" s="56"/>
      <c r="E145" s="56"/>
      <c r="F145" s="56"/>
      <c r="G145" s="56"/>
      <c r="H145" s="56"/>
      <c r="I145" s="56"/>
      <c r="J145" s="56"/>
      <c r="K145" s="56"/>
      <c r="L145" s="56"/>
    </row>
    <row r="146" spans="3:12" x14ac:dyDescent="0.2">
      <c r="C146" s="56"/>
      <c r="D146" s="56"/>
      <c r="E146" s="56"/>
      <c r="F146" s="56"/>
      <c r="G146" s="56"/>
      <c r="H146" s="56"/>
      <c r="I146" s="56"/>
      <c r="J146" s="56"/>
      <c r="K146" s="56"/>
      <c r="L146" s="56"/>
    </row>
    <row r="147" spans="3:12" x14ac:dyDescent="0.2">
      <c r="C147" s="56"/>
      <c r="D147" s="56"/>
      <c r="E147" s="56"/>
      <c r="F147" s="56"/>
      <c r="G147" s="56"/>
      <c r="H147" s="56"/>
      <c r="I147" s="56"/>
      <c r="J147" s="56"/>
      <c r="K147" s="56"/>
      <c r="L147" s="56"/>
    </row>
    <row r="148" spans="3:12" x14ac:dyDescent="0.2">
      <c r="C148" s="56"/>
      <c r="D148" s="56"/>
      <c r="E148" s="56"/>
      <c r="F148" s="56"/>
      <c r="G148" s="56"/>
      <c r="H148" s="56"/>
      <c r="I148" s="56"/>
      <c r="J148" s="56"/>
      <c r="K148" s="56"/>
      <c r="L148" s="56"/>
    </row>
    <row r="149" spans="3:12" x14ac:dyDescent="0.2">
      <c r="C149" s="56"/>
      <c r="D149" s="56"/>
      <c r="E149" s="56"/>
      <c r="F149" s="56"/>
      <c r="G149" s="56"/>
      <c r="H149" s="56"/>
      <c r="I149" s="56"/>
      <c r="J149" s="56"/>
      <c r="K149" s="56"/>
      <c r="L149" s="56"/>
    </row>
    <row r="150" spans="3:12" x14ac:dyDescent="0.2">
      <c r="C150" s="56"/>
      <c r="D150" s="56"/>
      <c r="E150" s="56"/>
      <c r="F150" s="56"/>
      <c r="G150" s="56"/>
      <c r="H150" s="56"/>
      <c r="I150" s="56"/>
      <c r="J150" s="56"/>
      <c r="K150" s="56"/>
      <c r="L150" s="56"/>
    </row>
    <row r="151" spans="3:12" x14ac:dyDescent="0.2">
      <c r="C151" s="56"/>
      <c r="D151" s="56"/>
      <c r="E151" s="56"/>
      <c r="F151" s="56"/>
      <c r="G151" s="56"/>
      <c r="H151" s="56"/>
      <c r="I151" s="56"/>
      <c r="J151" s="56"/>
      <c r="K151" s="56"/>
      <c r="L151" s="56"/>
    </row>
    <row r="152" spans="3:12" x14ac:dyDescent="0.2">
      <c r="C152" s="56"/>
      <c r="D152" s="56"/>
      <c r="E152" s="56"/>
      <c r="F152" s="56"/>
      <c r="G152" s="56"/>
      <c r="H152" s="56"/>
      <c r="I152" s="56"/>
      <c r="J152" s="56"/>
      <c r="K152" s="56"/>
      <c r="L152" s="56"/>
    </row>
    <row r="153" spans="3:12" x14ac:dyDescent="0.2">
      <c r="C153" s="56"/>
      <c r="D153" s="56"/>
      <c r="E153" s="56"/>
      <c r="F153" s="56"/>
      <c r="G153" s="56"/>
      <c r="H153" s="56"/>
      <c r="I153" s="56"/>
      <c r="J153" s="56"/>
      <c r="K153" s="56"/>
      <c r="L153" s="56"/>
    </row>
    <row r="154" spans="3:12" x14ac:dyDescent="0.2">
      <c r="C154" s="56"/>
      <c r="D154" s="56"/>
      <c r="E154" s="56"/>
      <c r="F154" s="56"/>
      <c r="G154" s="56"/>
      <c r="H154" s="56"/>
      <c r="I154" s="56"/>
      <c r="J154" s="56"/>
      <c r="K154" s="56"/>
      <c r="L154" s="56"/>
    </row>
    <row r="155" spans="3:12" x14ac:dyDescent="0.2">
      <c r="C155" s="56"/>
      <c r="D155" s="56"/>
      <c r="E155" s="56"/>
      <c r="F155" s="56"/>
      <c r="G155" s="56"/>
      <c r="H155" s="56"/>
      <c r="I155" s="56"/>
      <c r="J155" s="56"/>
      <c r="K155" s="56"/>
      <c r="L155" s="56"/>
    </row>
    <row r="156" spans="3:12" x14ac:dyDescent="0.2">
      <c r="C156" s="56"/>
      <c r="D156" s="56"/>
      <c r="E156" s="56"/>
      <c r="F156" s="56"/>
      <c r="G156" s="56"/>
      <c r="H156" s="56"/>
      <c r="I156" s="56"/>
      <c r="J156" s="56"/>
      <c r="K156" s="56"/>
      <c r="L156" s="56"/>
    </row>
    <row r="157" spans="3:12" x14ac:dyDescent="0.2">
      <c r="C157" s="56"/>
      <c r="D157" s="56"/>
      <c r="E157" s="56"/>
      <c r="F157" s="56"/>
      <c r="G157" s="56"/>
      <c r="H157" s="56"/>
      <c r="I157" s="56"/>
      <c r="J157" s="56"/>
      <c r="K157" s="56"/>
      <c r="L157" s="56"/>
    </row>
    <row r="158" spans="3:12" x14ac:dyDescent="0.2">
      <c r="C158" s="56"/>
      <c r="D158" s="56"/>
      <c r="E158" s="56"/>
      <c r="F158" s="56"/>
      <c r="G158" s="56"/>
      <c r="H158" s="56"/>
      <c r="I158" s="56"/>
      <c r="J158" s="56"/>
      <c r="K158" s="56"/>
      <c r="L158" s="56"/>
    </row>
    <row r="159" spans="3:12" x14ac:dyDescent="0.2">
      <c r="C159" s="56"/>
      <c r="D159" s="56"/>
      <c r="E159" s="56"/>
      <c r="F159" s="56"/>
      <c r="G159" s="56"/>
      <c r="H159" s="56"/>
      <c r="I159" s="56"/>
      <c r="J159" s="56"/>
      <c r="K159" s="56"/>
      <c r="L159" s="56"/>
    </row>
    <row r="160" spans="3:12" x14ac:dyDescent="0.2">
      <c r="C160" s="56"/>
      <c r="D160" s="56"/>
      <c r="E160" s="56"/>
      <c r="F160" s="56"/>
      <c r="G160" s="56"/>
      <c r="H160" s="56"/>
      <c r="I160" s="56"/>
      <c r="J160" s="56"/>
      <c r="K160" s="56"/>
      <c r="L160" s="56"/>
    </row>
    <row r="161" spans="3:12" x14ac:dyDescent="0.2">
      <c r="C161" s="56"/>
      <c r="D161" s="56"/>
      <c r="E161" s="56"/>
      <c r="F161" s="56"/>
      <c r="G161" s="56"/>
      <c r="H161" s="56"/>
      <c r="I161" s="56"/>
      <c r="J161" s="56"/>
      <c r="K161" s="56"/>
      <c r="L161" s="56"/>
    </row>
    <row r="162" spans="3:12" x14ac:dyDescent="0.2">
      <c r="C162" s="56"/>
      <c r="D162" s="56"/>
      <c r="E162" s="56"/>
      <c r="F162" s="56"/>
      <c r="G162" s="56"/>
      <c r="H162" s="56"/>
      <c r="I162" s="56"/>
      <c r="J162" s="56"/>
      <c r="K162" s="56"/>
      <c r="L162" s="56"/>
    </row>
    <row r="163" spans="3:12" x14ac:dyDescent="0.2">
      <c r="C163" s="56"/>
      <c r="D163" s="56"/>
      <c r="E163" s="56"/>
      <c r="F163" s="56"/>
      <c r="G163" s="56"/>
      <c r="H163" s="56"/>
      <c r="I163" s="56"/>
      <c r="J163" s="56"/>
      <c r="K163" s="56"/>
      <c r="L163" s="56"/>
    </row>
    <row r="164" spans="3:12" x14ac:dyDescent="0.2">
      <c r="C164" s="56"/>
      <c r="D164" s="56"/>
      <c r="E164" s="56"/>
      <c r="F164" s="56"/>
      <c r="G164" s="56"/>
      <c r="H164" s="56"/>
      <c r="I164" s="56"/>
      <c r="J164" s="56"/>
      <c r="K164" s="56"/>
      <c r="L164" s="56"/>
    </row>
    <row r="165" spans="3:12" x14ac:dyDescent="0.2">
      <c r="C165" s="56"/>
      <c r="D165" s="56"/>
      <c r="E165" s="56"/>
      <c r="F165" s="56"/>
      <c r="G165" s="56"/>
      <c r="H165" s="56"/>
      <c r="I165" s="56"/>
      <c r="J165" s="56"/>
      <c r="K165" s="56"/>
      <c r="L165" s="56"/>
    </row>
    <row r="166" spans="3:12" x14ac:dyDescent="0.2">
      <c r="C166" s="56"/>
      <c r="D166" s="56"/>
      <c r="E166" s="56"/>
      <c r="F166" s="56"/>
      <c r="G166" s="56"/>
      <c r="H166" s="56"/>
      <c r="I166" s="56"/>
      <c r="J166" s="56"/>
      <c r="K166" s="56"/>
      <c r="L166" s="56"/>
    </row>
    <row r="167" spans="3:12" x14ac:dyDescent="0.2">
      <c r="C167" s="56"/>
      <c r="D167" s="56"/>
      <c r="E167" s="56"/>
      <c r="F167" s="56"/>
      <c r="G167" s="56"/>
      <c r="H167" s="56"/>
      <c r="I167" s="56"/>
      <c r="J167" s="56"/>
      <c r="K167" s="56"/>
      <c r="L167" s="56"/>
    </row>
    <row r="168" spans="3:12" x14ac:dyDescent="0.2">
      <c r="C168" s="56"/>
      <c r="D168" s="56"/>
      <c r="E168" s="56"/>
      <c r="F168" s="56"/>
      <c r="G168" s="56"/>
      <c r="H168" s="56"/>
      <c r="I168" s="56"/>
      <c r="J168" s="56"/>
      <c r="K168" s="56"/>
      <c r="L168" s="56"/>
    </row>
    <row r="169" spans="3:12" x14ac:dyDescent="0.2">
      <c r="C169" s="56"/>
      <c r="D169" s="56"/>
      <c r="E169" s="56"/>
      <c r="F169" s="56"/>
      <c r="G169" s="56"/>
      <c r="H169" s="56"/>
      <c r="I169" s="56"/>
      <c r="J169" s="56"/>
      <c r="K169" s="56"/>
      <c r="L169" s="56"/>
    </row>
    <row r="170" spans="3:12" x14ac:dyDescent="0.2">
      <c r="C170" s="56"/>
      <c r="D170" s="56"/>
      <c r="E170" s="56"/>
      <c r="F170" s="56"/>
      <c r="G170" s="56"/>
      <c r="H170" s="56"/>
      <c r="I170" s="56"/>
      <c r="J170" s="56"/>
      <c r="K170" s="56"/>
      <c r="L170" s="56"/>
    </row>
    <row r="171" spans="3:12" x14ac:dyDescent="0.2">
      <c r="C171" s="56"/>
      <c r="D171" s="56"/>
      <c r="E171" s="56"/>
      <c r="F171" s="56"/>
      <c r="G171" s="56"/>
      <c r="H171" s="56"/>
      <c r="I171" s="56"/>
      <c r="J171" s="56"/>
      <c r="K171" s="56"/>
      <c r="L171" s="56"/>
    </row>
    <row r="172" spans="3:12" x14ac:dyDescent="0.2">
      <c r="C172" s="56"/>
      <c r="D172" s="56"/>
      <c r="E172" s="56"/>
      <c r="F172" s="56"/>
      <c r="G172" s="56"/>
      <c r="H172" s="56"/>
      <c r="I172" s="56"/>
      <c r="J172" s="56"/>
      <c r="K172" s="56"/>
      <c r="L172" s="56"/>
    </row>
    <row r="173" spans="3:12" x14ac:dyDescent="0.2">
      <c r="C173" s="56"/>
      <c r="D173" s="56"/>
      <c r="E173" s="56"/>
      <c r="F173" s="56"/>
      <c r="G173" s="56"/>
      <c r="H173" s="56"/>
      <c r="I173" s="56"/>
      <c r="J173" s="56"/>
      <c r="K173" s="56"/>
      <c r="L173" s="56"/>
    </row>
    <row r="174" spans="3:12" x14ac:dyDescent="0.2">
      <c r="C174" s="56"/>
      <c r="D174" s="56"/>
      <c r="E174" s="56"/>
      <c r="F174" s="56"/>
      <c r="G174" s="56"/>
      <c r="H174" s="56"/>
      <c r="I174" s="56"/>
      <c r="J174" s="56"/>
      <c r="K174" s="56"/>
      <c r="L174" s="56"/>
    </row>
    <row r="175" spans="3:12" x14ac:dyDescent="0.2">
      <c r="C175" s="56"/>
      <c r="D175" s="56"/>
      <c r="E175" s="56"/>
      <c r="F175" s="56"/>
      <c r="G175" s="56"/>
      <c r="H175" s="56"/>
      <c r="I175" s="56"/>
      <c r="J175" s="56"/>
      <c r="K175" s="56"/>
      <c r="L175" s="56"/>
    </row>
    <row r="176" spans="3:12" x14ac:dyDescent="0.2">
      <c r="C176" s="56"/>
      <c r="D176" s="56"/>
      <c r="E176" s="56"/>
      <c r="F176" s="56"/>
      <c r="G176" s="56"/>
      <c r="H176" s="56"/>
      <c r="I176" s="56"/>
      <c r="J176" s="56"/>
      <c r="K176" s="56"/>
      <c r="L176" s="56"/>
    </row>
    <row r="177" spans="3:12" x14ac:dyDescent="0.2">
      <c r="C177" s="56"/>
      <c r="D177" s="56"/>
      <c r="E177" s="56"/>
      <c r="F177" s="56"/>
      <c r="G177" s="56"/>
      <c r="H177" s="56"/>
      <c r="I177" s="56"/>
      <c r="J177" s="56"/>
      <c r="K177" s="56"/>
      <c r="L177" s="56"/>
    </row>
    <row r="178" spans="3:12" x14ac:dyDescent="0.2">
      <c r="C178" s="56"/>
      <c r="D178" s="56"/>
      <c r="E178" s="56"/>
      <c r="F178" s="56"/>
      <c r="G178" s="56"/>
      <c r="H178" s="56"/>
      <c r="I178" s="56"/>
      <c r="J178" s="56"/>
      <c r="K178" s="56"/>
      <c r="L178" s="56"/>
    </row>
    <row r="179" spans="3:12" x14ac:dyDescent="0.2">
      <c r="C179" s="56"/>
      <c r="D179" s="56"/>
      <c r="E179" s="56"/>
      <c r="F179" s="56"/>
      <c r="G179" s="56"/>
      <c r="H179" s="56"/>
      <c r="I179" s="56"/>
      <c r="J179" s="56"/>
      <c r="K179" s="56"/>
      <c r="L179" s="56"/>
    </row>
    <row r="180" spans="3:12" x14ac:dyDescent="0.2">
      <c r="C180" s="56"/>
      <c r="D180" s="56"/>
      <c r="E180" s="56"/>
      <c r="F180" s="56"/>
      <c r="G180" s="56"/>
      <c r="H180" s="56"/>
      <c r="I180" s="56"/>
      <c r="J180" s="56"/>
      <c r="K180" s="56"/>
      <c r="L180" s="56"/>
    </row>
    <row r="181" spans="3:12" x14ac:dyDescent="0.2">
      <c r="C181" s="56"/>
      <c r="D181" s="56"/>
      <c r="E181" s="56"/>
      <c r="F181" s="56"/>
      <c r="G181" s="56"/>
      <c r="H181" s="56"/>
      <c r="I181" s="56"/>
      <c r="J181" s="56"/>
      <c r="K181" s="56"/>
      <c r="L181" s="56"/>
    </row>
    <row r="182" spans="3:12" x14ac:dyDescent="0.2">
      <c r="C182" s="56"/>
      <c r="D182" s="56"/>
      <c r="E182" s="56"/>
      <c r="F182" s="56"/>
      <c r="G182" s="56"/>
      <c r="H182" s="56"/>
      <c r="I182" s="56"/>
      <c r="J182" s="56"/>
      <c r="K182" s="56"/>
      <c r="L182" s="56"/>
    </row>
    <row r="183" spans="3:12" x14ac:dyDescent="0.2">
      <c r="C183" s="56"/>
      <c r="D183" s="56"/>
      <c r="E183" s="56"/>
      <c r="F183" s="56"/>
      <c r="G183" s="56"/>
      <c r="H183" s="56"/>
      <c r="I183" s="56"/>
      <c r="J183" s="56"/>
      <c r="K183" s="56"/>
      <c r="L183" s="56"/>
    </row>
    <row r="184" spans="3:12" x14ac:dyDescent="0.2">
      <c r="C184" s="56"/>
      <c r="D184" s="56"/>
      <c r="E184" s="56"/>
      <c r="F184" s="56"/>
      <c r="G184" s="56"/>
      <c r="H184" s="56"/>
      <c r="I184" s="56"/>
      <c r="J184" s="56"/>
      <c r="K184" s="56"/>
      <c r="L184" s="56"/>
    </row>
    <row r="185" spans="3:12" x14ac:dyDescent="0.2">
      <c r="C185" s="56"/>
      <c r="D185" s="56"/>
      <c r="E185" s="56"/>
      <c r="F185" s="56"/>
      <c r="G185" s="56"/>
      <c r="H185" s="56"/>
      <c r="I185" s="56"/>
      <c r="J185" s="56"/>
      <c r="K185" s="56"/>
      <c r="L185" s="56"/>
    </row>
    <row r="186" spans="3:12" x14ac:dyDescent="0.2">
      <c r="C186" s="56"/>
      <c r="D186" s="56"/>
      <c r="E186" s="56"/>
      <c r="F186" s="56"/>
      <c r="G186" s="56"/>
      <c r="H186" s="56"/>
      <c r="I186" s="56"/>
      <c r="J186" s="56"/>
      <c r="K186" s="56"/>
      <c r="L186" s="56"/>
    </row>
    <row r="187" spans="3:12" x14ac:dyDescent="0.2">
      <c r="C187" s="56"/>
      <c r="D187" s="56"/>
      <c r="E187" s="56"/>
      <c r="F187" s="56"/>
      <c r="G187" s="56"/>
      <c r="H187" s="56"/>
      <c r="I187" s="56"/>
      <c r="J187" s="56"/>
      <c r="K187" s="56"/>
      <c r="L187" s="56"/>
    </row>
    <row r="188" spans="3:12" x14ac:dyDescent="0.2">
      <c r="C188" s="56"/>
      <c r="D188" s="56"/>
      <c r="E188" s="56"/>
      <c r="F188" s="56"/>
      <c r="G188" s="56"/>
      <c r="H188" s="56"/>
      <c r="I188" s="56"/>
      <c r="J188" s="56"/>
      <c r="K188" s="56"/>
      <c r="L188" s="56"/>
    </row>
    <row r="189" spans="3:12" x14ac:dyDescent="0.2">
      <c r="C189" s="56"/>
      <c r="D189" s="56"/>
      <c r="E189" s="56"/>
      <c r="F189" s="56"/>
      <c r="G189" s="56"/>
      <c r="H189" s="56"/>
      <c r="I189" s="56"/>
      <c r="J189" s="56"/>
      <c r="K189" s="56"/>
      <c r="L189" s="56"/>
    </row>
    <row r="190" spans="3:12" x14ac:dyDescent="0.2">
      <c r="C190" s="56"/>
      <c r="D190" s="56"/>
      <c r="E190" s="56"/>
      <c r="F190" s="56"/>
      <c r="G190" s="56"/>
      <c r="H190" s="56"/>
      <c r="I190" s="56"/>
      <c r="J190" s="56"/>
      <c r="K190" s="56"/>
      <c r="L190" s="56"/>
    </row>
    <row r="191" spans="3:12" x14ac:dyDescent="0.2">
      <c r="C191" s="56"/>
      <c r="D191" s="56"/>
      <c r="E191" s="56"/>
      <c r="F191" s="56"/>
      <c r="G191" s="56"/>
      <c r="H191" s="56"/>
      <c r="I191" s="56"/>
      <c r="J191" s="56"/>
      <c r="K191" s="56"/>
      <c r="L191" s="56"/>
    </row>
    <row r="192" spans="3:12" x14ac:dyDescent="0.2">
      <c r="C192" s="56"/>
      <c r="D192" s="56"/>
      <c r="E192" s="56"/>
      <c r="F192" s="56"/>
      <c r="G192" s="56"/>
      <c r="H192" s="56"/>
      <c r="I192" s="56"/>
      <c r="J192" s="56"/>
      <c r="K192" s="56"/>
      <c r="L192" s="56"/>
    </row>
    <row r="193" spans="3:12" x14ac:dyDescent="0.2">
      <c r="C193" s="56"/>
      <c r="D193" s="56"/>
      <c r="E193" s="56"/>
      <c r="F193" s="56"/>
      <c r="G193" s="56"/>
      <c r="H193" s="56"/>
      <c r="I193" s="56"/>
      <c r="J193" s="56"/>
      <c r="K193" s="56"/>
      <c r="L193" s="56"/>
    </row>
    <row r="194" spans="3:12" x14ac:dyDescent="0.2">
      <c r="C194" s="56"/>
      <c r="D194" s="56"/>
      <c r="E194" s="56"/>
      <c r="F194" s="56"/>
      <c r="G194" s="56"/>
      <c r="H194" s="56"/>
      <c r="I194" s="56"/>
      <c r="J194" s="56"/>
      <c r="K194" s="56"/>
      <c r="L194" s="56"/>
    </row>
    <row r="195" spans="3:12" x14ac:dyDescent="0.2">
      <c r="C195" s="56"/>
      <c r="D195" s="56"/>
      <c r="E195" s="56"/>
      <c r="F195" s="56"/>
      <c r="G195" s="56"/>
      <c r="H195" s="56"/>
      <c r="I195" s="56"/>
      <c r="J195" s="56"/>
      <c r="K195" s="56"/>
      <c r="L195" s="56"/>
    </row>
    <row r="196" spans="3:12" x14ac:dyDescent="0.2">
      <c r="C196" s="56"/>
      <c r="D196" s="56"/>
      <c r="E196" s="56"/>
      <c r="F196" s="56"/>
      <c r="G196" s="56"/>
      <c r="H196" s="56"/>
      <c r="I196" s="56"/>
      <c r="J196" s="56"/>
      <c r="K196" s="56"/>
      <c r="L196" s="56"/>
    </row>
    <row r="197" spans="3:12" x14ac:dyDescent="0.2">
      <c r="C197" s="56"/>
      <c r="D197" s="56"/>
      <c r="E197" s="56"/>
      <c r="F197" s="56"/>
      <c r="G197" s="56"/>
      <c r="H197" s="56"/>
      <c r="I197" s="56"/>
      <c r="J197" s="56"/>
      <c r="K197" s="56"/>
      <c r="L197" s="56"/>
    </row>
    <row r="198" spans="3:12" x14ac:dyDescent="0.2">
      <c r="C198" s="56"/>
      <c r="D198" s="56"/>
      <c r="E198" s="56"/>
      <c r="F198" s="56"/>
      <c r="G198" s="56"/>
      <c r="H198" s="56"/>
      <c r="I198" s="56"/>
      <c r="J198" s="56"/>
      <c r="K198" s="56"/>
      <c r="L198" s="56"/>
    </row>
    <row r="199" spans="3:12" x14ac:dyDescent="0.2">
      <c r="C199" s="56"/>
      <c r="D199" s="56"/>
      <c r="E199" s="56"/>
      <c r="F199" s="56"/>
      <c r="G199" s="56"/>
      <c r="H199" s="56"/>
      <c r="I199" s="56"/>
      <c r="J199" s="56"/>
      <c r="K199" s="56"/>
      <c r="L199" s="56"/>
    </row>
    <row r="200" spans="3:12" x14ac:dyDescent="0.2">
      <c r="C200" s="56"/>
      <c r="D200" s="56"/>
      <c r="E200" s="56"/>
      <c r="F200" s="56"/>
      <c r="G200" s="56"/>
      <c r="H200" s="56"/>
      <c r="I200" s="56"/>
      <c r="J200" s="56"/>
      <c r="K200" s="56"/>
      <c r="L200" s="56"/>
    </row>
    <row r="201" spans="3:12" x14ac:dyDescent="0.2">
      <c r="C201" s="56"/>
      <c r="D201" s="56"/>
      <c r="E201" s="56"/>
      <c r="F201" s="56"/>
      <c r="G201" s="56"/>
      <c r="H201" s="56"/>
      <c r="I201" s="56"/>
      <c r="J201" s="56"/>
      <c r="K201" s="56"/>
      <c r="L201" s="56"/>
    </row>
    <row r="202" spans="3:12" x14ac:dyDescent="0.2">
      <c r="C202" s="56"/>
      <c r="D202" s="56"/>
      <c r="E202" s="56"/>
      <c r="F202" s="56"/>
      <c r="G202" s="56"/>
      <c r="H202" s="56"/>
      <c r="I202" s="56"/>
      <c r="J202" s="56"/>
      <c r="K202" s="56"/>
      <c r="L202" s="56"/>
    </row>
    <row r="203" spans="3:12" x14ac:dyDescent="0.2">
      <c r="C203" s="56"/>
      <c r="D203" s="56"/>
      <c r="E203" s="56"/>
      <c r="F203" s="56"/>
      <c r="G203" s="56"/>
      <c r="H203" s="56"/>
      <c r="I203" s="56"/>
      <c r="J203" s="56"/>
      <c r="K203" s="56"/>
      <c r="L203" s="56"/>
    </row>
    <row r="204" spans="3:12" x14ac:dyDescent="0.2">
      <c r="C204" s="56"/>
      <c r="D204" s="56"/>
      <c r="E204" s="56"/>
      <c r="F204" s="56"/>
      <c r="G204" s="56"/>
      <c r="H204" s="56"/>
      <c r="I204" s="56"/>
      <c r="J204" s="56"/>
      <c r="K204" s="56"/>
      <c r="L204" s="56"/>
    </row>
    <row r="205" spans="3:12" x14ac:dyDescent="0.2">
      <c r="C205" s="56"/>
      <c r="D205" s="56"/>
      <c r="E205" s="56"/>
      <c r="F205" s="56"/>
      <c r="G205" s="56"/>
      <c r="H205" s="56"/>
      <c r="I205" s="56"/>
      <c r="J205" s="56"/>
      <c r="K205" s="56"/>
      <c r="L205" s="56"/>
    </row>
    <row r="206" spans="3:12" x14ac:dyDescent="0.2">
      <c r="C206" s="56"/>
      <c r="D206" s="56"/>
      <c r="E206" s="56"/>
      <c r="F206" s="56"/>
      <c r="G206" s="56"/>
      <c r="H206" s="56"/>
      <c r="I206" s="56"/>
      <c r="J206" s="56"/>
      <c r="K206" s="56"/>
      <c r="L206" s="56"/>
    </row>
    <row r="207" spans="3:12" x14ac:dyDescent="0.2">
      <c r="C207" s="56"/>
      <c r="D207" s="56"/>
      <c r="E207" s="56"/>
      <c r="F207" s="56"/>
      <c r="G207" s="56"/>
      <c r="H207" s="56"/>
      <c r="I207" s="56"/>
      <c r="J207" s="56"/>
      <c r="K207" s="56"/>
      <c r="L207" s="56"/>
    </row>
    <row r="208" spans="3:12" x14ac:dyDescent="0.2">
      <c r="C208" s="56"/>
      <c r="D208" s="56"/>
      <c r="E208" s="56"/>
      <c r="F208" s="56"/>
      <c r="G208" s="56"/>
      <c r="H208" s="56"/>
      <c r="I208" s="56"/>
      <c r="J208" s="56"/>
      <c r="K208" s="56"/>
      <c r="L208" s="56"/>
    </row>
    <row r="209" spans="3:12" x14ac:dyDescent="0.2">
      <c r="C209" s="56"/>
      <c r="D209" s="56"/>
      <c r="E209" s="56"/>
      <c r="F209" s="56"/>
      <c r="G209" s="56"/>
      <c r="H209" s="56"/>
      <c r="I209" s="56"/>
      <c r="J209" s="56"/>
      <c r="K209" s="56"/>
      <c r="L209" s="56"/>
    </row>
    <row r="210" spans="3:12" x14ac:dyDescent="0.2">
      <c r="C210" s="56"/>
      <c r="D210" s="56"/>
      <c r="E210" s="56"/>
      <c r="F210" s="56"/>
      <c r="G210" s="56"/>
      <c r="H210" s="56"/>
      <c r="I210" s="56"/>
      <c r="J210" s="56"/>
      <c r="K210" s="56"/>
      <c r="L210" s="56"/>
    </row>
    <row r="211" spans="3:12" x14ac:dyDescent="0.2">
      <c r="C211" s="56"/>
      <c r="D211" s="56"/>
      <c r="E211" s="56"/>
      <c r="F211" s="56"/>
      <c r="G211" s="56"/>
      <c r="H211" s="56"/>
      <c r="I211" s="56"/>
      <c r="J211" s="56"/>
      <c r="K211" s="56"/>
      <c r="L211" s="56"/>
    </row>
    <row r="212" spans="3:12" x14ac:dyDescent="0.2">
      <c r="C212" s="56"/>
      <c r="D212" s="56"/>
      <c r="E212" s="56"/>
      <c r="F212" s="56"/>
      <c r="G212" s="56"/>
      <c r="H212" s="56"/>
      <c r="I212" s="56"/>
      <c r="J212" s="56"/>
      <c r="K212" s="56"/>
      <c r="L212" s="56"/>
    </row>
    <row r="213" spans="3:12" x14ac:dyDescent="0.2">
      <c r="C213" s="56"/>
      <c r="D213" s="56"/>
      <c r="E213" s="56"/>
      <c r="F213" s="56"/>
      <c r="G213" s="56"/>
      <c r="H213" s="56"/>
      <c r="I213" s="56"/>
      <c r="J213" s="56"/>
      <c r="K213" s="56"/>
      <c r="L213" s="56"/>
    </row>
    <row r="214" spans="3:12" x14ac:dyDescent="0.2">
      <c r="C214" s="56"/>
      <c r="D214" s="56"/>
      <c r="E214" s="56"/>
      <c r="F214" s="56"/>
      <c r="G214" s="56"/>
      <c r="H214" s="56"/>
      <c r="I214" s="56"/>
      <c r="J214" s="56"/>
      <c r="K214" s="56"/>
      <c r="L214" s="56"/>
    </row>
    <row r="215" spans="3:12" x14ac:dyDescent="0.2">
      <c r="C215" s="56"/>
      <c r="D215" s="56"/>
      <c r="E215" s="56"/>
      <c r="F215" s="56"/>
      <c r="G215" s="56"/>
      <c r="H215" s="56"/>
      <c r="I215" s="56"/>
      <c r="J215" s="56"/>
      <c r="K215" s="56"/>
      <c r="L215" s="56"/>
    </row>
    <row r="216" spans="3:12" x14ac:dyDescent="0.2">
      <c r="C216" s="56"/>
      <c r="D216" s="56"/>
      <c r="E216" s="56"/>
      <c r="F216" s="56"/>
      <c r="G216" s="56"/>
      <c r="H216" s="56"/>
      <c r="I216" s="56"/>
      <c r="J216" s="56"/>
      <c r="K216" s="56"/>
      <c r="L216" s="56"/>
    </row>
    <row r="217" spans="3:12" x14ac:dyDescent="0.2">
      <c r="C217" s="56"/>
      <c r="D217" s="56"/>
      <c r="E217" s="56"/>
      <c r="F217" s="56"/>
      <c r="G217" s="56"/>
      <c r="H217" s="56"/>
      <c r="I217" s="56"/>
      <c r="J217" s="56"/>
      <c r="K217" s="56"/>
      <c r="L217" s="56"/>
    </row>
    <row r="218" spans="3:12" x14ac:dyDescent="0.2">
      <c r="C218" s="56"/>
      <c r="D218" s="56"/>
      <c r="E218" s="56"/>
      <c r="F218" s="56"/>
      <c r="G218" s="56"/>
      <c r="H218" s="56"/>
      <c r="I218" s="56"/>
      <c r="J218" s="56"/>
      <c r="K218" s="56"/>
      <c r="L218" s="56"/>
    </row>
  </sheetData>
  <mergeCells count="18">
    <mergeCell ref="B3:B4"/>
    <mergeCell ref="C3:L3"/>
    <mergeCell ref="M3:V3"/>
    <mergeCell ref="C4:E4"/>
    <mergeCell ref="F4:K4"/>
    <mergeCell ref="L4:L5"/>
    <mergeCell ref="H1:I1"/>
    <mergeCell ref="W3:AF3"/>
    <mergeCell ref="AG3:AP3"/>
    <mergeCell ref="M4:O4"/>
    <mergeCell ref="P4:U4"/>
    <mergeCell ref="V4:V5"/>
    <mergeCell ref="W4:Y4"/>
    <mergeCell ref="Z4:AE4"/>
    <mergeCell ref="AF4:AF5"/>
    <mergeCell ref="AG4:AI4"/>
    <mergeCell ref="AJ4:AO4"/>
    <mergeCell ref="AP4:AP5"/>
  </mergeCells>
  <phoneticPr fontId="4"/>
  <pageMargins left="0.78740157480314965" right="0.31496062992125984" top="0.27559055118110237" bottom="0.39370078740157483" header="0.19685039370078741" footer="0.19685039370078741"/>
  <pageSetup paperSize="9" scale="45" orientation="landscape" r:id="rId1"/>
  <headerFooter alignWithMargins="0">
    <oddFooter>&amp;L&amp;20&amp;A&amp;C&amp;P/&amp;N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AQ218"/>
  <sheetViews>
    <sheetView zoomScaleNormal="100" zoomScaleSheetLayoutView="55" workbookViewId="0">
      <pane xSplit="2" ySplit="6" topLeftCell="C7" activePane="bottomRight" state="frozen"/>
      <selection activeCell="F37" sqref="F37"/>
      <selection pane="topRight" activeCell="F37" sqref="F37"/>
      <selection pane="bottomLeft" activeCell="F37" sqref="F3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57" customWidth="1"/>
    <col min="3" max="3" width="8.88671875" style="57" customWidth="1"/>
    <col min="4" max="4" width="8.109375" style="57" customWidth="1"/>
    <col min="5" max="5" width="10.109375" style="57" bestFit="1" customWidth="1"/>
    <col min="6" max="6" width="9.6640625" style="57" bestFit="1" customWidth="1"/>
    <col min="7" max="7" width="9.109375" style="57" bestFit="1" customWidth="1"/>
    <col min="8" max="11" width="9" style="57"/>
    <col min="12" max="12" width="9.6640625" style="57" customWidth="1"/>
    <col min="13" max="22" width="8.77734375" style="57" customWidth="1"/>
    <col min="23" max="42" width="9.6640625" style="57" customWidth="1"/>
    <col min="43" max="16384" width="9" style="57"/>
  </cols>
  <sheetData>
    <row r="1" spans="2:43" ht="24" customHeight="1" x14ac:dyDescent="0.2">
      <c r="B1" s="7" t="s">
        <v>56</v>
      </c>
      <c r="F1" s="52">
        <f>第１表!F2</f>
        <v>7</v>
      </c>
      <c r="G1" s="13">
        <f>第１表!G2</f>
        <v>1</v>
      </c>
      <c r="H1" s="528">
        <f>IF(G1&lt;3,G1-2+12,G1-2)</f>
        <v>11</v>
      </c>
      <c r="I1" s="528"/>
    </row>
    <row r="2" spans="2:43" ht="24" customHeight="1" thickBot="1" x14ac:dyDescent="0.25">
      <c r="B2" s="7" t="s">
        <v>153</v>
      </c>
      <c r="F2" s="7" t="s">
        <v>136</v>
      </c>
    </row>
    <row r="3" spans="2:43" ht="21" customHeight="1" x14ac:dyDescent="0.2">
      <c r="B3" s="522"/>
      <c r="C3" s="519" t="s">
        <v>57</v>
      </c>
      <c r="D3" s="520"/>
      <c r="E3" s="520"/>
      <c r="F3" s="520"/>
      <c r="G3" s="520"/>
      <c r="H3" s="520"/>
      <c r="I3" s="520"/>
      <c r="J3" s="520"/>
      <c r="K3" s="520"/>
      <c r="L3" s="520"/>
      <c r="M3" s="519" t="s">
        <v>58</v>
      </c>
      <c r="N3" s="525"/>
      <c r="O3" s="525"/>
      <c r="P3" s="525"/>
      <c r="Q3" s="525"/>
      <c r="R3" s="525"/>
      <c r="S3" s="525"/>
      <c r="T3" s="525"/>
      <c r="U3" s="525"/>
      <c r="V3" s="525"/>
      <c r="W3" s="519" t="s">
        <v>59</v>
      </c>
      <c r="X3" s="520"/>
      <c r="Y3" s="520"/>
      <c r="Z3" s="520"/>
      <c r="AA3" s="520"/>
      <c r="AB3" s="520"/>
      <c r="AC3" s="520"/>
      <c r="AD3" s="520"/>
      <c r="AE3" s="520"/>
      <c r="AF3" s="520"/>
      <c r="AG3" s="519" t="s">
        <v>145</v>
      </c>
      <c r="AH3" s="520"/>
      <c r="AI3" s="520"/>
      <c r="AJ3" s="520"/>
      <c r="AK3" s="520"/>
      <c r="AL3" s="520"/>
      <c r="AM3" s="520"/>
      <c r="AN3" s="520"/>
      <c r="AO3" s="520"/>
      <c r="AP3" s="521"/>
    </row>
    <row r="4" spans="2:43" ht="21" customHeight="1" x14ac:dyDescent="0.2">
      <c r="B4" s="524"/>
      <c r="C4" s="502" t="s">
        <v>61</v>
      </c>
      <c r="D4" s="503"/>
      <c r="E4" s="504"/>
      <c r="F4" s="505" t="s">
        <v>62</v>
      </c>
      <c r="G4" s="506"/>
      <c r="H4" s="506"/>
      <c r="I4" s="506"/>
      <c r="J4" s="506"/>
      <c r="K4" s="507"/>
      <c r="L4" s="516" t="s">
        <v>52</v>
      </c>
      <c r="M4" s="502" t="s">
        <v>61</v>
      </c>
      <c r="N4" s="503"/>
      <c r="O4" s="504"/>
      <c r="P4" s="505" t="s">
        <v>62</v>
      </c>
      <c r="Q4" s="506"/>
      <c r="R4" s="506"/>
      <c r="S4" s="506"/>
      <c r="T4" s="506"/>
      <c r="U4" s="507"/>
      <c r="V4" s="508" t="s">
        <v>52</v>
      </c>
      <c r="W4" s="502" t="s">
        <v>61</v>
      </c>
      <c r="X4" s="503"/>
      <c r="Y4" s="504"/>
      <c r="Z4" s="505" t="s">
        <v>62</v>
      </c>
      <c r="AA4" s="506"/>
      <c r="AB4" s="506"/>
      <c r="AC4" s="506"/>
      <c r="AD4" s="506"/>
      <c r="AE4" s="507"/>
      <c r="AF4" s="516" t="s">
        <v>52</v>
      </c>
      <c r="AG4" s="502" t="s">
        <v>61</v>
      </c>
      <c r="AH4" s="503"/>
      <c r="AI4" s="504"/>
      <c r="AJ4" s="505" t="s">
        <v>62</v>
      </c>
      <c r="AK4" s="506"/>
      <c r="AL4" s="506"/>
      <c r="AM4" s="506"/>
      <c r="AN4" s="506"/>
      <c r="AO4" s="507"/>
      <c r="AP4" s="508" t="s">
        <v>52</v>
      </c>
    </row>
    <row r="5" spans="2:43" ht="30" customHeight="1" thickBot="1" x14ac:dyDescent="0.25">
      <c r="B5" s="58" t="s">
        <v>42</v>
      </c>
      <c r="C5" s="215" t="s">
        <v>43</v>
      </c>
      <c r="D5" s="216" t="s">
        <v>44</v>
      </c>
      <c r="E5" s="216" t="s">
        <v>45</v>
      </c>
      <c r="F5" s="217" t="s">
        <v>47</v>
      </c>
      <c r="G5" s="218" t="s">
        <v>48</v>
      </c>
      <c r="H5" s="218" t="s">
        <v>49</v>
      </c>
      <c r="I5" s="219" t="s">
        <v>50</v>
      </c>
      <c r="J5" s="216" t="s">
        <v>51</v>
      </c>
      <c r="K5" s="220" t="s">
        <v>95</v>
      </c>
      <c r="L5" s="517"/>
      <c r="M5" s="215" t="s">
        <v>43</v>
      </c>
      <c r="N5" s="216" t="s">
        <v>44</v>
      </c>
      <c r="O5" s="220" t="s">
        <v>45</v>
      </c>
      <c r="P5" s="221" t="s">
        <v>47</v>
      </c>
      <c r="Q5" s="218" t="s">
        <v>48</v>
      </c>
      <c r="R5" s="218" t="s">
        <v>49</v>
      </c>
      <c r="S5" s="219" t="s">
        <v>50</v>
      </c>
      <c r="T5" s="216" t="s">
        <v>51</v>
      </c>
      <c r="U5" s="220" t="s">
        <v>45</v>
      </c>
      <c r="V5" s="509"/>
      <c r="W5" s="215" t="s">
        <v>43</v>
      </c>
      <c r="X5" s="216" t="s">
        <v>44</v>
      </c>
      <c r="Y5" s="216" t="s">
        <v>45</v>
      </c>
      <c r="Z5" s="217" t="s">
        <v>47</v>
      </c>
      <c r="AA5" s="218" t="s">
        <v>48</v>
      </c>
      <c r="AB5" s="218" t="s">
        <v>49</v>
      </c>
      <c r="AC5" s="219" t="s">
        <v>50</v>
      </c>
      <c r="AD5" s="216" t="s">
        <v>51</v>
      </c>
      <c r="AE5" s="220" t="s">
        <v>45</v>
      </c>
      <c r="AF5" s="517"/>
      <c r="AG5" s="215" t="s">
        <v>43</v>
      </c>
      <c r="AH5" s="216" t="s">
        <v>44</v>
      </c>
      <c r="AI5" s="216" t="s">
        <v>45</v>
      </c>
      <c r="AJ5" s="217" t="s">
        <v>47</v>
      </c>
      <c r="AK5" s="218" t="s">
        <v>48</v>
      </c>
      <c r="AL5" s="218" t="s">
        <v>49</v>
      </c>
      <c r="AM5" s="219" t="s">
        <v>50</v>
      </c>
      <c r="AN5" s="216" t="s">
        <v>51</v>
      </c>
      <c r="AO5" s="220" t="s">
        <v>45</v>
      </c>
      <c r="AP5" s="509"/>
    </row>
    <row r="6" spans="2:43" ht="21" customHeight="1" x14ac:dyDescent="0.2">
      <c r="B6" s="70" t="s">
        <v>4</v>
      </c>
      <c r="C6" s="197">
        <v>0</v>
      </c>
      <c r="D6" s="199">
        <v>0</v>
      </c>
      <c r="E6" s="199">
        <v>0</v>
      </c>
      <c r="F6" s="200">
        <v>12</v>
      </c>
      <c r="G6" s="198">
        <v>44</v>
      </c>
      <c r="H6" s="198">
        <v>333</v>
      </c>
      <c r="I6" s="198">
        <v>442</v>
      </c>
      <c r="J6" s="199">
        <v>274</v>
      </c>
      <c r="K6" s="222">
        <v>1105</v>
      </c>
      <c r="L6" s="223">
        <v>1105</v>
      </c>
      <c r="M6" s="197">
        <v>0</v>
      </c>
      <c r="N6" s="199">
        <v>0</v>
      </c>
      <c r="O6" s="222">
        <v>0</v>
      </c>
      <c r="P6" s="202">
        <v>69</v>
      </c>
      <c r="Q6" s="198">
        <v>145</v>
      </c>
      <c r="R6" s="198">
        <v>209</v>
      </c>
      <c r="S6" s="198">
        <v>273</v>
      </c>
      <c r="T6" s="199">
        <v>141</v>
      </c>
      <c r="U6" s="222">
        <v>837</v>
      </c>
      <c r="V6" s="201">
        <v>837</v>
      </c>
      <c r="W6" s="202">
        <v>0</v>
      </c>
      <c r="X6" s="199">
        <v>0</v>
      </c>
      <c r="Y6" s="199">
        <v>0</v>
      </c>
      <c r="Z6" s="200">
        <v>0</v>
      </c>
      <c r="AA6" s="198">
        <v>0</v>
      </c>
      <c r="AB6" s="198">
        <v>0</v>
      </c>
      <c r="AC6" s="198">
        <v>0</v>
      </c>
      <c r="AD6" s="199">
        <v>0</v>
      </c>
      <c r="AE6" s="222">
        <v>0</v>
      </c>
      <c r="AF6" s="223">
        <v>0</v>
      </c>
      <c r="AG6" s="197">
        <v>0</v>
      </c>
      <c r="AH6" s="199">
        <v>0</v>
      </c>
      <c r="AI6" s="199">
        <v>0</v>
      </c>
      <c r="AJ6" s="200">
        <v>0</v>
      </c>
      <c r="AK6" s="198">
        <v>1</v>
      </c>
      <c r="AL6" s="198">
        <v>2</v>
      </c>
      <c r="AM6" s="198">
        <v>14</v>
      </c>
      <c r="AN6" s="199">
        <v>20</v>
      </c>
      <c r="AO6" s="222">
        <v>37</v>
      </c>
      <c r="AP6" s="224">
        <v>37</v>
      </c>
      <c r="AQ6" s="225"/>
    </row>
    <row r="7" spans="2:43" ht="21" customHeight="1" x14ac:dyDescent="0.2">
      <c r="B7" s="81" t="s">
        <v>5</v>
      </c>
      <c r="C7" s="203">
        <v>0</v>
      </c>
      <c r="D7" s="205">
        <v>0</v>
      </c>
      <c r="E7" s="205">
        <v>0</v>
      </c>
      <c r="F7" s="206">
        <v>10</v>
      </c>
      <c r="G7" s="204">
        <v>33</v>
      </c>
      <c r="H7" s="204">
        <v>163</v>
      </c>
      <c r="I7" s="204">
        <v>193</v>
      </c>
      <c r="J7" s="205">
        <v>118</v>
      </c>
      <c r="K7" s="226">
        <v>517</v>
      </c>
      <c r="L7" s="227">
        <v>517</v>
      </c>
      <c r="M7" s="203">
        <v>0</v>
      </c>
      <c r="N7" s="205">
        <v>0</v>
      </c>
      <c r="O7" s="226">
        <v>0</v>
      </c>
      <c r="P7" s="208">
        <v>33</v>
      </c>
      <c r="Q7" s="204">
        <v>81</v>
      </c>
      <c r="R7" s="204">
        <v>101</v>
      </c>
      <c r="S7" s="204">
        <v>136</v>
      </c>
      <c r="T7" s="205">
        <v>79</v>
      </c>
      <c r="U7" s="226">
        <v>430</v>
      </c>
      <c r="V7" s="207">
        <v>430</v>
      </c>
      <c r="W7" s="208">
        <v>0</v>
      </c>
      <c r="X7" s="205">
        <v>0</v>
      </c>
      <c r="Y7" s="205">
        <v>0</v>
      </c>
      <c r="Z7" s="206">
        <v>0</v>
      </c>
      <c r="AA7" s="204">
        <v>0</v>
      </c>
      <c r="AB7" s="204">
        <v>0</v>
      </c>
      <c r="AC7" s="204">
        <v>0</v>
      </c>
      <c r="AD7" s="205">
        <v>0</v>
      </c>
      <c r="AE7" s="226">
        <v>0</v>
      </c>
      <c r="AF7" s="227">
        <v>0</v>
      </c>
      <c r="AG7" s="203">
        <v>0</v>
      </c>
      <c r="AH7" s="205">
        <v>0</v>
      </c>
      <c r="AI7" s="205">
        <v>0</v>
      </c>
      <c r="AJ7" s="206">
        <v>0</v>
      </c>
      <c r="AK7" s="204">
        <v>0</v>
      </c>
      <c r="AL7" s="204">
        <v>0</v>
      </c>
      <c r="AM7" s="204">
        <v>6</v>
      </c>
      <c r="AN7" s="205">
        <v>5</v>
      </c>
      <c r="AO7" s="226">
        <v>11</v>
      </c>
      <c r="AP7" s="228">
        <v>11</v>
      </c>
      <c r="AQ7" s="225"/>
    </row>
    <row r="8" spans="2:43" ht="21" customHeight="1" x14ac:dyDescent="0.2">
      <c r="B8" s="92" t="s">
        <v>6</v>
      </c>
      <c r="C8" s="203">
        <v>0</v>
      </c>
      <c r="D8" s="205">
        <v>0</v>
      </c>
      <c r="E8" s="205">
        <v>0</v>
      </c>
      <c r="F8" s="206">
        <v>2</v>
      </c>
      <c r="G8" s="204">
        <v>6</v>
      </c>
      <c r="H8" s="204">
        <v>39</v>
      </c>
      <c r="I8" s="204">
        <v>56</v>
      </c>
      <c r="J8" s="205">
        <v>38</v>
      </c>
      <c r="K8" s="226">
        <v>141</v>
      </c>
      <c r="L8" s="227">
        <v>141</v>
      </c>
      <c r="M8" s="203">
        <v>0</v>
      </c>
      <c r="N8" s="205">
        <v>0</v>
      </c>
      <c r="O8" s="226">
        <v>0</v>
      </c>
      <c r="P8" s="208">
        <v>11</v>
      </c>
      <c r="Q8" s="204">
        <v>12</v>
      </c>
      <c r="R8" s="204">
        <v>28</v>
      </c>
      <c r="S8" s="204">
        <v>38</v>
      </c>
      <c r="T8" s="205">
        <v>17</v>
      </c>
      <c r="U8" s="226">
        <v>106</v>
      </c>
      <c r="V8" s="207">
        <v>106</v>
      </c>
      <c r="W8" s="208">
        <v>0</v>
      </c>
      <c r="X8" s="205">
        <v>0</v>
      </c>
      <c r="Y8" s="205">
        <v>0</v>
      </c>
      <c r="Z8" s="206">
        <v>0</v>
      </c>
      <c r="AA8" s="204">
        <v>0</v>
      </c>
      <c r="AB8" s="204">
        <v>0</v>
      </c>
      <c r="AC8" s="204">
        <v>0</v>
      </c>
      <c r="AD8" s="205">
        <v>0</v>
      </c>
      <c r="AE8" s="226">
        <v>0</v>
      </c>
      <c r="AF8" s="227">
        <v>0</v>
      </c>
      <c r="AG8" s="203">
        <v>0</v>
      </c>
      <c r="AH8" s="205">
        <v>0</v>
      </c>
      <c r="AI8" s="205">
        <v>0</v>
      </c>
      <c r="AJ8" s="206">
        <v>0</v>
      </c>
      <c r="AK8" s="204">
        <v>0</v>
      </c>
      <c r="AL8" s="204">
        <v>0</v>
      </c>
      <c r="AM8" s="204">
        <v>2</v>
      </c>
      <c r="AN8" s="205">
        <v>2</v>
      </c>
      <c r="AO8" s="226">
        <v>4</v>
      </c>
      <c r="AP8" s="228">
        <v>4</v>
      </c>
      <c r="AQ8" s="225"/>
    </row>
    <row r="9" spans="2:43" ht="21" customHeight="1" x14ac:dyDescent="0.2">
      <c r="B9" s="92" t="s">
        <v>14</v>
      </c>
      <c r="C9" s="203">
        <v>0</v>
      </c>
      <c r="D9" s="205">
        <v>0</v>
      </c>
      <c r="E9" s="205">
        <v>0</v>
      </c>
      <c r="F9" s="206">
        <v>0</v>
      </c>
      <c r="G9" s="204">
        <v>0</v>
      </c>
      <c r="H9" s="204">
        <v>27</v>
      </c>
      <c r="I9" s="204">
        <v>46</v>
      </c>
      <c r="J9" s="205">
        <v>17</v>
      </c>
      <c r="K9" s="226">
        <v>90</v>
      </c>
      <c r="L9" s="227">
        <v>90</v>
      </c>
      <c r="M9" s="203">
        <v>0</v>
      </c>
      <c r="N9" s="205">
        <v>0</v>
      </c>
      <c r="O9" s="226">
        <v>0</v>
      </c>
      <c r="P9" s="208">
        <v>3</v>
      </c>
      <c r="Q9" s="204">
        <v>7</v>
      </c>
      <c r="R9" s="204">
        <v>6</v>
      </c>
      <c r="S9" s="204">
        <v>16</v>
      </c>
      <c r="T9" s="205">
        <v>5</v>
      </c>
      <c r="U9" s="226">
        <v>37</v>
      </c>
      <c r="V9" s="207">
        <v>37</v>
      </c>
      <c r="W9" s="208">
        <v>0</v>
      </c>
      <c r="X9" s="205">
        <v>0</v>
      </c>
      <c r="Y9" s="205">
        <v>0</v>
      </c>
      <c r="Z9" s="206">
        <v>0</v>
      </c>
      <c r="AA9" s="204">
        <v>0</v>
      </c>
      <c r="AB9" s="204">
        <v>0</v>
      </c>
      <c r="AC9" s="204">
        <v>0</v>
      </c>
      <c r="AD9" s="205">
        <v>0</v>
      </c>
      <c r="AE9" s="226">
        <v>0</v>
      </c>
      <c r="AF9" s="227">
        <v>0</v>
      </c>
      <c r="AG9" s="203">
        <v>0</v>
      </c>
      <c r="AH9" s="205">
        <v>0</v>
      </c>
      <c r="AI9" s="205">
        <v>0</v>
      </c>
      <c r="AJ9" s="206">
        <v>0</v>
      </c>
      <c r="AK9" s="204">
        <v>0</v>
      </c>
      <c r="AL9" s="204">
        <v>1</v>
      </c>
      <c r="AM9" s="204">
        <v>2</v>
      </c>
      <c r="AN9" s="205">
        <v>4</v>
      </c>
      <c r="AO9" s="226">
        <v>7</v>
      </c>
      <c r="AP9" s="228">
        <v>7</v>
      </c>
      <c r="AQ9" s="225"/>
    </row>
    <row r="10" spans="2:43" ht="21" customHeight="1" x14ac:dyDescent="0.2">
      <c r="B10" s="92" t="s">
        <v>7</v>
      </c>
      <c r="C10" s="203">
        <v>0</v>
      </c>
      <c r="D10" s="205">
        <v>0</v>
      </c>
      <c r="E10" s="205">
        <v>0</v>
      </c>
      <c r="F10" s="206">
        <v>0</v>
      </c>
      <c r="G10" s="204">
        <v>0</v>
      </c>
      <c r="H10" s="204">
        <v>9</v>
      </c>
      <c r="I10" s="204">
        <v>14</v>
      </c>
      <c r="J10" s="205">
        <v>9</v>
      </c>
      <c r="K10" s="226">
        <v>32</v>
      </c>
      <c r="L10" s="227">
        <v>32</v>
      </c>
      <c r="M10" s="203">
        <v>0</v>
      </c>
      <c r="N10" s="205">
        <v>0</v>
      </c>
      <c r="O10" s="226">
        <v>0</v>
      </c>
      <c r="P10" s="208">
        <v>3</v>
      </c>
      <c r="Q10" s="204">
        <v>2</v>
      </c>
      <c r="R10" s="204">
        <v>5</v>
      </c>
      <c r="S10" s="204">
        <v>4</v>
      </c>
      <c r="T10" s="205">
        <v>5</v>
      </c>
      <c r="U10" s="226">
        <v>19</v>
      </c>
      <c r="V10" s="207">
        <v>19</v>
      </c>
      <c r="W10" s="208">
        <v>0</v>
      </c>
      <c r="X10" s="205">
        <v>0</v>
      </c>
      <c r="Y10" s="205">
        <v>0</v>
      </c>
      <c r="Z10" s="206">
        <v>0</v>
      </c>
      <c r="AA10" s="204">
        <v>0</v>
      </c>
      <c r="AB10" s="204">
        <v>0</v>
      </c>
      <c r="AC10" s="204">
        <v>0</v>
      </c>
      <c r="AD10" s="205">
        <v>0</v>
      </c>
      <c r="AE10" s="226">
        <v>0</v>
      </c>
      <c r="AF10" s="227">
        <v>0</v>
      </c>
      <c r="AG10" s="203">
        <v>0</v>
      </c>
      <c r="AH10" s="205">
        <v>0</v>
      </c>
      <c r="AI10" s="205">
        <v>0</v>
      </c>
      <c r="AJ10" s="206">
        <v>0</v>
      </c>
      <c r="AK10" s="204">
        <v>0</v>
      </c>
      <c r="AL10" s="204">
        <v>0</v>
      </c>
      <c r="AM10" s="204">
        <v>0</v>
      </c>
      <c r="AN10" s="205">
        <v>0</v>
      </c>
      <c r="AO10" s="226">
        <v>0</v>
      </c>
      <c r="AP10" s="228">
        <v>0</v>
      </c>
      <c r="AQ10" s="225"/>
    </row>
    <row r="11" spans="2:43" ht="21" customHeight="1" x14ac:dyDescent="0.2">
      <c r="B11" s="92" t="s">
        <v>8</v>
      </c>
      <c r="C11" s="203">
        <v>0</v>
      </c>
      <c r="D11" s="205">
        <v>0</v>
      </c>
      <c r="E11" s="205">
        <v>0</v>
      </c>
      <c r="F11" s="206">
        <v>0</v>
      </c>
      <c r="G11" s="204">
        <v>0</v>
      </c>
      <c r="H11" s="204">
        <v>9</v>
      </c>
      <c r="I11" s="204">
        <v>8</v>
      </c>
      <c r="J11" s="205">
        <v>7</v>
      </c>
      <c r="K11" s="226">
        <v>24</v>
      </c>
      <c r="L11" s="227">
        <v>24</v>
      </c>
      <c r="M11" s="203">
        <v>0</v>
      </c>
      <c r="N11" s="205">
        <v>0</v>
      </c>
      <c r="O11" s="226">
        <v>0</v>
      </c>
      <c r="P11" s="208">
        <v>1</v>
      </c>
      <c r="Q11" s="204">
        <v>4</v>
      </c>
      <c r="R11" s="204">
        <v>5</v>
      </c>
      <c r="S11" s="204">
        <v>4</v>
      </c>
      <c r="T11" s="205">
        <v>2</v>
      </c>
      <c r="U11" s="226">
        <v>16</v>
      </c>
      <c r="V11" s="207">
        <v>16</v>
      </c>
      <c r="W11" s="208">
        <v>0</v>
      </c>
      <c r="X11" s="205">
        <v>0</v>
      </c>
      <c r="Y11" s="205">
        <v>0</v>
      </c>
      <c r="Z11" s="206">
        <v>0</v>
      </c>
      <c r="AA11" s="204">
        <v>0</v>
      </c>
      <c r="AB11" s="204">
        <v>0</v>
      </c>
      <c r="AC11" s="204">
        <v>0</v>
      </c>
      <c r="AD11" s="205">
        <v>0</v>
      </c>
      <c r="AE11" s="226">
        <v>0</v>
      </c>
      <c r="AF11" s="227">
        <v>0</v>
      </c>
      <c r="AG11" s="203">
        <v>0</v>
      </c>
      <c r="AH11" s="205">
        <v>0</v>
      </c>
      <c r="AI11" s="205">
        <v>0</v>
      </c>
      <c r="AJ11" s="206">
        <v>0</v>
      </c>
      <c r="AK11" s="204">
        <v>0</v>
      </c>
      <c r="AL11" s="204">
        <v>0</v>
      </c>
      <c r="AM11" s="204">
        <v>0</v>
      </c>
      <c r="AN11" s="205">
        <v>0</v>
      </c>
      <c r="AO11" s="226">
        <v>0</v>
      </c>
      <c r="AP11" s="228">
        <v>0</v>
      </c>
      <c r="AQ11" s="225"/>
    </row>
    <row r="12" spans="2:43" ht="21" customHeight="1" x14ac:dyDescent="0.2">
      <c r="B12" s="92" t="s">
        <v>9</v>
      </c>
      <c r="C12" s="203">
        <v>0</v>
      </c>
      <c r="D12" s="205">
        <v>0</v>
      </c>
      <c r="E12" s="205">
        <v>0</v>
      </c>
      <c r="F12" s="206">
        <v>0</v>
      </c>
      <c r="G12" s="204">
        <v>0</v>
      </c>
      <c r="H12" s="204">
        <v>15</v>
      </c>
      <c r="I12" s="204">
        <v>23</v>
      </c>
      <c r="J12" s="205">
        <v>12</v>
      </c>
      <c r="K12" s="226">
        <v>50</v>
      </c>
      <c r="L12" s="227">
        <v>50</v>
      </c>
      <c r="M12" s="203">
        <v>0</v>
      </c>
      <c r="N12" s="205">
        <v>0</v>
      </c>
      <c r="O12" s="226">
        <v>0</v>
      </c>
      <c r="P12" s="208">
        <v>2</v>
      </c>
      <c r="Q12" s="204">
        <v>6</v>
      </c>
      <c r="R12" s="204">
        <v>7</v>
      </c>
      <c r="S12" s="204">
        <v>8</v>
      </c>
      <c r="T12" s="205">
        <v>4</v>
      </c>
      <c r="U12" s="226">
        <v>27</v>
      </c>
      <c r="V12" s="207">
        <v>27</v>
      </c>
      <c r="W12" s="208">
        <v>0</v>
      </c>
      <c r="X12" s="205">
        <v>0</v>
      </c>
      <c r="Y12" s="205">
        <v>0</v>
      </c>
      <c r="Z12" s="206">
        <v>0</v>
      </c>
      <c r="AA12" s="204">
        <v>0</v>
      </c>
      <c r="AB12" s="204">
        <v>0</v>
      </c>
      <c r="AC12" s="204">
        <v>0</v>
      </c>
      <c r="AD12" s="205">
        <v>0</v>
      </c>
      <c r="AE12" s="226">
        <v>0</v>
      </c>
      <c r="AF12" s="227">
        <v>0</v>
      </c>
      <c r="AG12" s="203">
        <v>0</v>
      </c>
      <c r="AH12" s="205">
        <v>0</v>
      </c>
      <c r="AI12" s="205">
        <v>0</v>
      </c>
      <c r="AJ12" s="206">
        <v>0</v>
      </c>
      <c r="AK12" s="204">
        <v>0</v>
      </c>
      <c r="AL12" s="204">
        <v>0</v>
      </c>
      <c r="AM12" s="204">
        <v>0</v>
      </c>
      <c r="AN12" s="205">
        <v>0</v>
      </c>
      <c r="AO12" s="226">
        <v>0</v>
      </c>
      <c r="AP12" s="228">
        <v>0</v>
      </c>
      <c r="AQ12" s="225"/>
    </row>
    <row r="13" spans="2:43" ht="21" customHeight="1" x14ac:dyDescent="0.2">
      <c r="B13" s="92" t="s">
        <v>10</v>
      </c>
      <c r="C13" s="203">
        <v>0</v>
      </c>
      <c r="D13" s="205">
        <v>0</v>
      </c>
      <c r="E13" s="205">
        <v>0</v>
      </c>
      <c r="F13" s="206">
        <v>0</v>
      </c>
      <c r="G13" s="204">
        <v>0</v>
      </c>
      <c r="H13" s="204">
        <v>10</v>
      </c>
      <c r="I13" s="204">
        <v>20</v>
      </c>
      <c r="J13" s="205">
        <v>18</v>
      </c>
      <c r="K13" s="226">
        <v>48</v>
      </c>
      <c r="L13" s="227">
        <v>48</v>
      </c>
      <c r="M13" s="203">
        <v>0</v>
      </c>
      <c r="N13" s="205">
        <v>0</v>
      </c>
      <c r="O13" s="226">
        <v>0</v>
      </c>
      <c r="P13" s="208">
        <v>4</v>
      </c>
      <c r="Q13" s="204">
        <v>7</v>
      </c>
      <c r="R13" s="204">
        <v>5</v>
      </c>
      <c r="S13" s="204">
        <v>14</v>
      </c>
      <c r="T13" s="205">
        <v>4</v>
      </c>
      <c r="U13" s="226">
        <v>34</v>
      </c>
      <c r="V13" s="207">
        <v>34</v>
      </c>
      <c r="W13" s="208">
        <v>0</v>
      </c>
      <c r="X13" s="205">
        <v>0</v>
      </c>
      <c r="Y13" s="205">
        <v>0</v>
      </c>
      <c r="Z13" s="206">
        <v>0</v>
      </c>
      <c r="AA13" s="204">
        <v>0</v>
      </c>
      <c r="AB13" s="204">
        <v>0</v>
      </c>
      <c r="AC13" s="204">
        <v>0</v>
      </c>
      <c r="AD13" s="205">
        <v>0</v>
      </c>
      <c r="AE13" s="226">
        <v>0</v>
      </c>
      <c r="AF13" s="227">
        <v>0</v>
      </c>
      <c r="AG13" s="203">
        <v>0</v>
      </c>
      <c r="AH13" s="205">
        <v>0</v>
      </c>
      <c r="AI13" s="205">
        <v>0</v>
      </c>
      <c r="AJ13" s="206">
        <v>0</v>
      </c>
      <c r="AK13" s="204">
        <v>0</v>
      </c>
      <c r="AL13" s="204">
        <v>1</v>
      </c>
      <c r="AM13" s="204">
        <v>0</v>
      </c>
      <c r="AN13" s="205">
        <v>2</v>
      </c>
      <c r="AO13" s="226">
        <v>3</v>
      </c>
      <c r="AP13" s="228">
        <v>3</v>
      </c>
      <c r="AQ13" s="225"/>
    </row>
    <row r="14" spans="2:43" ht="21" customHeight="1" x14ac:dyDescent="0.2">
      <c r="B14" s="92" t="s">
        <v>11</v>
      </c>
      <c r="C14" s="203">
        <v>0</v>
      </c>
      <c r="D14" s="205">
        <v>0</v>
      </c>
      <c r="E14" s="205">
        <v>0</v>
      </c>
      <c r="F14" s="206">
        <v>0</v>
      </c>
      <c r="G14" s="204">
        <v>0</v>
      </c>
      <c r="H14" s="204">
        <v>7</v>
      </c>
      <c r="I14" s="204">
        <v>6</v>
      </c>
      <c r="J14" s="205">
        <v>7</v>
      </c>
      <c r="K14" s="226">
        <v>20</v>
      </c>
      <c r="L14" s="227">
        <v>20</v>
      </c>
      <c r="M14" s="203">
        <v>0</v>
      </c>
      <c r="N14" s="205">
        <v>0</v>
      </c>
      <c r="O14" s="226">
        <v>0</v>
      </c>
      <c r="P14" s="208">
        <v>0</v>
      </c>
      <c r="Q14" s="204">
        <v>1</v>
      </c>
      <c r="R14" s="204">
        <v>5</v>
      </c>
      <c r="S14" s="204">
        <v>3</v>
      </c>
      <c r="T14" s="205">
        <v>3</v>
      </c>
      <c r="U14" s="226">
        <v>12</v>
      </c>
      <c r="V14" s="207">
        <v>12</v>
      </c>
      <c r="W14" s="208">
        <v>0</v>
      </c>
      <c r="X14" s="205">
        <v>0</v>
      </c>
      <c r="Y14" s="205">
        <v>0</v>
      </c>
      <c r="Z14" s="206">
        <v>0</v>
      </c>
      <c r="AA14" s="204">
        <v>0</v>
      </c>
      <c r="AB14" s="204">
        <v>0</v>
      </c>
      <c r="AC14" s="204">
        <v>0</v>
      </c>
      <c r="AD14" s="205">
        <v>0</v>
      </c>
      <c r="AE14" s="226">
        <v>0</v>
      </c>
      <c r="AF14" s="227">
        <v>0</v>
      </c>
      <c r="AG14" s="203">
        <v>0</v>
      </c>
      <c r="AH14" s="205">
        <v>0</v>
      </c>
      <c r="AI14" s="205">
        <v>0</v>
      </c>
      <c r="AJ14" s="206">
        <v>0</v>
      </c>
      <c r="AK14" s="204">
        <v>0</v>
      </c>
      <c r="AL14" s="204">
        <v>0</v>
      </c>
      <c r="AM14" s="204">
        <v>0</v>
      </c>
      <c r="AN14" s="205">
        <v>1</v>
      </c>
      <c r="AO14" s="226">
        <v>1</v>
      </c>
      <c r="AP14" s="228">
        <v>1</v>
      </c>
      <c r="AQ14" s="225"/>
    </row>
    <row r="15" spans="2:43" ht="21" customHeight="1" x14ac:dyDescent="0.2">
      <c r="B15" s="92" t="s">
        <v>12</v>
      </c>
      <c r="C15" s="203">
        <v>0</v>
      </c>
      <c r="D15" s="205">
        <v>0</v>
      </c>
      <c r="E15" s="205">
        <v>0</v>
      </c>
      <c r="F15" s="206">
        <v>0</v>
      </c>
      <c r="G15" s="204">
        <v>0</v>
      </c>
      <c r="H15" s="204">
        <v>4</v>
      </c>
      <c r="I15" s="204">
        <v>17</v>
      </c>
      <c r="J15" s="205">
        <v>3</v>
      </c>
      <c r="K15" s="226">
        <v>24</v>
      </c>
      <c r="L15" s="227">
        <v>24</v>
      </c>
      <c r="M15" s="203">
        <v>0</v>
      </c>
      <c r="N15" s="205">
        <v>0</v>
      </c>
      <c r="O15" s="226">
        <v>0</v>
      </c>
      <c r="P15" s="208">
        <v>1</v>
      </c>
      <c r="Q15" s="204">
        <v>3</v>
      </c>
      <c r="R15" s="204">
        <v>6</v>
      </c>
      <c r="S15" s="204">
        <v>11</v>
      </c>
      <c r="T15" s="205">
        <v>3</v>
      </c>
      <c r="U15" s="226">
        <v>24</v>
      </c>
      <c r="V15" s="207">
        <v>24</v>
      </c>
      <c r="W15" s="208">
        <v>0</v>
      </c>
      <c r="X15" s="205">
        <v>0</v>
      </c>
      <c r="Y15" s="205">
        <v>0</v>
      </c>
      <c r="Z15" s="206">
        <v>0</v>
      </c>
      <c r="AA15" s="204">
        <v>0</v>
      </c>
      <c r="AB15" s="204">
        <v>0</v>
      </c>
      <c r="AC15" s="204">
        <v>0</v>
      </c>
      <c r="AD15" s="205">
        <v>0</v>
      </c>
      <c r="AE15" s="226">
        <v>0</v>
      </c>
      <c r="AF15" s="227">
        <v>0</v>
      </c>
      <c r="AG15" s="203">
        <v>0</v>
      </c>
      <c r="AH15" s="205">
        <v>0</v>
      </c>
      <c r="AI15" s="205">
        <v>0</v>
      </c>
      <c r="AJ15" s="206">
        <v>0</v>
      </c>
      <c r="AK15" s="204">
        <v>0</v>
      </c>
      <c r="AL15" s="204">
        <v>0</v>
      </c>
      <c r="AM15" s="204">
        <v>2</v>
      </c>
      <c r="AN15" s="205">
        <v>0</v>
      </c>
      <c r="AO15" s="226">
        <v>2</v>
      </c>
      <c r="AP15" s="228">
        <v>2</v>
      </c>
      <c r="AQ15" s="225"/>
    </row>
    <row r="16" spans="2:43" ht="21" customHeight="1" x14ac:dyDescent="0.2">
      <c r="B16" s="92" t="s">
        <v>13</v>
      </c>
      <c r="C16" s="203">
        <v>0</v>
      </c>
      <c r="D16" s="205">
        <v>0</v>
      </c>
      <c r="E16" s="205">
        <v>0</v>
      </c>
      <c r="F16" s="206">
        <v>0</v>
      </c>
      <c r="G16" s="204">
        <v>0</v>
      </c>
      <c r="H16" s="204">
        <v>3</v>
      </c>
      <c r="I16" s="204">
        <v>4</v>
      </c>
      <c r="J16" s="205">
        <v>4</v>
      </c>
      <c r="K16" s="226">
        <v>11</v>
      </c>
      <c r="L16" s="227">
        <v>11</v>
      </c>
      <c r="M16" s="203">
        <v>0</v>
      </c>
      <c r="N16" s="205">
        <v>0</v>
      </c>
      <c r="O16" s="226">
        <v>0</v>
      </c>
      <c r="P16" s="208">
        <v>0</v>
      </c>
      <c r="Q16" s="204">
        <v>1</v>
      </c>
      <c r="R16" s="204">
        <v>2</v>
      </c>
      <c r="S16" s="204">
        <v>2</v>
      </c>
      <c r="T16" s="205">
        <v>2</v>
      </c>
      <c r="U16" s="226">
        <v>7</v>
      </c>
      <c r="V16" s="207">
        <v>7</v>
      </c>
      <c r="W16" s="208">
        <v>0</v>
      </c>
      <c r="X16" s="205">
        <v>0</v>
      </c>
      <c r="Y16" s="205">
        <v>0</v>
      </c>
      <c r="Z16" s="206">
        <v>0</v>
      </c>
      <c r="AA16" s="204">
        <v>0</v>
      </c>
      <c r="AB16" s="204">
        <v>0</v>
      </c>
      <c r="AC16" s="204">
        <v>0</v>
      </c>
      <c r="AD16" s="205">
        <v>0</v>
      </c>
      <c r="AE16" s="226">
        <v>0</v>
      </c>
      <c r="AF16" s="227">
        <v>0</v>
      </c>
      <c r="AG16" s="203">
        <v>0</v>
      </c>
      <c r="AH16" s="205">
        <v>0</v>
      </c>
      <c r="AI16" s="205">
        <v>0</v>
      </c>
      <c r="AJ16" s="206">
        <v>0</v>
      </c>
      <c r="AK16" s="204">
        <v>0</v>
      </c>
      <c r="AL16" s="204">
        <v>0</v>
      </c>
      <c r="AM16" s="204">
        <v>0</v>
      </c>
      <c r="AN16" s="205">
        <v>0</v>
      </c>
      <c r="AO16" s="226">
        <v>0</v>
      </c>
      <c r="AP16" s="228">
        <v>0</v>
      </c>
      <c r="AQ16" s="225"/>
    </row>
    <row r="17" spans="2:43" ht="21" customHeight="1" x14ac:dyDescent="0.2">
      <c r="B17" s="92" t="s">
        <v>15</v>
      </c>
      <c r="C17" s="203">
        <v>0</v>
      </c>
      <c r="D17" s="205">
        <v>0</v>
      </c>
      <c r="E17" s="205">
        <v>0</v>
      </c>
      <c r="F17" s="206">
        <v>0</v>
      </c>
      <c r="G17" s="204">
        <v>0</v>
      </c>
      <c r="H17" s="204">
        <v>1</v>
      </c>
      <c r="I17" s="204">
        <v>1</v>
      </c>
      <c r="J17" s="205">
        <v>2</v>
      </c>
      <c r="K17" s="226">
        <v>4</v>
      </c>
      <c r="L17" s="227">
        <v>4</v>
      </c>
      <c r="M17" s="203">
        <v>0</v>
      </c>
      <c r="N17" s="205">
        <v>0</v>
      </c>
      <c r="O17" s="226">
        <v>0</v>
      </c>
      <c r="P17" s="208">
        <v>1</v>
      </c>
      <c r="Q17" s="204">
        <v>0</v>
      </c>
      <c r="R17" s="204">
        <v>2</v>
      </c>
      <c r="S17" s="204">
        <v>0</v>
      </c>
      <c r="T17" s="205">
        <v>0</v>
      </c>
      <c r="U17" s="226">
        <v>3</v>
      </c>
      <c r="V17" s="207">
        <v>3</v>
      </c>
      <c r="W17" s="208">
        <v>0</v>
      </c>
      <c r="X17" s="205">
        <v>0</v>
      </c>
      <c r="Y17" s="205">
        <v>0</v>
      </c>
      <c r="Z17" s="206">
        <v>0</v>
      </c>
      <c r="AA17" s="204">
        <v>0</v>
      </c>
      <c r="AB17" s="204">
        <v>0</v>
      </c>
      <c r="AC17" s="204">
        <v>0</v>
      </c>
      <c r="AD17" s="205">
        <v>0</v>
      </c>
      <c r="AE17" s="226">
        <v>0</v>
      </c>
      <c r="AF17" s="227">
        <v>0</v>
      </c>
      <c r="AG17" s="203">
        <v>0</v>
      </c>
      <c r="AH17" s="205">
        <v>0</v>
      </c>
      <c r="AI17" s="205">
        <v>0</v>
      </c>
      <c r="AJ17" s="206">
        <v>0</v>
      </c>
      <c r="AK17" s="204">
        <v>0</v>
      </c>
      <c r="AL17" s="204">
        <v>0</v>
      </c>
      <c r="AM17" s="204">
        <v>0</v>
      </c>
      <c r="AN17" s="205">
        <v>0</v>
      </c>
      <c r="AO17" s="226">
        <v>0</v>
      </c>
      <c r="AP17" s="228">
        <v>0</v>
      </c>
      <c r="AQ17" s="225"/>
    </row>
    <row r="18" spans="2:43" ht="21" customHeight="1" x14ac:dyDescent="0.2">
      <c r="B18" s="92" t="s">
        <v>16</v>
      </c>
      <c r="C18" s="203">
        <v>0</v>
      </c>
      <c r="D18" s="205">
        <v>0</v>
      </c>
      <c r="E18" s="205">
        <v>0</v>
      </c>
      <c r="F18" s="206">
        <v>0</v>
      </c>
      <c r="G18" s="204">
        <v>0</v>
      </c>
      <c r="H18" s="204">
        <v>4</v>
      </c>
      <c r="I18" s="204">
        <v>9</v>
      </c>
      <c r="J18" s="205">
        <v>2</v>
      </c>
      <c r="K18" s="226">
        <v>15</v>
      </c>
      <c r="L18" s="227">
        <v>15</v>
      </c>
      <c r="M18" s="203">
        <v>0</v>
      </c>
      <c r="N18" s="205">
        <v>0</v>
      </c>
      <c r="O18" s="226">
        <v>0</v>
      </c>
      <c r="P18" s="208">
        <v>0</v>
      </c>
      <c r="Q18" s="204">
        <v>1</v>
      </c>
      <c r="R18" s="204">
        <v>7</v>
      </c>
      <c r="S18" s="204">
        <v>6</v>
      </c>
      <c r="T18" s="205">
        <v>3</v>
      </c>
      <c r="U18" s="226">
        <v>17</v>
      </c>
      <c r="V18" s="207">
        <v>17</v>
      </c>
      <c r="W18" s="208">
        <v>0</v>
      </c>
      <c r="X18" s="205">
        <v>0</v>
      </c>
      <c r="Y18" s="205">
        <v>0</v>
      </c>
      <c r="Z18" s="206">
        <v>0</v>
      </c>
      <c r="AA18" s="204">
        <v>0</v>
      </c>
      <c r="AB18" s="204">
        <v>0</v>
      </c>
      <c r="AC18" s="204">
        <v>0</v>
      </c>
      <c r="AD18" s="205">
        <v>0</v>
      </c>
      <c r="AE18" s="226">
        <v>0</v>
      </c>
      <c r="AF18" s="227">
        <v>0</v>
      </c>
      <c r="AG18" s="203">
        <v>0</v>
      </c>
      <c r="AH18" s="205">
        <v>0</v>
      </c>
      <c r="AI18" s="205">
        <v>0</v>
      </c>
      <c r="AJ18" s="206">
        <v>0</v>
      </c>
      <c r="AK18" s="204">
        <v>0</v>
      </c>
      <c r="AL18" s="204">
        <v>0</v>
      </c>
      <c r="AM18" s="204">
        <v>0</v>
      </c>
      <c r="AN18" s="205">
        <v>0</v>
      </c>
      <c r="AO18" s="226">
        <v>0</v>
      </c>
      <c r="AP18" s="228">
        <v>0</v>
      </c>
      <c r="AQ18" s="225"/>
    </row>
    <row r="19" spans="2:43" ht="21" customHeight="1" x14ac:dyDescent="0.2">
      <c r="B19" s="92" t="s">
        <v>17</v>
      </c>
      <c r="C19" s="203">
        <v>0</v>
      </c>
      <c r="D19" s="205">
        <v>0</v>
      </c>
      <c r="E19" s="205">
        <v>0</v>
      </c>
      <c r="F19" s="206">
        <v>0</v>
      </c>
      <c r="G19" s="204">
        <v>1</v>
      </c>
      <c r="H19" s="204">
        <v>6</v>
      </c>
      <c r="I19" s="204">
        <v>6</v>
      </c>
      <c r="J19" s="205">
        <v>8</v>
      </c>
      <c r="K19" s="226">
        <v>21</v>
      </c>
      <c r="L19" s="227">
        <v>21</v>
      </c>
      <c r="M19" s="203">
        <v>0</v>
      </c>
      <c r="N19" s="205">
        <v>0</v>
      </c>
      <c r="O19" s="226">
        <v>0</v>
      </c>
      <c r="P19" s="208">
        <v>2</v>
      </c>
      <c r="Q19" s="204">
        <v>8</v>
      </c>
      <c r="R19" s="204">
        <v>11</v>
      </c>
      <c r="S19" s="204">
        <v>9</v>
      </c>
      <c r="T19" s="205">
        <v>3</v>
      </c>
      <c r="U19" s="226">
        <v>33</v>
      </c>
      <c r="V19" s="207">
        <v>33</v>
      </c>
      <c r="W19" s="208">
        <v>0</v>
      </c>
      <c r="X19" s="205">
        <v>0</v>
      </c>
      <c r="Y19" s="205">
        <v>0</v>
      </c>
      <c r="Z19" s="206">
        <v>0</v>
      </c>
      <c r="AA19" s="204">
        <v>0</v>
      </c>
      <c r="AB19" s="204">
        <v>0</v>
      </c>
      <c r="AC19" s="204">
        <v>0</v>
      </c>
      <c r="AD19" s="205">
        <v>0</v>
      </c>
      <c r="AE19" s="226">
        <v>0</v>
      </c>
      <c r="AF19" s="227">
        <v>0</v>
      </c>
      <c r="AG19" s="203">
        <v>0</v>
      </c>
      <c r="AH19" s="205">
        <v>0</v>
      </c>
      <c r="AI19" s="205">
        <v>0</v>
      </c>
      <c r="AJ19" s="206">
        <v>0</v>
      </c>
      <c r="AK19" s="204">
        <v>0</v>
      </c>
      <c r="AL19" s="204">
        <v>0</v>
      </c>
      <c r="AM19" s="204">
        <v>0</v>
      </c>
      <c r="AN19" s="205">
        <v>1</v>
      </c>
      <c r="AO19" s="226">
        <v>1</v>
      </c>
      <c r="AP19" s="228">
        <v>1</v>
      </c>
      <c r="AQ19" s="225"/>
    </row>
    <row r="20" spans="2:43" ht="21" customHeight="1" x14ac:dyDescent="0.2">
      <c r="B20" s="92" t="s">
        <v>18</v>
      </c>
      <c r="C20" s="203">
        <v>0</v>
      </c>
      <c r="D20" s="205">
        <v>0</v>
      </c>
      <c r="E20" s="205">
        <v>0</v>
      </c>
      <c r="F20" s="206">
        <v>0</v>
      </c>
      <c r="G20" s="204">
        <v>1</v>
      </c>
      <c r="H20" s="204">
        <v>9</v>
      </c>
      <c r="I20" s="204">
        <v>7</v>
      </c>
      <c r="J20" s="205">
        <v>8</v>
      </c>
      <c r="K20" s="226">
        <v>25</v>
      </c>
      <c r="L20" s="227">
        <v>25</v>
      </c>
      <c r="M20" s="203">
        <v>0</v>
      </c>
      <c r="N20" s="205">
        <v>0</v>
      </c>
      <c r="O20" s="226">
        <v>0</v>
      </c>
      <c r="P20" s="208">
        <v>1</v>
      </c>
      <c r="Q20" s="204">
        <v>0</v>
      </c>
      <c r="R20" s="204">
        <v>5</v>
      </c>
      <c r="S20" s="204">
        <v>6</v>
      </c>
      <c r="T20" s="205">
        <v>3</v>
      </c>
      <c r="U20" s="226">
        <v>15</v>
      </c>
      <c r="V20" s="207">
        <v>15</v>
      </c>
      <c r="W20" s="208">
        <v>0</v>
      </c>
      <c r="X20" s="205">
        <v>0</v>
      </c>
      <c r="Y20" s="205">
        <v>0</v>
      </c>
      <c r="Z20" s="206">
        <v>0</v>
      </c>
      <c r="AA20" s="204">
        <v>0</v>
      </c>
      <c r="AB20" s="204">
        <v>0</v>
      </c>
      <c r="AC20" s="204">
        <v>0</v>
      </c>
      <c r="AD20" s="205">
        <v>0</v>
      </c>
      <c r="AE20" s="226">
        <v>0</v>
      </c>
      <c r="AF20" s="227">
        <v>0</v>
      </c>
      <c r="AG20" s="203">
        <v>0</v>
      </c>
      <c r="AH20" s="205">
        <v>0</v>
      </c>
      <c r="AI20" s="205">
        <v>0</v>
      </c>
      <c r="AJ20" s="206">
        <v>0</v>
      </c>
      <c r="AK20" s="204">
        <v>0</v>
      </c>
      <c r="AL20" s="204">
        <v>0</v>
      </c>
      <c r="AM20" s="204">
        <v>0</v>
      </c>
      <c r="AN20" s="205">
        <v>1</v>
      </c>
      <c r="AO20" s="226">
        <v>1</v>
      </c>
      <c r="AP20" s="228">
        <v>1</v>
      </c>
      <c r="AQ20" s="225"/>
    </row>
    <row r="21" spans="2:43" ht="21" customHeight="1" x14ac:dyDescent="0.2">
      <c r="B21" s="92" t="s">
        <v>19</v>
      </c>
      <c r="C21" s="203">
        <v>0</v>
      </c>
      <c r="D21" s="205">
        <v>0</v>
      </c>
      <c r="E21" s="205">
        <v>0</v>
      </c>
      <c r="F21" s="206">
        <v>0</v>
      </c>
      <c r="G21" s="204">
        <v>0</v>
      </c>
      <c r="H21" s="204">
        <v>4</v>
      </c>
      <c r="I21" s="204">
        <v>4</v>
      </c>
      <c r="J21" s="205">
        <v>2</v>
      </c>
      <c r="K21" s="226">
        <v>10</v>
      </c>
      <c r="L21" s="227">
        <v>10</v>
      </c>
      <c r="M21" s="203">
        <v>0</v>
      </c>
      <c r="N21" s="205">
        <v>0</v>
      </c>
      <c r="O21" s="226">
        <v>0</v>
      </c>
      <c r="P21" s="208">
        <v>1</v>
      </c>
      <c r="Q21" s="204">
        <v>3</v>
      </c>
      <c r="R21" s="204">
        <v>3</v>
      </c>
      <c r="S21" s="204">
        <v>0</v>
      </c>
      <c r="T21" s="205">
        <v>0</v>
      </c>
      <c r="U21" s="226">
        <v>7</v>
      </c>
      <c r="V21" s="207">
        <v>7</v>
      </c>
      <c r="W21" s="208">
        <v>0</v>
      </c>
      <c r="X21" s="205">
        <v>0</v>
      </c>
      <c r="Y21" s="205">
        <v>0</v>
      </c>
      <c r="Z21" s="206">
        <v>0</v>
      </c>
      <c r="AA21" s="204">
        <v>0</v>
      </c>
      <c r="AB21" s="204">
        <v>0</v>
      </c>
      <c r="AC21" s="204">
        <v>0</v>
      </c>
      <c r="AD21" s="205">
        <v>0</v>
      </c>
      <c r="AE21" s="226">
        <v>0</v>
      </c>
      <c r="AF21" s="227">
        <v>0</v>
      </c>
      <c r="AG21" s="203">
        <v>0</v>
      </c>
      <c r="AH21" s="205">
        <v>0</v>
      </c>
      <c r="AI21" s="205">
        <v>0</v>
      </c>
      <c r="AJ21" s="206">
        <v>0</v>
      </c>
      <c r="AK21" s="204">
        <v>0</v>
      </c>
      <c r="AL21" s="204">
        <v>0</v>
      </c>
      <c r="AM21" s="204">
        <v>0</v>
      </c>
      <c r="AN21" s="205">
        <v>0</v>
      </c>
      <c r="AO21" s="226">
        <v>0</v>
      </c>
      <c r="AP21" s="228">
        <v>0</v>
      </c>
      <c r="AQ21" s="225"/>
    </row>
    <row r="22" spans="2:43" ht="21" customHeight="1" x14ac:dyDescent="0.2">
      <c r="B22" s="92" t="s">
        <v>20</v>
      </c>
      <c r="C22" s="203">
        <v>0</v>
      </c>
      <c r="D22" s="205">
        <v>0</v>
      </c>
      <c r="E22" s="205">
        <v>0</v>
      </c>
      <c r="F22" s="206">
        <v>0</v>
      </c>
      <c r="G22" s="204">
        <v>2</v>
      </c>
      <c r="H22" s="204">
        <v>2</v>
      </c>
      <c r="I22" s="204">
        <v>7</v>
      </c>
      <c r="J22" s="205">
        <v>6</v>
      </c>
      <c r="K22" s="226">
        <v>17</v>
      </c>
      <c r="L22" s="227">
        <v>17</v>
      </c>
      <c r="M22" s="203">
        <v>0</v>
      </c>
      <c r="N22" s="205">
        <v>0</v>
      </c>
      <c r="O22" s="226">
        <v>0</v>
      </c>
      <c r="P22" s="208">
        <v>1</v>
      </c>
      <c r="Q22" s="204">
        <v>1</v>
      </c>
      <c r="R22" s="204">
        <v>1</v>
      </c>
      <c r="S22" s="204">
        <v>5</v>
      </c>
      <c r="T22" s="205">
        <v>1</v>
      </c>
      <c r="U22" s="226">
        <v>9</v>
      </c>
      <c r="V22" s="207">
        <v>9</v>
      </c>
      <c r="W22" s="208">
        <v>0</v>
      </c>
      <c r="X22" s="205">
        <v>0</v>
      </c>
      <c r="Y22" s="205">
        <v>0</v>
      </c>
      <c r="Z22" s="206">
        <v>0</v>
      </c>
      <c r="AA22" s="204">
        <v>0</v>
      </c>
      <c r="AB22" s="204">
        <v>0</v>
      </c>
      <c r="AC22" s="204">
        <v>0</v>
      </c>
      <c r="AD22" s="205">
        <v>0</v>
      </c>
      <c r="AE22" s="226">
        <v>0</v>
      </c>
      <c r="AF22" s="227">
        <v>0</v>
      </c>
      <c r="AG22" s="203">
        <v>0</v>
      </c>
      <c r="AH22" s="205">
        <v>0</v>
      </c>
      <c r="AI22" s="205">
        <v>0</v>
      </c>
      <c r="AJ22" s="206">
        <v>0</v>
      </c>
      <c r="AK22" s="204">
        <v>0</v>
      </c>
      <c r="AL22" s="204">
        <v>0</v>
      </c>
      <c r="AM22" s="204">
        <v>0</v>
      </c>
      <c r="AN22" s="205">
        <v>0</v>
      </c>
      <c r="AO22" s="226">
        <v>0</v>
      </c>
      <c r="AP22" s="228">
        <v>0</v>
      </c>
      <c r="AQ22" s="225"/>
    </row>
    <row r="23" spans="2:43" ht="21" customHeight="1" x14ac:dyDescent="0.2">
      <c r="B23" s="92" t="s">
        <v>21</v>
      </c>
      <c r="C23" s="203">
        <v>0</v>
      </c>
      <c r="D23" s="205">
        <v>0</v>
      </c>
      <c r="E23" s="205">
        <v>0</v>
      </c>
      <c r="F23" s="206">
        <v>0</v>
      </c>
      <c r="G23" s="204">
        <v>0</v>
      </c>
      <c r="H23" s="204">
        <v>6</v>
      </c>
      <c r="I23" s="204">
        <v>6</v>
      </c>
      <c r="J23" s="205">
        <v>1</v>
      </c>
      <c r="K23" s="226">
        <v>13</v>
      </c>
      <c r="L23" s="227">
        <v>13</v>
      </c>
      <c r="M23" s="203">
        <v>0</v>
      </c>
      <c r="N23" s="205">
        <v>0</v>
      </c>
      <c r="O23" s="226">
        <v>0</v>
      </c>
      <c r="P23" s="208">
        <v>0</v>
      </c>
      <c r="Q23" s="204">
        <v>3</v>
      </c>
      <c r="R23" s="204">
        <v>2</v>
      </c>
      <c r="S23" s="204">
        <v>1</v>
      </c>
      <c r="T23" s="205">
        <v>0</v>
      </c>
      <c r="U23" s="226">
        <v>6</v>
      </c>
      <c r="V23" s="207">
        <v>6</v>
      </c>
      <c r="W23" s="208">
        <v>0</v>
      </c>
      <c r="X23" s="205">
        <v>0</v>
      </c>
      <c r="Y23" s="205">
        <v>0</v>
      </c>
      <c r="Z23" s="206">
        <v>0</v>
      </c>
      <c r="AA23" s="204">
        <v>0</v>
      </c>
      <c r="AB23" s="204">
        <v>0</v>
      </c>
      <c r="AC23" s="204">
        <v>0</v>
      </c>
      <c r="AD23" s="205">
        <v>0</v>
      </c>
      <c r="AE23" s="226">
        <v>0</v>
      </c>
      <c r="AF23" s="227">
        <v>0</v>
      </c>
      <c r="AG23" s="203">
        <v>0</v>
      </c>
      <c r="AH23" s="205">
        <v>0</v>
      </c>
      <c r="AI23" s="205">
        <v>0</v>
      </c>
      <c r="AJ23" s="206">
        <v>0</v>
      </c>
      <c r="AK23" s="204">
        <v>0</v>
      </c>
      <c r="AL23" s="204">
        <v>0</v>
      </c>
      <c r="AM23" s="204">
        <v>1</v>
      </c>
      <c r="AN23" s="205">
        <v>0</v>
      </c>
      <c r="AO23" s="226">
        <v>1</v>
      </c>
      <c r="AP23" s="228">
        <v>1</v>
      </c>
      <c r="AQ23" s="225"/>
    </row>
    <row r="24" spans="2:43" ht="21" customHeight="1" x14ac:dyDescent="0.2">
      <c r="B24" s="92" t="s">
        <v>22</v>
      </c>
      <c r="C24" s="203">
        <v>0</v>
      </c>
      <c r="D24" s="205">
        <v>0</v>
      </c>
      <c r="E24" s="205">
        <v>0</v>
      </c>
      <c r="F24" s="206">
        <v>0</v>
      </c>
      <c r="G24" s="204">
        <v>1</v>
      </c>
      <c r="H24" s="204">
        <v>1</v>
      </c>
      <c r="I24" s="204">
        <v>0</v>
      </c>
      <c r="J24" s="205">
        <v>0</v>
      </c>
      <c r="K24" s="226">
        <v>2</v>
      </c>
      <c r="L24" s="227">
        <v>2</v>
      </c>
      <c r="M24" s="203">
        <v>0</v>
      </c>
      <c r="N24" s="205">
        <v>0</v>
      </c>
      <c r="O24" s="226">
        <v>0</v>
      </c>
      <c r="P24" s="208">
        <v>1</v>
      </c>
      <c r="Q24" s="204">
        <v>1</v>
      </c>
      <c r="R24" s="204">
        <v>1</v>
      </c>
      <c r="S24" s="204">
        <v>1</v>
      </c>
      <c r="T24" s="205">
        <v>1</v>
      </c>
      <c r="U24" s="226">
        <v>5</v>
      </c>
      <c r="V24" s="207">
        <v>5</v>
      </c>
      <c r="W24" s="208">
        <v>0</v>
      </c>
      <c r="X24" s="205">
        <v>0</v>
      </c>
      <c r="Y24" s="205">
        <v>0</v>
      </c>
      <c r="Z24" s="206">
        <v>0</v>
      </c>
      <c r="AA24" s="204">
        <v>0</v>
      </c>
      <c r="AB24" s="204">
        <v>0</v>
      </c>
      <c r="AC24" s="204">
        <v>0</v>
      </c>
      <c r="AD24" s="205">
        <v>0</v>
      </c>
      <c r="AE24" s="226">
        <v>0</v>
      </c>
      <c r="AF24" s="227">
        <v>0</v>
      </c>
      <c r="AG24" s="203">
        <v>0</v>
      </c>
      <c r="AH24" s="205">
        <v>0</v>
      </c>
      <c r="AI24" s="205">
        <v>0</v>
      </c>
      <c r="AJ24" s="206">
        <v>0</v>
      </c>
      <c r="AK24" s="204">
        <v>0</v>
      </c>
      <c r="AL24" s="204">
        <v>0</v>
      </c>
      <c r="AM24" s="204">
        <v>0</v>
      </c>
      <c r="AN24" s="205">
        <v>0</v>
      </c>
      <c r="AO24" s="226">
        <v>0</v>
      </c>
      <c r="AP24" s="228">
        <v>0</v>
      </c>
      <c r="AQ24" s="225"/>
    </row>
    <row r="25" spans="2:43" ht="21" customHeight="1" x14ac:dyDescent="0.2">
      <c r="B25" s="92" t="s">
        <v>23</v>
      </c>
      <c r="C25" s="203">
        <v>0</v>
      </c>
      <c r="D25" s="205">
        <v>0</v>
      </c>
      <c r="E25" s="205">
        <v>0</v>
      </c>
      <c r="F25" s="206">
        <v>0</v>
      </c>
      <c r="G25" s="204">
        <v>0</v>
      </c>
      <c r="H25" s="204">
        <v>5</v>
      </c>
      <c r="I25" s="204">
        <v>2</v>
      </c>
      <c r="J25" s="205">
        <v>2</v>
      </c>
      <c r="K25" s="226">
        <v>9</v>
      </c>
      <c r="L25" s="227">
        <v>9</v>
      </c>
      <c r="M25" s="203">
        <v>0</v>
      </c>
      <c r="N25" s="205">
        <v>0</v>
      </c>
      <c r="O25" s="226">
        <v>0</v>
      </c>
      <c r="P25" s="208">
        <v>0</v>
      </c>
      <c r="Q25" s="204">
        <v>0</v>
      </c>
      <c r="R25" s="204">
        <v>1</v>
      </c>
      <c r="S25" s="204">
        <v>0</v>
      </c>
      <c r="T25" s="205">
        <v>2</v>
      </c>
      <c r="U25" s="226">
        <v>3</v>
      </c>
      <c r="V25" s="207">
        <v>3</v>
      </c>
      <c r="W25" s="208">
        <v>0</v>
      </c>
      <c r="X25" s="205">
        <v>0</v>
      </c>
      <c r="Y25" s="205">
        <v>0</v>
      </c>
      <c r="Z25" s="206">
        <v>0</v>
      </c>
      <c r="AA25" s="204">
        <v>0</v>
      </c>
      <c r="AB25" s="204">
        <v>0</v>
      </c>
      <c r="AC25" s="204">
        <v>0</v>
      </c>
      <c r="AD25" s="205">
        <v>0</v>
      </c>
      <c r="AE25" s="226">
        <v>0</v>
      </c>
      <c r="AF25" s="227">
        <v>0</v>
      </c>
      <c r="AG25" s="203">
        <v>0</v>
      </c>
      <c r="AH25" s="205">
        <v>0</v>
      </c>
      <c r="AI25" s="205">
        <v>0</v>
      </c>
      <c r="AJ25" s="206">
        <v>0</v>
      </c>
      <c r="AK25" s="204">
        <v>0</v>
      </c>
      <c r="AL25" s="204">
        <v>0</v>
      </c>
      <c r="AM25" s="204">
        <v>0</v>
      </c>
      <c r="AN25" s="205">
        <v>1</v>
      </c>
      <c r="AO25" s="226">
        <v>1</v>
      </c>
      <c r="AP25" s="228">
        <v>1</v>
      </c>
      <c r="AQ25" s="225"/>
    </row>
    <row r="26" spans="2:43" ht="21" customHeight="1" x14ac:dyDescent="0.2">
      <c r="B26" s="92" t="s">
        <v>24</v>
      </c>
      <c r="C26" s="203">
        <v>0</v>
      </c>
      <c r="D26" s="205">
        <v>0</v>
      </c>
      <c r="E26" s="205">
        <v>0</v>
      </c>
      <c r="F26" s="206">
        <v>0</v>
      </c>
      <c r="G26" s="204">
        <v>0</v>
      </c>
      <c r="H26" s="204">
        <v>1</v>
      </c>
      <c r="I26" s="204">
        <v>4</v>
      </c>
      <c r="J26" s="205">
        <v>1</v>
      </c>
      <c r="K26" s="226">
        <v>6</v>
      </c>
      <c r="L26" s="227">
        <v>6</v>
      </c>
      <c r="M26" s="203">
        <v>0</v>
      </c>
      <c r="N26" s="205">
        <v>0</v>
      </c>
      <c r="O26" s="226">
        <v>0</v>
      </c>
      <c r="P26" s="208">
        <v>0</v>
      </c>
      <c r="Q26" s="204">
        <v>0</v>
      </c>
      <c r="R26" s="204">
        <v>0</v>
      </c>
      <c r="S26" s="204">
        <v>0</v>
      </c>
      <c r="T26" s="205">
        <v>0</v>
      </c>
      <c r="U26" s="226">
        <v>0</v>
      </c>
      <c r="V26" s="207">
        <v>0</v>
      </c>
      <c r="W26" s="208">
        <v>0</v>
      </c>
      <c r="X26" s="205">
        <v>0</v>
      </c>
      <c r="Y26" s="205">
        <v>0</v>
      </c>
      <c r="Z26" s="206">
        <v>0</v>
      </c>
      <c r="AA26" s="204">
        <v>0</v>
      </c>
      <c r="AB26" s="204">
        <v>0</v>
      </c>
      <c r="AC26" s="204">
        <v>0</v>
      </c>
      <c r="AD26" s="205">
        <v>0</v>
      </c>
      <c r="AE26" s="226">
        <v>0</v>
      </c>
      <c r="AF26" s="227">
        <v>0</v>
      </c>
      <c r="AG26" s="203">
        <v>0</v>
      </c>
      <c r="AH26" s="205">
        <v>0</v>
      </c>
      <c r="AI26" s="205">
        <v>0</v>
      </c>
      <c r="AJ26" s="206">
        <v>0</v>
      </c>
      <c r="AK26" s="204">
        <v>0</v>
      </c>
      <c r="AL26" s="204">
        <v>0</v>
      </c>
      <c r="AM26" s="204">
        <v>0</v>
      </c>
      <c r="AN26" s="205">
        <v>0</v>
      </c>
      <c r="AO26" s="226">
        <v>0</v>
      </c>
      <c r="AP26" s="228">
        <v>0</v>
      </c>
      <c r="AQ26" s="225"/>
    </row>
    <row r="27" spans="2:43" ht="21" customHeight="1" x14ac:dyDescent="0.2">
      <c r="B27" s="92" t="s">
        <v>25</v>
      </c>
      <c r="C27" s="203">
        <v>0</v>
      </c>
      <c r="D27" s="205">
        <v>0</v>
      </c>
      <c r="E27" s="205">
        <v>0</v>
      </c>
      <c r="F27" s="206">
        <v>0</v>
      </c>
      <c r="G27" s="204">
        <v>0</v>
      </c>
      <c r="H27" s="204">
        <v>3</v>
      </c>
      <c r="I27" s="204">
        <v>2</v>
      </c>
      <c r="J27" s="205">
        <v>2</v>
      </c>
      <c r="K27" s="226">
        <v>7</v>
      </c>
      <c r="L27" s="227">
        <v>7</v>
      </c>
      <c r="M27" s="203">
        <v>0</v>
      </c>
      <c r="N27" s="205">
        <v>0</v>
      </c>
      <c r="O27" s="226">
        <v>0</v>
      </c>
      <c r="P27" s="208">
        <v>1</v>
      </c>
      <c r="Q27" s="204">
        <v>2</v>
      </c>
      <c r="R27" s="204">
        <v>1</v>
      </c>
      <c r="S27" s="204">
        <v>3</v>
      </c>
      <c r="T27" s="205">
        <v>2</v>
      </c>
      <c r="U27" s="226">
        <v>9</v>
      </c>
      <c r="V27" s="207">
        <v>9</v>
      </c>
      <c r="W27" s="208">
        <v>0</v>
      </c>
      <c r="X27" s="205">
        <v>0</v>
      </c>
      <c r="Y27" s="205">
        <v>0</v>
      </c>
      <c r="Z27" s="206">
        <v>0</v>
      </c>
      <c r="AA27" s="204">
        <v>0</v>
      </c>
      <c r="AB27" s="204">
        <v>0</v>
      </c>
      <c r="AC27" s="204">
        <v>0</v>
      </c>
      <c r="AD27" s="205">
        <v>0</v>
      </c>
      <c r="AE27" s="226">
        <v>0</v>
      </c>
      <c r="AF27" s="227">
        <v>0</v>
      </c>
      <c r="AG27" s="203">
        <v>0</v>
      </c>
      <c r="AH27" s="205">
        <v>0</v>
      </c>
      <c r="AI27" s="205">
        <v>0</v>
      </c>
      <c r="AJ27" s="206">
        <v>0</v>
      </c>
      <c r="AK27" s="204">
        <v>0</v>
      </c>
      <c r="AL27" s="204">
        <v>0</v>
      </c>
      <c r="AM27" s="204">
        <v>0</v>
      </c>
      <c r="AN27" s="205">
        <v>0</v>
      </c>
      <c r="AO27" s="226">
        <v>0</v>
      </c>
      <c r="AP27" s="228">
        <v>0</v>
      </c>
      <c r="AQ27" s="225"/>
    </row>
    <row r="28" spans="2:43" ht="21" customHeight="1" x14ac:dyDescent="0.2">
      <c r="B28" s="92" t="s">
        <v>26</v>
      </c>
      <c r="C28" s="203">
        <v>0</v>
      </c>
      <c r="D28" s="205">
        <v>0</v>
      </c>
      <c r="E28" s="205">
        <v>0</v>
      </c>
      <c r="F28" s="206">
        <v>0</v>
      </c>
      <c r="G28" s="204">
        <v>0</v>
      </c>
      <c r="H28" s="204">
        <v>0</v>
      </c>
      <c r="I28" s="204">
        <v>1</v>
      </c>
      <c r="J28" s="205">
        <v>3</v>
      </c>
      <c r="K28" s="226">
        <v>4</v>
      </c>
      <c r="L28" s="227">
        <v>4</v>
      </c>
      <c r="M28" s="203">
        <v>0</v>
      </c>
      <c r="N28" s="205">
        <v>0</v>
      </c>
      <c r="O28" s="226">
        <v>0</v>
      </c>
      <c r="P28" s="208">
        <v>0</v>
      </c>
      <c r="Q28" s="204">
        <v>1</v>
      </c>
      <c r="R28" s="204">
        <v>1</v>
      </c>
      <c r="S28" s="204">
        <v>1</v>
      </c>
      <c r="T28" s="205">
        <v>0</v>
      </c>
      <c r="U28" s="226">
        <v>3</v>
      </c>
      <c r="V28" s="207">
        <v>3</v>
      </c>
      <c r="W28" s="208">
        <v>0</v>
      </c>
      <c r="X28" s="205">
        <v>0</v>
      </c>
      <c r="Y28" s="205">
        <v>0</v>
      </c>
      <c r="Z28" s="206">
        <v>0</v>
      </c>
      <c r="AA28" s="204">
        <v>0</v>
      </c>
      <c r="AB28" s="204">
        <v>0</v>
      </c>
      <c r="AC28" s="204">
        <v>0</v>
      </c>
      <c r="AD28" s="205">
        <v>0</v>
      </c>
      <c r="AE28" s="226">
        <v>0</v>
      </c>
      <c r="AF28" s="227">
        <v>0</v>
      </c>
      <c r="AG28" s="203">
        <v>0</v>
      </c>
      <c r="AH28" s="205">
        <v>0</v>
      </c>
      <c r="AI28" s="205">
        <v>0</v>
      </c>
      <c r="AJ28" s="206">
        <v>0</v>
      </c>
      <c r="AK28" s="204">
        <v>0</v>
      </c>
      <c r="AL28" s="204">
        <v>0</v>
      </c>
      <c r="AM28" s="204">
        <v>0</v>
      </c>
      <c r="AN28" s="205">
        <v>0</v>
      </c>
      <c r="AO28" s="226">
        <v>0</v>
      </c>
      <c r="AP28" s="228">
        <v>0</v>
      </c>
      <c r="AQ28" s="225"/>
    </row>
    <row r="29" spans="2:43" ht="21" customHeight="1" x14ac:dyDescent="0.2">
      <c r="B29" s="92" t="s">
        <v>27</v>
      </c>
      <c r="C29" s="203">
        <v>0</v>
      </c>
      <c r="D29" s="205">
        <v>0</v>
      </c>
      <c r="E29" s="205">
        <v>0</v>
      </c>
      <c r="F29" s="206">
        <v>0</v>
      </c>
      <c r="G29" s="204">
        <v>0</v>
      </c>
      <c r="H29" s="204">
        <v>0</v>
      </c>
      <c r="I29" s="204">
        <v>1</v>
      </c>
      <c r="J29" s="205">
        <v>1</v>
      </c>
      <c r="K29" s="226">
        <v>2</v>
      </c>
      <c r="L29" s="227">
        <v>2</v>
      </c>
      <c r="M29" s="203">
        <v>0</v>
      </c>
      <c r="N29" s="205">
        <v>0</v>
      </c>
      <c r="O29" s="226">
        <v>0</v>
      </c>
      <c r="P29" s="208">
        <v>1</v>
      </c>
      <c r="Q29" s="204">
        <v>0</v>
      </c>
      <c r="R29" s="204">
        <v>1</v>
      </c>
      <c r="S29" s="204">
        <v>1</v>
      </c>
      <c r="T29" s="205">
        <v>1</v>
      </c>
      <c r="U29" s="226">
        <v>4</v>
      </c>
      <c r="V29" s="207">
        <v>4</v>
      </c>
      <c r="W29" s="208">
        <v>0</v>
      </c>
      <c r="X29" s="205">
        <v>0</v>
      </c>
      <c r="Y29" s="205">
        <v>0</v>
      </c>
      <c r="Z29" s="206">
        <v>0</v>
      </c>
      <c r="AA29" s="204">
        <v>0</v>
      </c>
      <c r="AB29" s="204">
        <v>0</v>
      </c>
      <c r="AC29" s="204">
        <v>0</v>
      </c>
      <c r="AD29" s="205">
        <v>0</v>
      </c>
      <c r="AE29" s="226">
        <v>0</v>
      </c>
      <c r="AF29" s="227">
        <v>0</v>
      </c>
      <c r="AG29" s="203">
        <v>0</v>
      </c>
      <c r="AH29" s="205">
        <v>0</v>
      </c>
      <c r="AI29" s="205">
        <v>0</v>
      </c>
      <c r="AJ29" s="206">
        <v>0</v>
      </c>
      <c r="AK29" s="204">
        <v>0</v>
      </c>
      <c r="AL29" s="204">
        <v>0</v>
      </c>
      <c r="AM29" s="204">
        <v>0</v>
      </c>
      <c r="AN29" s="205">
        <v>2</v>
      </c>
      <c r="AO29" s="226">
        <v>2</v>
      </c>
      <c r="AP29" s="228">
        <v>2</v>
      </c>
      <c r="AQ29" s="225"/>
    </row>
    <row r="30" spans="2:43" ht="21" customHeight="1" x14ac:dyDescent="0.2">
      <c r="B30" s="92" t="s">
        <v>28</v>
      </c>
      <c r="C30" s="203">
        <v>0</v>
      </c>
      <c r="D30" s="205">
        <v>0</v>
      </c>
      <c r="E30" s="205">
        <v>0</v>
      </c>
      <c r="F30" s="206">
        <v>0</v>
      </c>
      <c r="G30" s="204">
        <v>0</v>
      </c>
      <c r="H30" s="204">
        <v>0</v>
      </c>
      <c r="I30" s="204">
        <v>0</v>
      </c>
      <c r="J30" s="205">
        <v>0</v>
      </c>
      <c r="K30" s="226">
        <v>0</v>
      </c>
      <c r="L30" s="227">
        <v>0</v>
      </c>
      <c r="M30" s="203">
        <v>0</v>
      </c>
      <c r="N30" s="205">
        <v>0</v>
      </c>
      <c r="O30" s="226">
        <v>0</v>
      </c>
      <c r="P30" s="208">
        <v>0</v>
      </c>
      <c r="Q30" s="204">
        <v>0</v>
      </c>
      <c r="R30" s="204">
        <v>2</v>
      </c>
      <c r="S30" s="204">
        <v>0</v>
      </c>
      <c r="T30" s="205">
        <v>0</v>
      </c>
      <c r="U30" s="226">
        <v>2</v>
      </c>
      <c r="V30" s="207">
        <v>2</v>
      </c>
      <c r="W30" s="208">
        <v>0</v>
      </c>
      <c r="X30" s="205">
        <v>0</v>
      </c>
      <c r="Y30" s="205">
        <v>0</v>
      </c>
      <c r="Z30" s="206">
        <v>0</v>
      </c>
      <c r="AA30" s="204">
        <v>0</v>
      </c>
      <c r="AB30" s="204">
        <v>0</v>
      </c>
      <c r="AC30" s="204">
        <v>0</v>
      </c>
      <c r="AD30" s="205">
        <v>0</v>
      </c>
      <c r="AE30" s="226">
        <v>0</v>
      </c>
      <c r="AF30" s="227">
        <v>0</v>
      </c>
      <c r="AG30" s="203">
        <v>0</v>
      </c>
      <c r="AH30" s="205">
        <v>0</v>
      </c>
      <c r="AI30" s="205">
        <v>0</v>
      </c>
      <c r="AJ30" s="206">
        <v>0</v>
      </c>
      <c r="AK30" s="204">
        <v>0</v>
      </c>
      <c r="AL30" s="204">
        <v>0</v>
      </c>
      <c r="AM30" s="204">
        <v>0</v>
      </c>
      <c r="AN30" s="205">
        <v>0</v>
      </c>
      <c r="AO30" s="226">
        <v>0</v>
      </c>
      <c r="AP30" s="228">
        <v>0</v>
      </c>
      <c r="AQ30" s="225"/>
    </row>
    <row r="31" spans="2:43" ht="21" customHeight="1" x14ac:dyDescent="0.2">
      <c r="B31" s="92" t="s">
        <v>29</v>
      </c>
      <c r="C31" s="203">
        <v>0</v>
      </c>
      <c r="D31" s="205">
        <v>0</v>
      </c>
      <c r="E31" s="205">
        <v>0</v>
      </c>
      <c r="F31" s="206">
        <v>0</v>
      </c>
      <c r="G31" s="204">
        <v>0</v>
      </c>
      <c r="H31" s="204">
        <v>0</v>
      </c>
      <c r="I31" s="204">
        <v>0</v>
      </c>
      <c r="J31" s="205">
        <v>0</v>
      </c>
      <c r="K31" s="226">
        <v>0</v>
      </c>
      <c r="L31" s="227">
        <v>0</v>
      </c>
      <c r="M31" s="203">
        <v>0</v>
      </c>
      <c r="N31" s="205">
        <v>0</v>
      </c>
      <c r="O31" s="226">
        <v>0</v>
      </c>
      <c r="P31" s="208">
        <v>0</v>
      </c>
      <c r="Q31" s="204">
        <v>0</v>
      </c>
      <c r="R31" s="204">
        <v>0</v>
      </c>
      <c r="S31" s="204">
        <v>1</v>
      </c>
      <c r="T31" s="205">
        <v>1</v>
      </c>
      <c r="U31" s="226">
        <v>2</v>
      </c>
      <c r="V31" s="207">
        <v>2</v>
      </c>
      <c r="W31" s="208">
        <v>0</v>
      </c>
      <c r="X31" s="205">
        <v>0</v>
      </c>
      <c r="Y31" s="205">
        <v>0</v>
      </c>
      <c r="Z31" s="206">
        <v>0</v>
      </c>
      <c r="AA31" s="204">
        <v>0</v>
      </c>
      <c r="AB31" s="204">
        <v>0</v>
      </c>
      <c r="AC31" s="204">
        <v>0</v>
      </c>
      <c r="AD31" s="205">
        <v>0</v>
      </c>
      <c r="AE31" s="226">
        <v>0</v>
      </c>
      <c r="AF31" s="227">
        <v>0</v>
      </c>
      <c r="AG31" s="203">
        <v>0</v>
      </c>
      <c r="AH31" s="205">
        <v>0</v>
      </c>
      <c r="AI31" s="205">
        <v>0</v>
      </c>
      <c r="AJ31" s="206">
        <v>0</v>
      </c>
      <c r="AK31" s="204">
        <v>0</v>
      </c>
      <c r="AL31" s="204">
        <v>0</v>
      </c>
      <c r="AM31" s="204">
        <v>0</v>
      </c>
      <c r="AN31" s="205">
        <v>0</v>
      </c>
      <c r="AO31" s="226">
        <v>0</v>
      </c>
      <c r="AP31" s="228">
        <v>0</v>
      </c>
      <c r="AQ31" s="225"/>
    </row>
    <row r="32" spans="2:43" ht="21" customHeight="1" x14ac:dyDescent="0.2">
      <c r="B32" s="92" t="s">
        <v>30</v>
      </c>
      <c r="C32" s="203">
        <v>0</v>
      </c>
      <c r="D32" s="205">
        <v>0</v>
      </c>
      <c r="E32" s="205">
        <v>0</v>
      </c>
      <c r="F32" s="206">
        <v>0</v>
      </c>
      <c r="G32" s="204">
        <v>0</v>
      </c>
      <c r="H32" s="204">
        <v>1</v>
      </c>
      <c r="I32" s="204">
        <v>1</v>
      </c>
      <c r="J32" s="205">
        <v>0</v>
      </c>
      <c r="K32" s="226">
        <v>2</v>
      </c>
      <c r="L32" s="227">
        <v>2</v>
      </c>
      <c r="M32" s="203">
        <v>0</v>
      </c>
      <c r="N32" s="205">
        <v>0</v>
      </c>
      <c r="O32" s="226">
        <v>0</v>
      </c>
      <c r="P32" s="208">
        <v>1</v>
      </c>
      <c r="Q32" s="204">
        <v>0</v>
      </c>
      <c r="R32" s="204">
        <v>0</v>
      </c>
      <c r="S32" s="204">
        <v>1</v>
      </c>
      <c r="T32" s="205">
        <v>0</v>
      </c>
      <c r="U32" s="226">
        <v>2</v>
      </c>
      <c r="V32" s="207">
        <v>2</v>
      </c>
      <c r="W32" s="208">
        <v>0</v>
      </c>
      <c r="X32" s="205">
        <v>0</v>
      </c>
      <c r="Y32" s="205">
        <v>0</v>
      </c>
      <c r="Z32" s="206">
        <v>0</v>
      </c>
      <c r="AA32" s="204">
        <v>0</v>
      </c>
      <c r="AB32" s="204">
        <v>0</v>
      </c>
      <c r="AC32" s="204">
        <v>0</v>
      </c>
      <c r="AD32" s="205">
        <v>0</v>
      </c>
      <c r="AE32" s="226">
        <v>0</v>
      </c>
      <c r="AF32" s="227">
        <v>0</v>
      </c>
      <c r="AG32" s="203">
        <v>0</v>
      </c>
      <c r="AH32" s="205">
        <v>0</v>
      </c>
      <c r="AI32" s="205">
        <v>0</v>
      </c>
      <c r="AJ32" s="206">
        <v>0</v>
      </c>
      <c r="AK32" s="204">
        <v>0</v>
      </c>
      <c r="AL32" s="204">
        <v>0</v>
      </c>
      <c r="AM32" s="204">
        <v>0</v>
      </c>
      <c r="AN32" s="205">
        <v>0</v>
      </c>
      <c r="AO32" s="226">
        <v>0</v>
      </c>
      <c r="AP32" s="228">
        <v>0</v>
      </c>
      <c r="AQ32" s="225"/>
    </row>
    <row r="33" spans="2:43" ht="21" customHeight="1" x14ac:dyDescent="0.2">
      <c r="B33" s="92" t="s">
        <v>31</v>
      </c>
      <c r="C33" s="203">
        <v>0</v>
      </c>
      <c r="D33" s="205">
        <v>0</v>
      </c>
      <c r="E33" s="205">
        <v>0</v>
      </c>
      <c r="F33" s="206">
        <v>0</v>
      </c>
      <c r="G33" s="204">
        <v>0</v>
      </c>
      <c r="H33" s="204">
        <v>3</v>
      </c>
      <c r="I33" s="204">
        <v>0</v>
      </c>
      <c r="J33" s="205">
        <v>1</v>
      </c>
      <c r="K33" s="226">
        <v>4</v>
      </c>
      <c r="L33" s="227">
        <v>4</v>
      </c>
      <c r="M33" s="203">
        <v>0</v>
      </c>
      <c r="N33" s="205">
        <v>0</v>
      </c>
      <c r="O33" s="226">
        <v>0</v>
      </c>
      <c r="P33" s="208">
        <v>0</v>
      </c>
      <c r="Q33" s="204">
        <v>0</v>
      </c>
      <c r="R33" s="204">
        <v>1</v>
      </c>
      <c r="S33" s="204">
        <v>1</v>
      </c>
      <c r="T33" s="205">
        <v>0</v>
      </c>
      <c r="U33" s="226">
        <v>2</v>
      </c>
      <c r="V33" s="207">
        <v>2</v>
      </c>
      <c r="W33" s="208">
        <v>0</v>
      </c>
      <c r="X33" s="205">
        <v>0</v>
      </c>
      <c r="Y33" s="205">
        <v>0</v>
      </c>
      <c r="Z33" s="206">
        <v>0</v>
      </c>
      <c r="AA33" s="204">
        <v>0</v>
      </c>
      <c r="AB33" s="204">
        <v>0</v>
      </c>
      <c r="AC33" s="204">
        <v>0</v>
      </c>
      <c r="AD33" s="205">
        <v>0</v>
      </c>
      <c r="AE33" s="226">
        <v>0</v>
      </c>
      <c r="AF33" s="227">
        <v>0</v>
      </c>
      <c r="AG33" s="203">
        <v>0</v>
      </c>
      <c r="AH33" s="205">
        <v>0</v>
      </c>
      <c r="AI33" s="205">
        <v>0</v>
      </c>
      <c r="AJ33" s="206">
        <v>0</v>
      </c>
      <c r="AK33" s="204">
        <v>0</v>
      </c>
      <c r="AL33" s="204">
        <v>0</v>
      </c>
      <c r="AM33" s="204">
        <v>0</v>
      </c>
      <c r="AN33" s="205">
        <v>0</v>
      </c>
      <c r="AO33" s="226">
        <v>0</v>
      </c>
      <c r="AP33" s="228">
        <v>0</v>
      </c>
      <c r="AQ33" s="225"/>
    </row>
    <row r="34" spans="2:43" ht="21" customHeight="1" x14ac:dyDescent="0.2">
      <c r="B34" s="92" t="s">
        <v>32</v>
      </c>
      <c r="C34" s="203">
        <v>0</v>
      </c>
      <c r="D34" s="205">
        <v>0</v>
      </c>
      <c r="E34" s="205">
        <v>0</v>
      </c>
      <c r="F34" s="206">
        <v>0</v>
      </c>
      <c r="G34" s="204">
        <v>0</v>
      </c>
      <c r="H34" s="204">
        <v>0</v>
      </c>
      <c r="I34" s="204">
        <v>2</v>
      </c>
      <c r="J34" s="205">
        <v>1</v>
      </c>
      <c r="K34" s="226">
        <v>3</v>
      </c>
      <c r="L34" s="227">
        <v>3</v>
      </c>
      <c r="M34" s="203">
        <v>0</v>
      </c>
      <c r="N34" s="205">
        <v>0</v>
      </c>
      <c r="O34" s="226">
        <v>0</v>
      </c>
      <c r="P34" s="208">
        <v>0</v>
      </c>
      <c r="Q34" s="204">
        <v>0</v>
      </c>
      <c r="R34" s="204">
        <v>0</v>
      </c>
      <c r="S34" s="204">
        <v>1</v>
      </c>
      <c r="T34" s="205">
        <v>0</v>
      </c>
      <c r="U34" s="226">
        <v>1</v>
      </c>
      <c r="V34" s="207">
        <v>1</v>
      </c>
      <c r="W34" s="208">
        <v>0</v>
      </c>
      <c r="X34" s="205">
        <v>0</v>
      </c>
      <c r="Y34" s="205">
        <v>0</v>
      </c>
      <c r="Z34" s="206">
        <v>0</v>
      </c>
      <c r="AA34" s="204">
        <v>0</v>
      </c>
      <c r="AB34" s="204">
        <v>0</v>
      </c>
      <c r="AC34" s="204">
        <v>0</v>
      </c>
      <c r="AD34" s="205">
        <v>0</v>
      </c>
      <c r="AE34" s="226">
        <v>0</v>
      </c>
      <c r="AF34" s="227">
        <v>0</v>
      </c>
      <c r="AG34" s="203">
        <v>0</v>
      </c>
      <c r="AH34" s="205">
        <v>0</v>
      </c>
      <c r="AI34" s="205">
        <v>0</v>
      </c>
      <c r="AJ34" s="206">
        <v>0</v>
      </c>
      <c r="AK34" s="204">
        <v>0</v>
      </c>
      <c r="AL34" s="204">
        <v>0</v>
      </c>
      <c r="AM34" s="204">
        <v>0</v>
      </c>
      <c r="AN34" s="205">
        <v>0</v>
      </c>
      <c r="AO34" s="226">
        <v>0</v>
      </c>
      <c r="AP34" s="228">
        <v>0</v>
      </c>
      <c r="AQ34" s="225"/>
    </row>
    <row r="35" spans="2:43" ht="21" customHeight="1" x14ac:dyDescent="0.2">
      <c r="B35" s="92" t="s">
        <v>33</v>
      </c>
      <c r="C35" s="203">
        <v>0</v>
      </c>
      <c r="D35" s="205">
        <v>0</v>
      </c>
      <c r="E35" s="205">
        <v>0</v>
      </c>
      <c r="F35" s="206">
        <v>0</v>
      </c>
      <c r="G35" s="204">
        <v>0</v>
      </c>
      <c r="H35" s="204">
        <v>0</v>
      </c>
      <c r="I35" s="204">
        <v>0</v>
      </c>
      <c r="J35" s="205">
        <v>0</v>
      </c>
      <c r="K35" s="226">
        <v>0</v>
      </c>
      <c r="L35" s="227">
        <v>0</v>
      </c>
      <c r="M35" s="203">
        <v>0</v>
      </c>
      <c r="N35" s="205">
        <v>0</v>
      </c>
      <c r="O35" s="226">
        <v>0</v>
      </c>
      <c r="P35" s="208">
        <v>0</v>
      </c>
      <c r="Q35" s="204">
        <v>0</v>
      </c>
      <c r="R35" s="204">
        <v>0</v>
      </c>
      <c r="S35" s="204">
        <v>0</v>
      </c>
      <c r="T35" s="205">
        <v>0</v>
      </c>
      <c r="U35" s="226">
        <v>0</v>
      </c>
      <c r="V35" s="207">
        <v>0</v>
      </c>
      <c r="W35" s="208">
        <v>0</v>
      </c>
      <c r="X35" s="205">
        <v>0</v>
      </c>
      <c r="Y35" s="205">
        <v>0</v>
      </c>
      <c r="Z35" s="206">
        <v>0</v>
      </c>
      <c r="AA35" s="204">
        <v>0</v>
      </c>
      <c r="AB35" s="204">
        <v>0</v>
      </c>
      <c r="AC35" s="204">
        <v>0</v>
      </c>
      <c r="AD35" s="205">
        <v>0</v>
      </c>
      <c r="AE35" s="226">
        <v>0</v>
      </c>
      <c r="AF35" s="227">
        <v>0</v>
      </c>
      <c r="AG35" s="203">
        <v>0</v>
      </c>
      <c r="AH35" s="205">
        <v>0</v>
      </c>
      <c r="AI35" s="205">
        <v>0</v>
      </c>
      <c r="AJ35" s="206">
        <v>0</v>
      </c>
      <c r="AK35" s="204">
        <v>1</v>
      </c>
      <c r="AL35" s="204">
        <v>0</v>
      </c>
      <c r="AM35" s="204">
        <v>1</v>
      </c>
      <c r="AN35" s="205">
        <v>1</v>
      </c>
      <c r="AO35" s="226">
        <v>3</v>
      </c>
      <c r="AP35" s="228">
        <v>3</v>
      </c>
      <c r="AQ35" s="225"/>
    </row>
    <row r="36" spans="2:43" ht="21" customHeight="1" x14ac:dyDescent="0.2">
      <c r="B36" s="92" t="s">
        <v>34</v>
      </c>
      <c r="C36" s="203">
        <v>0</v>
      </c>
      <c r="D36" s="205">
        <v>0</v>
      </c>
      <c r="E36" s="205">
        <v>0</v>
      </c>
      <c r="F36" s="206">
        <v>0</v>
      </c>
      <c r="G36" s="204">
        <v>0</v>
      </c>
      <c r="H36" s="204">
        <v>0</v>
      </c>
      <c r="I36" s="204">
        <v>1</v>
      </c>
      <c r="J36" s="205">
        <v>0</v>
      </c>
      <c r="K36" s="226">
        <v>1</v>
      </c>
      <c r="L36" s="227">
        <v>1</v>
      </c>
      <c r="M36" s="203">
        <v>0</v>
      </c>
      <c r="N36" s="205">
        <v>0</v>
      </c>
      <c r="O36" s="226">
        <v>0</v>
      </c>
      <c r="P36" s="208">
        <v>0</v>
      </c>
      <c r="Q36" s="204">
        <v>0</v>
      </c>
      <c r="R36" s="204">
        <v>0</v>
      </c>
      <c r="S36" s="204">
        <v>0</v>
      </c>
      <c r="T36" s="205">
        <v>0</v>
      </c>
      <c r="U36" s="226">
        <v>0</v>
      </c>
      <c r="V36" s="207">
        <v>0</v>
      </c>
      <c r="W36" s="208">
        <v>0</v>
      </c>
      <c r="X36" s="205">
        <v>0</v>
      </c>
      <c r="Y36" s="205">
        <v>0</v>
      </c>
      <c r="Z36" s="206">
        <v>0</v>
      </c>
      <c r="AA36" s="204">
        <v>0</v>
      </c>
      <c r="AB36" s="204">
        <v>0</v>
      </c>
      <c r="AC36" s="204">
        <v>0</v>
      </c>
      <c r="AD36" s="205">
        <v>0</v>
      </c>
      <c r="AE36" s="226">
        <v>0</v>
      </c>
      <c r="AF36" s="227">
        <v>0</v>
      </c>
      <c r="AG36" s="203">
        <v>0</v>
      </c>
      <c r="AH36" s="205">
        <v>0</v>
      </c>
      <c r="AI36" s="205">
        <v>0</v>
      </c>
      <c r="AJ36" s="206">
        <v>0</v>
      </c>
      <c r="AK36" s="204">
        <v>0</v>
      </c>
      <c r="AL36" s="204">
        <v>0</v>
      </c>
      <c r="AM36" s="204">
        <v>0</v>
      </c>
      <c r="AN36" s="205">
        <v>0</v>
      </c>
      <c r="AO36" s="226">
        <v>0</v>
      </c>
      <c r="AP36" s="228">
        <v>0</v>
      </c>
      <c r="AQ36" s="225"/>
    </row>
    <row r="37" spans="2:43" ht="21" customHeight="1" x14ac:dyDescent="0.2">
      <c r="B37" s="92" t="s">
        <v>35</v>
      </c>
      <c r="C37" s="203">
        <v>0</v>
      </c>
      <c r="D37" s="205">
        <v>0</v>
      </c>
      <c r="E37" s="205">
        <v>0</v>
      </c>
      <c r="F37" s="206">
        <v>0</v>
      </c>
      <c r="G37" s="204">
        <v>0</v>
      </c>
      <c r="H37" s="204">
        <v>0</v>
      </c>
      <c r="I37" s="204">
        <v>1</v>
      </c>
      <c r="J37" s="205">
        <v>0</v>
      </c>
      <c r="K37" s="226">
        <v>1</v>
      </c>
      <c r="L37" s="227">
        <v>1</v>
      </c>
      <c r="M37" s="203">
        <v>0</v>
      </c>
      <c r="N37" s="205">
        <v>0</v>
      </c>
      <c r="O37" s="226">
        <v>0</v>
      </c>
      <c r="P37" s="208">
        <v>1</v>
      </c>
      <c r="Q37" s="204">
        <v>1</v>
      </c>
      <c r="R37" s="204">
        <v>0</v>
      </c>
      <c r="S37" s="204">
        <v>0</v>
      </c>
      <c r="T37" s="205">
        <v>0</v>
      </c>
      <c r="U37" s="226">
        <v>2</v>
      </c>
      <c r="V37" s="207">
        <v>2</v>
      </c>
      <c r="W37" s="208">
        <v>0</v>
      </c>
      <c r="X37" s="205">
        <v>0</v>
      </c>
      <c r="Y37" s="205">
        <v>0</v>
      </c>
      <c r="Z37" s="206">
        <v>0</v>
      </c>
      <c r="AA37" s="204">
        <v>0</v>
      </c>
      <c r="AB37" s="204">
        <v>0</v>
      </c>
      <c r="AC37" s="204">
        <v>0</v>
      </c>
      <c r="AD37" s="205">
        <v>0</v>
      </c>
      <c r="AE37" s="226">
        <v>0</v>
      </c>
      <c r="AF37" s="227">
        <v>0</v>
      </c>
      <c r="AG37" s="203">
        <v>0</v>
      </c>
      <c r="AH37" s="205">
        <v>0</v>
      </c>
      <c r="AI37" s="205">
        <v>0</v>
      </c>
      <c r="AJ37" s="206">
        <v>0</v>
      </c>
      <c r="AK37" s="204">
        <v>0</v>
      </c>
      <c r="AL37" s="204">
        <v>0</v>
      </c>
      <c r="AM37" s="204">
        <v>0</v>
      </c>
      <c r="AN37" s="205">
        <v>0</v>
      </c>
      <c r="AO37" s="226">
        <v>0</v>
      </c>
      <c r="AP37" s="228">
        <v>0</v>
      </c>
      <c r="AQ37" s="225"/>
    </row>
    <row r="38" spans="2:43" ht="21" customHeight="1" x14ac:dyDescent="0.2">
      <c r="B38" s="92" t="s">
        <v>36</v>
      </c>
      <c r="C38" s="203">
        <v>0</v>
      </c>
      <c r="D38" s="205">
        <v>0</v>
      </c>
      <c r="E38" s="205">
        <v>0</v>
      </c>
      <c r="F38" s="206">
        <v>0</v>
      </c>
      <c r="G38" s="204">
        <v>0</v>
      </c>
      <c r="H38" s="204">
        <v>1</v>
      </c>
      <c r="I38" s="204">
        <v>0</v>
      </c>
      <c r="J38" s="205">
        <v>1</v>
      </c>
      <c r="K38" s="226">
        <v>2</v>
      </c>
      <c r="L38" s="227">
        <v>2</v>
      </c>
      <c r="M38" s="203">
        <v>0</v>
      </c>
      <c r="N38" s="205">
        <v>0</v>
      </c>
      <c r="O38" s="226">
        <v>0</v>
      </c>
      <c r="P38" s="208">
        <v>0</v>
      </c>
      <c r="Q38" s="204">
        <v>0</v>
      </c>
      <c r="R38" s="204">
        <v>0</v>
      </c>
      <c r="S38" s="204">
        <v>0</v>
      </c>
      <c r="T38" s="205">
        <v>0</v>
      </c>
      <c r="U38" s="226">
        <v>0</v>
      </c>
      <c r="V38" s="207">
        <v>0</v>
      </c>
      <c r="W38" s="208">
        <v>0</v>
      </c>
      <c r="X38" s="205">
        <v>0</v>
      </c>
      <c r="Y38" s="205">
        <v>0</v>
      </c>
      <c r="Z38" s="206">
        <v>0</v>
      </c>
      <c r="AA38" s="204">
        <v>0</v>
      </c>
      <c r="AB38" s="204">
        <v>0</v>
      </c>
      <c r="AC38" s="204">
        <v>0</v>
      </c>
      <c r="AD38" s="205">
        <v>0</v>
      </c>
      <c r="AE38" s="226">
        <v>0</v>
      </c>
      <c r="AF38" s="227">
        <v>0</v>
      </c>
      <c r="AG38" s="203">
        <v>0</v>
      </c>
      <c r="AH38" s="205">
        <v>0</v>
      </c>
      <c r="AI38" s="205">
        <v>0</v>
      </c>
      <c r="AJ38" s="206">
        <v>0</v>
      </c>
      <c r="AK38" s="204">
        <v>0</v>
      </c>
      <c r="AL38" s="204">
        <v>0</v>
      </c>
      <c r="AM38" s="204">
        <v>0</v>
      </c>
      <c r="AN38" s="205">
        <v>0</v>
      </c>
      <c r="AO38" s="226">
        <v>0</v>
      </c>
      <c r="AP38" s="228">
        <v>0</v>
      </c>
      <c r="AQ38" s="225"/>
    </row>
    <row r="39" spans="2:43" ht="21" customHeight="1" thickBot="1" x14ac:dyDescent="0.25">
      <c r="B39" s="94" t="s">
        <v>37</v>
      </c>
      <c r="C39" s="209">
        <v>0</v>
      </c>
      <c r="D39" s="211">
        <v>0</v>
      </c>
      <c r="E39" s="211">
        <v>0</v>
      </c>
      <c r="F39" s="212">
        <v>0</v>
      </c>
      <c r="G39" s="210">
        <v>0</v>
      </c>
      <c r="H39" s="210">
        <v>0</v>
      </c>
      <c r="I39" s="210">
        <v>0</v>
      </c>
      <c r="J39" s="211">
        <v>0</v>
      </c>
      <c r="K39" s="229">
        <v>0</v>
      </c>
      <c r="L39" s="230">
        <v>0</v>
      </c>
      <c r="M39" s="209">
        <v>0</v>
      </c>
      <c r="N39" s="211">
        <v>0</v>
      </c>
      <c r="O39" s="229">
        <v>0</v>
      </c>
      <c r="P39" s="214">
        <v>0</v>
      </c>
      <c r="Q39" s="210">
        <v>0</v>
      </c>
      <c r="R39" s="210">
        <v>0</v>
      </c>
      <c r="S39" s="210">
        <v>0</v>
      </c>
      <c r="T39" s="211">
        <v>0</v>
      </c>
      <c r="U39" s="229">
        <v>0</v>
      </c>
      <c r="V39" s="213">
        <v>0</v>
      </c>
      <c r="W39" s="214">
        <v>0</v>
      </c>
      <c r="X39" s="211">
        <v>0</v>
      </c>
      <c r="Y39" s="211">
        <v>0</v>
      </c>
      <c r="Z39" s="212">
        <v>0</v>
      </c>
      <c r="AA39" s="210">
        <v>0</v>
      </c>
      <c r="AB39" s="210">
        <v>0</v>
      </c>
      <c r="AC39" s="210">
        <v>0</v>
      </c>
      <c r="AD39" s="211">
        <v>0</v>
      </c>
      <c r="AE39" s="229">
        <v>0</v>
      </c>
      <c r="AF39" s="230">
        <v>0</v>
      </c>
      <c r="AG39" s="209">
        <v>0</v>
      </c>
      <c r="AH39" s="211">
        <v>0</v>
      </c>
      <c r="AI39" s="211">
        <v>0</v>
      </c>
      <c r="AJ39" s="212">
        <v>0</v>
      </c>
      <c r="AK39" s="210">
        <v>0</v>
      </c>
      <c r="AL39" s="210">
        <v>0</v>
      </c>
      <c r="AM39" s="210">
        <v>0</v>
      </c>
      <c r="AN39" s="211">
        <v>0</v>
      </c>
      <c r="AO39" s="229">
        <v>0</v>
      </c>
      <c r="AP39" s="231">
        <v>0</v>
      </c>
      <c r="AQ39" s="225"/>
    </row>
    <row r="40" spans="2:43" x14ac:dyDescent="0.2">
      <c r="C40" s="232"/>
      <c r="D40" s="232"/>
      <c r="E40" s="232"/>
      <c r="F40" s="232"/>
      <c r="G40" s="232"/>
      <c r="H40" s="232"/>
      <c r="I40" s="232"/>
      <c r="J40" s="232"/>
      <c r="K40" s="232"/>
      <c r="L40" s="232"/>
      <c r="M40" s="225"/>
      <c r="N40" s="225"/>
      <c r="O40" s="225"/>
      <c r="P40" s="225"/>
      <c r="Q40" s="225"/>
      <c r="R40" s="225"/>
      <c r="S40" s="225"/>
      <c r="T40" s="225"/>
      <c r="U40" s="225"/>
      <c r="V40" s="225"/>
      <c r="W40" s="225"/>
      <c r="X40" s="225"/>
      <c r="Y40" s="225"/>
      <c r="Z40" s="225"/>
      <c r="AA40" s="225"/>
      <c r="AB40" s="225"/>
      <c r="AC40" s="225"/>
      <c r="AD40" s="225"/>
      <c r="AE40" s="225"/>
      <c r="AF40" s="225"/>
      <c r="AG40" s="225"/>
      <c r="AH40" s="225"/>
      <c r="AI40" s="225"/>
      <c r="AJ40" s="225"/>
      <c r="AK40" s="225"/>
      <c r="AL40" s="225"/>
      <c r="AM40" s="225"/>
      <c r="AN40" s="225"/>
      <c r="AO40" s="225"/>
      <c r="AP40" s="225"/>
      <c r="AQ40" s="225"/>
    </row>
    <row r="41" spans="2:43" x14ac:dyDescent="0.2">
      <c r="C41" s="232"/>
      <c r="D41" s="232"/>
      <c r="E41" s="232"/>
      <c r="F41" s="232"/>
      <c r="G41" s="232"/>
      <c r="H41" s="232"/>
      <c r="I41" s="232"/>
      <c r="J41" s="232"/>
      <c r="K41" s="232"/>
      <c r="L41" s="232"/>
      <c r="M41" s="225"/>
      <c r="N41" s="225"/>
      <c r="O41" s="225"/>
      <c r="P41" s="225"/>
      <c r="Q41" s="225"/>
      <c r="R41" s="225"/>
      <c r="S41" s="225"/>
      <c r="T41" s="225"/>
      <c r="U41" s="225"/>
      <c r="V41" s="225"/>
      <c r="W41" s="225"/>
      <c r="X41" s="225"/>
      <c r="Y41" s="225"/>
      <c r="Z41" s="225"/>
      <c r="AA41" s="225"/>
      <c r="AB41" s="225"/>
      <c r="AC41" s="225"/>
      <c r="AD41" s="225"/>
      <c r="AE41" s="225"/>
      <c r="AF41" s="225"/>
      <c r="AG41" s="225"/>
      <c r="AH41" s="225"/>
      <c r="AI41" s="225"/>
      <c r="AJ41" s="225"/>
      <c r="AK41" s="225"/>
      <c r="AL41" s="225"/>
      <c r="AM41" s="225"/>
      <c r="AN41" s="225"/>
      <c r="AO41" s="225"/>
      <c r="AP41" s="225"/>
      <c r="AQ41" s="225"/>
    </row>
    <row r="42" spans="2:43" x14ac:dyDescent="0.2">
      <c r="C42" s="232"/>
      <c r="D42" s="232"/>
      <c r="E42" s="232"/>
      <c r="F42" s="232"/>
      <c r="G42" s="232"/>
      <c r="H42" s="232"/>
      <c r="I42" s="232"/>
      <c r="J42" s="232"/>
      <c r="K42" s="232"/>
      <c r="L42" s="232"/>
      <c r="M42" s="225"/>
      <c r="N42" s="225"/>
      <c r="O42" s="225"/>
      <c r="P42" s="225"/>
      <c r="Q42" s="225"/>
      <c r="R42" s="225"/>
      <c r="S42" s="225"/>
      <c r="T42" s="225"/>
      <c r="U42" s="225"/>
      <c r="V42" s="225"/>
      <c r="W42" s="225"/>
      <c r="X42" s="225"/>
      <c r="Y42" s="225"/>
      <c r="Z42" s="225"/>
      <c r="AA42" s="225"/>
      <c r="AB42" s="225"/>
      <c r="AC42" s="225"/>
      <c r="AD42" s="225"/>
      <c r="AE42" s="225"/>
      <c r="AF42" s="225"/>
      <c r="AG42" s="225"/>
      <c r="AH42" s="225"/>
      <c r="AI42" s="225"/>
      <c r="AJ42" s="225"/>
      <c r="AK42" s="225"/>
      <c r="AL42" s="225"/>
      <c r="AM42" s="225"/>
      <c r="AN42" s="225"/>
      <c r="AO42" s="225"/>
      <c r="AP42" s="225"/>
      <c r="AQ42" s="225"/>
    </row>
    <row r="43" spans="2:43" x14ac:dyDescent="0.2">
      <c r="C43" s="232"/>
      <c r="D43" s="232"/>
      <c r="E43" s="232"/>
      <c r="F43" s="232"/>
      <c r="G43" s="232"/>
      <c r="H43" s="232"/>
      <c r="I43" s="232"/>
      <c r="J43" s="232"/>
      <c r="K43" s="232"/>
      <c r="L43" s="232"/>
      <c r="M43" s="225"/>
      <c r="N43" s="225"/>
      <c r="O43" s="225"/>
      <c r="P43" s="225"/>
      <c r="Q43" s="225"/>
      <c r="R43" s="225"/>
      <c r="S43" s="225"/>
      <c r="T43" s="225"/>
      <c r="U43" s="225"/>
      <c r="V43" s="225"/>
      <c r="W43" s="225"/>
      <c r="X43" s="225"/>
      <c r="Y43" s="225"/>
      <c r="Z43" s="225"/>
      <c r="AA43" s="225"/>
      <c r="AB43" s="225"/>
      <c r="AC43" s="225"/>
      <c r="AD43" s="225"/>
      <c r="AE43" s="225"/>
      <c r="AF43" s="225"/>
      <c r="AG43" s="225"/>
      <c r="AH43" s="225"/>
      <c r="AI43" s="225"/>
      <c r="AJ43" s="225"/>
      <c r="AK43" s="225"/>
      <c r="AL43" s="225"/>
      <c r="AM43" s="225"/>
      <c r="AN43" s="225"/>
      <c r="AO43" s="225"/>
      <c r="AP43" s="225"/>
      <c r="AQ43" s="225"/>
    </row>
    <row r="44" spans="2:43" x14ac:dyDescent="0.2">
      <c r="C44" s="232"/>
      <c r="D44" s="232"/>
      <c r="E44" s="232"/>
      <c r="F44" s="232"/>
      <c r="G44" s="232"/>
      <c r="H44" s="232"/>
      <c r="I44" s="232"/>
      <c r="J44" s="232"/>
      <c r="K44" s="232"/>
      <c r="L44" s="232"/>
      <c r="M44" s="225"/>
      <c r="N44" s="225"/>
      <c r="O44" s="225"/>
      <c r="P44" s="225"/>
      <c r="Q44" s="225"/>
      <c r="R44" s="225"/>
      <c r="S44" s="225"/>
      <c r="T44" s="225"/>
      <c r="U44" s="225"/>
      <c r="V44" s="225"/>
      <c r="W44" s="225"/>
      <c r="X44" s="225"/>
      <c r="Y44" s="225"/>
      <c r="Z44" s="225"/>
      <c r="AA44" s="225"/>
      <c r="AB44" s="225"/>
      <c r="AC44" s="225"/>
      <c r="AD44" s="225"/>
      <c r="AE44" s="225"/>
      <c r="AF44" s="225"/>
      <c r="AG44" s="225"/>
      <c r="AH44" s="225"/>
      <c r="AI44" s="225"/>
      <c r="AJ44" s="225"/>
      <c r="AK44" s="225"/>
      <c r="AL44" s="225"/>
      <c r="AM44" s="225"/>
      <c r="AN44" s="225"/>
      <c r="AO44" s="225"/>
      <c r="AP44" s="225"/>
      <c r="AQ44" s="225"/>
    </row>
    <row r="45" spans="2:43" x14ac:dyDescent="0.2">
      <c r="C45" s="56"/>
      <c r="D45" s="56"/>
      <c r="E45" s="56"/>
      <c r="F45" s="56"/>
      <c r="G45" s="56"/>
      <c r="H45" s="56"/>
      <c r="I45" s="56"/>
      <c r="J45" s="56"/>
      <c r="K45" s="56"/>
      <c r="L45" s="56"/>
    </row>
    <row r="46" spans="2:43" x14ac:dyDescent="0.2">
      <c r="C46" s="56"/>
      <c r="D46" s="56"/>
      <c r="E46" s="56"/>
      <c r="F46" s="56"/>
      <c r="G46" s="56"/>
      <c r="H46" s="56"/>
      <c r="I46" s="56"/>
      <c r="J46" s="56"/>
      <c r="K46" s="56"/>
      <c r="L46" s="56"/>
    </row>
    <row r="47" spans="2:43" x14ac:dyDescent="0.2">
      <c r="C47" s="56"/>
      <c r="D47" s="56"/>
      <c r="E47" s="56"/>
      <c r="F47" s="56"/>
      <c r="G47" s="56"/>
      <c r="H47" s="56"/>
      <c r="I47" s="56"/>
      <c r="J47" s="56"/>
      <c r="K47" s="56"/>
      <c r="L47" s="56"/>
    </row>
    <row r="48" spans="2:43" x14ac:dyDescent="0.2">
      <c r="C48" s="56"/>
      <c r="D48" s="56"/>
      <c r="E48" s="56"/>
      <c r="F48" s="56"/>
      <c r="G48" s="56"/>
      <c r="H48" s="56"/>
      <c r="I48" s="56"/>
      <c r="J48" s="56"/>
      <c r="K48" s="56"/>
      <c r="L48" s="56"/>
    </row>
    <row r="49" spans="3:12" x14ac:dyDescent="0.2">
      <c r="C49" s="56"/>
      <c r="D49" s="56"/>
      <c r="E49" s="56"/>
      <c r="F49" s="56"/>
      <c r="G49" s="56"/>
      <c r="H49" s="56"/>
      <c r="I49" s="56"/>
      <c r="J49" s="56"/>
      <c r="K49" s="56"/>
      <c r="L49" s="56"/>
    </row>
    <row r="50" spans="3:12" x14ac:dyDescent="0.2">
      <c r="C50" s="56"/>
      <c r="D50" s="56"/>
      <c r="E50" s="56"/>
      <c r="F50" s="56"/>
      <c r="G50" s="56"/>
      <c r="H50" s="56"/>
      <c r="I50" s="56"/>
      <c r="J50" s="56"/>
      <c r="K50" s="56"/>
      <c r="L50" s="56"/>
    </row>
    <row r="51" spans="3:12" x14ac:dyDescent="0.2">
      <c r="C51" s="56"/>
      <c r="D51" s="56"/>
      <c r="E51" s="56"/>
      <c r="F51" s="56"/>
      <c r="G51" s="56"/>
      <c r="H51" s="56"/>
      <c r="I51" s="56"/>
      <c r="J51" s="56"/>
      <c r="K51" s="56"/>
      <c r="L51" s="56"/>
    </row>
    <row r="52" spans="3:12" x14ac:dyDescent="0.2">
      <c r="C52" s="56"/>
      <c r="D52" s="56"/>
      <c r="E52" s="56"/>
      <c r="F52" s="56"/>
      <c r="G52" s="56"/>
      <c r="H52" s="56"/>
      <c r="I52" s="56"/>
      <c r="J52" s="56"/>
      <c r="K52" s="56"/>
      <c r="L52" s="56"/>
    </row>
    <row r="53" spans="3:12" x14ac:dyDescent="0.2">
      <c r="C53" s="56"/>
      <c r="D53" s="56"/>
      <c r="E53" s="56"/>
      <c r="F53" s="56"/>
      <c r="G53" s="56"/>
      <c r="H53" s="56"/>
      <c r="I53" s="56"/>
      <c r="J53" s="56"/>
      <c r="K53" s="56"/>
      <c r="L53" s="56"/>
    </row>
    <row r="54" spans="3:12" x14ac:dyDescent="0.2">
      <c r="C54" s="56"/>
      <c r="D54" s="56"/>
      <c r="E54" s="56"/>
      <c r="F54" s="56"/>
      <c r="G54" s="56"/>
      <c r="H54" s="56"/>
      <c r="I54" s="56"/>
      <c r="J54" s="56"/>
      <c r="K54" s="56"/>
      <c r="L54" s="56"/>
    </row>
    <row r="55" spans="3:12" x14ac:dyDescent="0.2">
      <c r="C55" s="56"/>
      <c r="D55" s="56"/>
      <c r="E55" s="56"/>
      <c r="F55" s="56"/>
      <c r="G55" s="56"/>
      <c r="H55" s="56"/>
      <c r="I55" s="56"/>
      <c r="J55" s="56"/>
      <c r="K55" s="56"/>
      <c r="L55" s="56"/>
    </row>
    <row r="56" spans="3:12" x14ac:dyDescent="0.2">
      <c r="C56" s="56"/>
      <c r="D56" s="56"/>
      <c r="E56" s="56"/>
      <c r="F56" s="56"/>
      <c r="G56" s="56"/>
      <c r="H56" s="56"/>
      <c r="I56" s="56"/>
      <c r="J56" s="56"/>
      <c r="K56" s="56"/>
      <c r="L56" s="56"/>
    </row>
    <row r="57" spans="3:12" x14ac:dyDescent="0.2">
      <c r="C57" s="56"/>
      <c r="D57" s="56"/>
      <c r="E57" s="56"/>
      <c r="F57" s="56"/>
      <c r="G57" s="56"/>
      <c r="H57" s="56"/>
      <c r="I57" s="56"/>
      <c r="J57" s="56"/>
      <c r="K57" s="56"/>
      <c r="L57" s="56"/>
    </row>
    <row r="58" spans="3:12" x14ac:dyDescent="0.2">
      <c r="C58" s="56"/>
      <c r="D58" s="56"/>
      <c r="E58" s="56"/>
      <c r="F58" s="56"/>
      <c r="G58" s="56"/>
      <c r="H58" s="56"/>
      <c r="I58" s="56"/>
      <c r="J58" s="56"/>
      <c r="K58" s="56"/>
      <c r="L58" s="56"/>
    </row>
    <row r="59" spans="3:12" x14ac:dyDescent="0.2">
      <c r="C59" s="56"/>
      <c r="D59" s="56"/>
      <c r="E59" s="56"/>
      <c r="F59" s="56"/>
      <c r="G59" s="56"/>
      <c r="H59" s="56"/>
      <c r="I59" s="56"/>
      <c r="J59" s="56"/>
      <c r="K59" s="56"/>
      <c r="L59" s="56"/>
    </row>
    <row r="60" spans="3:12" x14ac:dyDescent="0.2">
      <c r="C60" s="56"/>
      <c r="D60" s="56"/>
      <c r="E60" s="56"/>
      <c r="F60" s="56"/>
      <c r="G60" s="56"/>
      <c r="H60" s="56"/>
      <c r="I60" s="56"/>
      <c r="J60" s="56"/>
      <c r="K60" s="56"/>
      <c r="L60" s="56"/>
    </row>
    <row r="61" spans="3:12" x14ac:dyDescent="0.2">
      <c r="C61" s="56"/>
      <c r="D61" s="56"/>
      <c r="E61" s="56"/>
      <c r="F61" s="56"/>
      <c r="G61" s="56"/>
      <c r="H61" s="56"/>
      <c r="I61" s="56"/>
      <c r="J61" s="56"/>
      <c r="K61" s="56"/>
      <c r="L61" s="56"/>
    </row>
    <row r="62" spans="3:12" x14ac:dyDescent="0.2">
      <c r="C62" s="56"/>
      <c r="D62" s="56"/>
      <c r="E62" s="56"/>
      <c r="F62" s="56"/>
      <c r="G62" s="56"/>
      <c r="H62" s="56"/>
      <c r="I62" s="56"/>
      <c r="J62" s="56"/>
      <c r="K62" s="56"/>
      <c r="L62" s="56"/>
    </row>
    <row r="63" spans="3:12" x14ac:dyDescent="0.2">
      <c r="C63" s="56"/>
      <c r="D63" s="56"/>
      <c r="E63" s="56"/>
      <c r="F63" s="56"/>
      <c r="G63" s="56"/>
      <c r="H63" s="56"/>
      <c r="I63" s="56"/>
      <c r="J63" s="56"/>
      <c r="K63" s="56"/>
      <c r="L63" s="56"/>
    </row>
    <row r="64" spans="3:12" x14ac:dyDescent="0.2">
      <c r="C64" s="56"/>
      <c r="D64" s="56"/>
      <c r="E64" s="56"/>
      <c r="F64" s="56"/>
      <c r="G64" s="56"/>
      <c r="H64" s="56"/>
      <c r="I64" s="56"/>
      <c r="J64" s="56"/>
      <c r="K64" s="56"/>
      <c r="L64" s="56"/>
    </row>
    <row r="65" spans="3:12" x14ac:dyDescent="0.2">
      <c r="C65" s="56"/>
      <c r="D65" s="56"/>
      <c r="E65" s="56"/>
      <c r="F65" s="56"/>
      <c r="G65" s="56"/>
      <c r="H65" s="56"/>
      <c r="I65" s="56"/>
      <c r="J65" s="56"/>
      <c r="K65" s="56"/>
      <c r="L65" s="56"/>
    </row>
    <row r="66" spans="3:12" x14ac:dyDescent="0.2">
      <c r="C66" s="56"/>
      <c r="D66" s="56"/>
      <c r="E66" s="56"/>
      <c r="F66" s="56"/>
      <c r="G66" s="56"/>
      <c r="H66" s="56"/>
      <c r="I66" s="56"/>
      <c r="J66" s="56"/>
      <c r="K66" s="56"/>
      <c r="L66" s="56"/>
    </row>
    <row r="67" spans="3:12" x14ac:dyDescent="0.2">
      <c r="C67" s="56"/>
      <c r="D67" s="56"/>
      <c r="E67" s="56"/>
      <c r="F67" s="56"/>
      <c r="G67" s="56"/>
      <c r="H67" s="56"/>
      <c r="I67" s="56"/>
      <c r="J67" s="56"/>
      <c r="K67" s="56"/>
      <c r="L67" s="56"/>
    </row>
    <row r="68" spans="3:12" x14ac:dyDescent="0.2">
      <c r="C68" s="56"/>
      <c r="D68" s="56"/>
      <c r="E68" s="56"/>
      <c r="F68" s="56"/>
      <c r="G68" s="56"/>
      <c r="H68" s="56"/>
      <c r="I68" s="56"/>
      <c r="J68" s="56"/>
      <c r="K68" s="56"/>
      <c r="L68" s="56"/>
    </row>
    <row r="69" spans="3:12" x14ac:dyDescent="0.2">
      <c r="C69" s="56"/>
      <c r="D69" s="56"/>
      <c r="E69" s="56"/>
      <c r="F69" s="56"/>
      <c r="G69" s="56"/>
      <c r="H69" s="56"/>
      <c r="I69" s="56"/>
      <c r="J69" s="56"/>
      <c r="K69" s="56"/>
      <c r="L69" s="56"/>
    </row>
    <row r="70" spans="3:12" x14ac:dyDescent="0.2">
      <c r="C70" s="56"/>
      <c r="D70" s="56"/>
      <c r="E70" s="56"/>
      <c r="F70" s="56"/>
      <c r="G70" s="56"/>
      <c r="H70" s="56"/>
      <c r="I70" s="56"/>
      <c r="J70" s="56"/>
      <c r="K70" s="56"/>
      <c r="L70" s="56"/>
    </row>
    <row r="71" spans="3:12" x14ac:dyDescent="0.2">
      <c r="C71" s="56"/>
      <c r="D71" s="56"/>
      <c r="E71" s="56"/>
      <c r="F71" s="56"/>
      <c r="G71" s="56"/>
      <c r="H71" s="56"/>
      <c r="I71" s="56"/>
      <c r="J71" s="56"/>
      <c r="K71" s="56"/>
      <c r="L71" s="56"/>
    </row>
    <row r="72" spans="3:12" x14ac:dyDescent="0.2">
      <c r="C72" s="56"/>
      <c r="D72" s="56"/>
      <c r="E72" s="56"/>
      <c r="F72" s="56"/>
      <c r="G72" s="56"/>
      <c r="H72" s="56"/>
      <c r="I72" s="56"/>
      <c r="J72" s="56"/>
      <c r="K72" s="56"/>
      <c r="L72" s="56"/>
    </row>
    <row r="73" spans="3:12" x14ac:dyDescent="0.2">
      <c r="C73" s="56"/>
      <c r="D73" s="56"/>
      <c r="E73" s="56"/>
      <c r="F73" s="56"/>
      <c r="G73" s="56"/>
      <c r="H73" s="56"/>
      <c r="I73" s="56"/>
      <c r="J73" s="56"/>
      <c r="K73" s="56"/>
      <c r="L73" s="56"/>
    </row>
    <row r="74" spans="3:12" x14ac:dyDescent="0.2">
      <c r="C74" s="56"/>
      <c r="D74" s="56"/>
      <c r="E74" s="56"/>
      <c r="F74" s="56"/>
      <c r="G74" s="56"/>
      <c r="H74" s="56"/>
      <c r="I74" s="56"/>
      <c r="J74" s="56"/>
      <c r="K74" s="56"/>
      <c r="L74" s="56"/>
    </row>
    <row r="75" spans="3:12" x14ac:dyDescent="0.2">
      <c r="C75" s="56"/>
      <c r="D75" s="56"/>
      <c r="E75" s="56"/>
      <c r="F75" s="56"/>
      <c r="G75" s="56"/>
      <c r="H75" s="56"/>
      <c r="I75" s="56"/>
      <c r="J75" s="56"/>
      <c r="K75" s="56"/>
      <c r="L75" s="56"/>
    </row>
    <row r="76" spans="3:12" x14ac:dyDescent="0.2">
      <c r="C76" s="56"/>
      <c r="D76" s="56"/>
      <c r="E76" s="56"/>
      <c r="F76" s="56"/>
      <c r="G76" s="56"/>
      <c r="H76" s="56"/>
      <c r="I76" s="56"/>
      <c r="J76" s="56"/>
      <c r="K76" s="56"/>
      <c r="L76" s="56"/>
    </row>
    <row r="77" spans="3:12" x14ac:dyDescent="0.2">
      <c r="C77" s="56"/>
      <c r="D77" s="56"/>
      <c r="E77" s="56"/>
      <c r="F77" s="56"/>
      <c r="G77" s="56"/>
      <c r="H77" s="56"/>
      <c r="I77" s="56"/>
      <c r="J77" s="56"/>
      <c r="K77" s="56"/>
      <c r="L77" s="56"/>
    </row>
    <row r="78" spans="3:12" x14ac:dyDescent="0.2">
      <c r="C78" s="56"/>
      <c r="D78" s="56"/>
      <c r="E78" s="56"/>
      <c r="F78" s="56"/>
      <c r="G78" s="56"/>
      <c r="H78" s="56"/>
      <c r="I78" s="56"/>
      <c r="J78" s="56"/>
      <c r="K78" s="56"/>
      <c r="L78" s="56"/>
    </row>
    <row r="79" spans="3:12" x14ac:dyDescent="0.2">
      <c r="C79" s="56"/>
      <c r="D79" s="56"/>
      <c r="E79" s="56"/>
      <c r="F79" s="56"/>
      <c r="G79" s="56"/>
      <c r="H79" s="56"/>
      <c r="I79" s="56"/>
      <c r="J79" s="56"/>
      <c r="K79" s="56"/>
      <c r="L79" s="56"/>
    </row>
    <row r="80" spans="3:12" x14ac:dyDescent="0.2">
      <c r="C80" s="56"/>
      <c r="D80" s="56"/>
      <c r="E80" s="56"/>
      <c r="F80" s="56"/>
      <c r="G80" s="56"/>
      <c r="H80" s="56"/>
      <c r="I80" s="56"/>
      <c r="J80" s="56"/>
      <c r="K80" s="56"/>
      <c r="L80" s="56"/>
    </row>
    <row r="81" spans="3:12" x14ac:dyDescent="0.2">
      <c r="C81" s="56"/>
      <c r="D81" s="56"/>
      <c r="E81" s="56"/>
      <c r="F81" s="56"/>
      <c r="G81" s="56"/>
      <c r="H81" s="56"/>
      <c r="I81" s="56"/>
      <c r="J81" s="56"/>
      <c r="K81" s="56"/>
      <c r="L81" s="56"/>
    </row>
    <row r="82" spans="3:12" x14ac:dyDescent="0.2">
      <c r="C82" s="56"/>
      <c r="D82" s="56"/>
      <c r="E82" s="56"/>
      <c r="F82" s="56"/>
      <c r="G82" s="56"/>
      <c r="H82" s="56"/>
      <c r="I82" s="56"/>
      <c r="J82" s="56"/>
      <c r="K82" s="56"/>
      <c r="L82" s="56"/>
    </row>
    <row r="83" spans="3:12" x14ac:dyDescent="0.2">
      <c r="C83" s="56"/>
      <c r="D83" s="56"/>
      <c r="E83" s="56"/>
      <c r="F83" s="56"/>
      <c r="G83" s="56"/>
      <c r="H83" s="56"/>
      <c r="I83" s="56"/>
      <c r="J83" s="56"/>
      <c r="K83" s="56"/>
      <c r="L83" s="56"/>
    </row>
    <row r="84" spans="3:12" x14ac:dyDescent="0.2">
      <c r="C84" s="56"/>
      <c r="D84" s="56"/>
      <c r="E84" s="56"/>
      <c r="F84" s="56"/>
      <c r="G84" s="56"/>
      <c r="H84" s="56"/>
      <c r="I84" s="56"/>
      <c r="J84" s="56"/>
      <c r="K84" s="56"/>
      <c r="L84" s="56"/>
    </row>
    <row r="85" spans="3:12" x14ac:dyDescent="0.2">
      <c r="C85" s="56"/>
      <c r="D85" s="56"/>
      <c r="E85" s="56"/>
      <c r="F85" s="56"/>
      <c r="G85" s="56"/>
      <c r="H85" s="56"/>
      <c r="I85" s="56"/>
      <c r="J85" s="56"/>
      <c r="K85" s="56"/>
      <c r="L85" s="56"/>
    </row>
    <row r="86" spans="3:12" x14ac:dyDescent="0.2">
      <c r="C86" s="56"/>
      <c r="D86" s="56"/>
      <c r="E86" s="56"/>
      <c r="F86" s="56"/>
      <c r="G86" s="56"/>
      <c r="H86" s="56"/>
      <c r="I86" s="56"/>
      <c r="J86" s="56"/>
      <c r="K86" s="56"/>
      <c r="L86" s="56"/>
    </row>
    <row r="87" spans="3:12" x14ac:dyDescent="0.2">
      <c r="C87" s="56"/>
      <c r="D87" s="56"/>
      <c r="E87" s="56"/>
      <c r="F87" s="56"/>
      <c r="G87" s="56"/>
      <c r="H87" s="56"/>
      <c r="I87" s="56"/>
      <c r="J87" s="56"/>
      <c r="K87" s="56"/>
      <c r="L87" s="56"/>
    </row>
    <row r="88" spans="3:12" x14ac:dyDescent="0.2">
      <c r="C88" s="56"/>
      <c r="D88" s="56"/>
      <c r="E88" s="56"/>
      <c r="F88" s="56"/>
      <c r="G88" s="56"/>
      <c r="H88" s="56"/>
      <c r="I88" s="56"/>
      <c r="J88" s="56"/>
      <c r="K88" s="56"/>
      <c r="L88" s="56"/>
    </row>
    <row r="89" spans="3:12" x14ac:dyDescent="0.2">
      <c r="C89" s="56"/>
      <c r="D89" s="56"/>
      <c r="E89" s="56"/>
      <c r="F89" s="56"/>
      <c r="G89" s="56"/>
      <c r="H89" s="56"/>
      <c r="I89" s="56"/>
      <c r="J89" s="56"/>
      <c r="K89" s="56"/>
      <c r="L89" s="56"/>
    </row>
    <row r="90" spans="3:12" x14ac:dyDescent="0.2">
      <c r="C90" s="56"/>
      <c r="D90" s="56"/>
      <c r="E90" s="56"/>
      <c r="F90" s="56"/>
      <c r="G90" s="56"/>
      <c r="H90" s="56"/>
      <c r="I90" s="56"/>
      <c r="J90" s="56"/>
      <c r="K90" s="56"/>
      <c r="L90" s="56"/>
    </row>
    <row r="91" spans="3:12" x14ac:dyDescent="0.2">
      <c r="C91" s="56"/>
      <c r="D91" s="56"/>
      <c r="E91" s="56"/>
      <c r="F91" s="56"/>
      <c r="G91" s="56"/>
      <c r="H91" s="56"/>
      <c r="I91" s="56"/>
      <c r="J91" s="56"/>
      <c r="K91" s="56"/>
      <c r="L91" s="56"/>
    </row>
    <row r="92" spans="3:12" x14ac:dyDescent="0.2">
      <c r="C92" s="56"/>
      <c r="D92" s="56"/>
      <c r="E92" s="56"/>
      <c r="F92" s="56"/>
      <c r="G92" s="56"/>
      <c r="H92" s="56"/>
      <c r="I92" s="56"/>
      <c r="J92" s="56"/>
      <c r="K92" s="56"/>
      <c r="L92" s="56"/>
    </row>
    <row r="93" spans="3:12" x14ac:dyDescent="0.2">
      <c r="C93" s="56"/>
      <c r="D93" s="56"/>
      <c r="E93" s="56"/>
      <c r="F93" s="56"/>
      <c r="G93" s="56"/>
      <c r="H93" s="56"/>
      <c r="I93" s="56"/>
      <c r="J93" s="56"/>
      <c r="K93" s="56"/>
      <c r="L93" s="56"/>
    </row>
    <row r="94" spans="3:12" x14ac:dyDescent="0.2">
      <c r="C94" s="56"/>
      <c r="D94" s="56"/>
      <c r="E94" s="56"/>
      <c r="F94" s="56"/>
      <c r="G94" s="56"/>
      <c r="H94" s="56"/>
      <c r="I94" s="56"/>
      <c r="J94" s="56"/>
      <c r="K94" s="56"/>
      <c r="L94" s="56"/>
    </row>
    <row r="95" spans="3:12" x14ac:dyDescent="0.2">
      <c r="C95" s="56"/>
      <c r="D95" s="56"/>
      <c r="E95" s="56"/>
      <c r="F95" s="56"/>
      <c r="G95" s="56"/>
      <c r="H95" s="56"/>
      <c r="I95" s="56"/>
      <c r="J95" s="56"/>
      <c r="K95" s="56"/>
      <c r="L95" s="56"/>
    </row>
    <row r="96" spans="3:12" x14ac:dyDescent="0.2">
      <c r="C96" s="56"/>
      <c r="D96" s="56"/>
      <c r="E96" s="56"/>
      <c r="F96" s="56"/>
      <c r="G96" s="56"/>
      <c r="H96" s="56"/>
      <c r="I96" s="56"/>
      <c r="J96" s="56"/>
      <c r="K96" s="56"/>
      <c r="L96" s="56"/>
    </row>
    <row r="97" spans="3:12" x14ac:dyDescent="0.2">
      <c r="C97" s="56"/>
      <c r="D97" s="56"/>
      <c r="E97" s="56"/>
      <c r="F97" s="56"/>
      <c r="G97" s="56"/>
      <c r="H97" s="56"/>
      <c r="I97" s="56"/>
      <c r="J97" s="56"/>
      <c r="K97" s="56"/>
      <c r="L97" s="56"/>
    </row>
    <row r="98" spans="3:12" x14ac:dyDescent="0.2">
      <c r="C98" s="56"/>
      <c r="D98" s="56"/>
      <c r="E98" s="56"/>
      <c r="F98" s="56"/>
      <c r="G98" s="56"/>
      <c r="H98" s="56"/>
      <c r="I98" s="56"/>
      <c r="J98" s="56"/>
      <c r="K98" s="56"/>
      <c r="L98" s="56"/>
    </row>
    <row r="99" spans="3:12" x14ac:dyDescent="0.2">
      <c r="C99" s="56"/>
      <c r="D99" s="56"/>
      <c r="E99" s="56"/>
      <c r="F99" s="56"/>
      <c r="G99" s="56"/>
      <c r="H99" s="56"/>
      <c r="I99" s="56"/>
      <c r="J99" s="56"/>
      <c r="K99" s="56"/>
      <c r="L99" s="56"/>
    </row>
    <row r="100" spans="3:12" x14ac:dyDescent="0.2">
      <c r="C100" s="56"/>
      <c r="D100" s="56"/>
      <c r="E100" s="56"/>
      <c r="F100" s="56"/>
      <c r="G100" s="56"/>
      <c r="H100" s="56"/>
      <c r="I100" s="56"/>
      <c r="J100" s="56"/>
      <c r="K100" s="56"/>
      <c r="L100" s="56"/>
    </row>
    <row r="101" spans="3:12" x14ac:dyDescent="0.2">
      <c r="C101" s="56"/>
      <c r="D101" s="56"/>
      <c r="E101" s="56"/>
      <c r="F101" s="56"/>
      <c r="G101" s="56"/>
      <c r="H101" s="56"/>
      <c r="I101" s="56"/>
      <c r="J101" s="56"/>
      <c r="K101" s="56"/>
      <c r="L101" s="56"/>
    </row>
    <row r="102" spans="3:12" x14ac:dyDescent="0.2">
      <c r="C102" s="56"/>
      <c r="D102" s="56"/>
      <c r="E102" s="56"/>
      <c r="F102" s="56"/>
      <c r="G102" s="56"/>
      <c r="H102" s="56"/>
      <c r="I102" s="56"/>
      <c r="J102" s="56"/>
      <c r="K102" s="56"/>
      <c r="L102" s="56"/>
    </row>
    <row r="103" spans="3:12" x14ac:dyDescent="0.2">
      <c r="C103" s="56"/>
      <c r="D103" s="56"/>
      <c r="E103" s="56"/>
      <c r="F103" s="56"/>
      <c r="G103" s="56"/>
      <c r="H103" s="56"/>
      <c r="I103" s="56"/>
      <c r="J103" s="56"/>
      <c r="K103" s="56"/>
      <c r="L103" s="56"/>
    </row>
    <row r="104" spans="3:12" x14ac:dyDescent="0.2">
      <c r="C104" s="56"/>
      <c r="D104" s="56"/>
      <c r="E104" s="56"/>
      <c r="F104" s="56"/>
      <c r="G104" s="56"/>
      <c r="H104" s="56"/>
      <c r="I104" s="56"/>
      <c r="J104" s="56"/>
      <c r="K104" s="56"/>
      <c r="L104" s="56"/>
    </row>
    <row r="105" spans="3:12" x14ac:dyDescent="0.2">
      <c r="C105" s="56"/>
      <c r="D105" s="56"/>
      <c r="E105" s="56"/>
      <c r="F105" s="56"/>
      <c r="G105" s="56"/>
      <c r="H105" s="56"/>
      <c r="I105" s="56"/>
      <c r="J105" s="56"/>
      <c r="K105" s="56"/>
      <c r="L105" s="56"/>
    </row>
    <row r="106" spans="3:12" x14ac:dyDescent="0.2">
      <c r="C106" s="56"/>
      <c r="D106" s="56"/>
      <c r="E106" s="56"/>
      <c r="F106" s="56"/>
      <c r="G106" s="56"/>
      <c r="H106" s="56"/>
      <c r="I106" s="56"/>
      <c r="J106" s="56"/>
      <c r="K106" s="56"/>
      <c r="L106" s="56"/>
    </row>
    <row r="107" spans="3:12" x14ac:dyDescent="0.2">
      <c r="C107" s="56"/>
      <c r="D107" s="56"/>
      <c r="E107" s="56"/>
      <c r="F107" s="56"/>
      <c r="G107" s="56"/>
      <c r="H107" s="56"/>
      <c r="I107" s="56"/>
      <c r="J107" s="56"/>
      <c r="K107" s="56"/>
      <c r="L107" s="56"/>
    </row>
    <row r="108" spans="3:12" x14ac:dyDescent="0.2">
      <c r="C108" s="56"/>
      <c r="D108" s="56"/>
      <c r="E108" s="56"/>
      <c r="F108" s="56"/>
      <c r="G108" s="56"/>
      <c r="H108" s="56"/>
      <c r="I108" s="56"/>
      <c r="J108" s="56"/>
      <c r="K108" s="56"/>
      <c r="L108" s="56"/>
    </row>
    <row r="109" spans="3:12" x14ac:dyDescent="0.2">
      <c r="C109" s="56"/>
      <c r="D109" s="56"/>
      <c r="E109" s="56"/>
      <c r="F109" s="56"/>
      <c r="G109" s="56"/>
      <c r="H109" s="56"/>
      <c r="I109" s="56"/>
      <c r="J109" s="56"/>
      <c r="K109" s="56"/>
      <c r="L109" s="56"/>
    </row>
    <row r="110" spans="3:12" x14ac:dyDescent="0.2">
      <c r="C110" s="56"/>
      <c r="D110" s="56"/>
      <c r="E110" s="56"/>
      <c r="F110" s="56"/>
      <c r="G110" s="56"/>
      <c r="H110" s="56"/>
      <c r="I110" s="56"/>
      <c r="J110" s="56"/>
      <c r="K110" s="56"/>
      <c r="L110" s="56"/>
    </row>
    <row r="111" spans="3:12" x14ac:dyDescent="0.2">
      <c r="C111" s="56"/>
      <c r="D111" s="56"/>
      <c r="E111" s="56"/>
      <c r="F111" s="56"/>
      <c r="G111" s="56"/>
      <c r="H111" s="56"/>
      <c r="I111" s="56"/>
      <c r="J111" s="56"/>
      <c r="K111" s="56"/>
      <c r="L111" s="56"/>
    </row>
    <row r="112" spans="3:12" x14ac:dyDescent="0.2">
      <c r="C112" s="56"/>
      <c r="D112" s="56"/>
      <c r="E112" s="56"/>
      <c r="F112" s="56"/>
      <c r="G112" s="56"/>
      <c r="H112" s="56"/>
      <c r="I112" s="56"/>
      <c r="J112" s="56"/>
      <c r="K112" s="56"/>
      <c r="L112" s="56"/>
    </row>
    <row r="113" spans="3:12" x14ac:dyDescent="0.2">
      <c r="C113" s="56"/>
      <c r="D113" s="56"/>
      <c r="E113" s="56"/>
      <c r="F113" s="56"/>
      <c r="G113" s="56"/>
      <c r="H113" s="56"/>
      <c r="I113" s="56"/>
      <c r="J113" s="56"/>
      <c r="K113" s="56"/>
      <c r="L113" s="56"/>
    </row>
    <row r="114" spans="3:12" x14ac:dyDescent="0.2">
      <c r="C114" s="56"/>
      <c r="D114" s="56"/>
      <c r="E114" s="56"/>
      <c r="F114" s="56"/>
      <c r="G114" s="56"/>
      <c r="H114" s="56"/>
      <c r="I114" s="56"/>
      <c r="J114" s="56"/>
      <c r="K114" s="56"/>
      <c r="L114" s="56"/>
    </row>
    <row r="115" spans="3:12" x14ac:dyDescent="0.2">
      <c r="C115" s="56"/>
      <c r="D115" s="56"/>
      <c r="E115" s="56"/>
      <c r="F115" s="56"/>
      <c r="G115" s="56"/>
      <c r="H115" s="56"/>
      <c r="I115" s="56"/>
      <c r="J115" s="56"/>
      <c r="K115" s="56"/>
      <c r="L115" s="56"/>
    </row>
    <row r="116" spans="3:12" x14ac:dyDescent="0.2">
      <c r="C116" s="56"/>
      <c r="D116" s="56"/>
      <c r="E116" s="56"/>
      <c r="F116" s="56"/>
      <c r="G116" s="56"/>
      <c r="H116" s="56"/>
      <c r="I116" s="56"/>
      <c r="J116" s="56"/>
      <c r="K116" s="56"/>
      <c r="L116" s="56"/>
    </row>
    <row r="117" spans="3:12" x14ac:dyDescent="0.2">
      <c r="C117" s="56"/>
      <c r="D117" s="56"/>
      <c r="E117" s="56"/>
      <c r="F117" s="56"/>
      <c r="G117" s="56"/>
      <c r="H117" s="56"/>
      <c r="I117" s="56"/>
      <c r="J117" s="56"/>
      <c r="K117" s="56"/>
      <c r="L117" s="56"/>
    </row>
    <row r="118" spans="3:12" x14ac:dyDescent="0.2">
      <c r="C118" s="56"/>
      <c r="D118" s="56"/>
      <c r="E118" s="56"/>
      <c r="F118" s="56"/>
      <c r="G118" s="56"/>
      <c r="H118" s="56"/>
      <c r="I118" s="56"/>
      <c r="J118" s="56"/>
      <c r="K118" s="56"/>
      <c r="L118" s="56"/>
    </row>
    <row r="119" spans="3:12" x14ac:dyDescent="0.2">
      <c r="C119" s="56"/>
      <c r="D119" s="56"/>
      <c r="E119" s="56"/>
      <c r="F119" s="56"/>
      <c r="G119" s="56"/>
      <c r="H119" s="56"/>
      <c r="I119" s="56"/>
      <c r="J119" s="56"/>
      <c r="K119" s="56"/>
      <c r="L119" s="56"/>
    </row>
    <row r="120" spans="3:12" x14ac:dyDescent="0.2">
      <c r="C120" s="56"/>
      <c r="D120" s="56"/>
      <c r="E120" s="56"/>
      <c r="F120" s="56"/>
      <c r="G120" s="56"/>
      <c r="H120" s="56"/>
      <c r="I120" s="56"/>
      <c r="J120" s="56"/>
      <c r="K120" s="56"/>
      <c r="L120" s="56"/>
    </row>
    <row r="121" spans="3:12" x14ac:dyDescent="0.2">
      <c r="C121" s="56"/>
      <c r="D121" s="56"/>
      <c r="E121" s="56"/>
      <c r="F121" s="56"/>
      <c r="G121" s="56"/>
      <c r="H121" s="56"/>
      <c r="I121" s="56"/>
      <c r="J121" s="56"/>
      <c r="K121" s="56"/>
      <c r="L121" s="56"/>
    </row>
    <row r="122" spans="3:12" x14ac:dyDescent="0.2">
      <c r="C122" s="56"/>
      <c r="D122" s="56"/>
      <c r="E122" s="56"/>
      <c r="F122" s="56"/>
      <c r="G122" s="56"/>
      <c r="H122" s="56"/>
      <c r="I122" s="56"/>
      <c r="J122" s="56"/>
      <c r="K122" s="56"/>
      <c r="L122" s="56"/>
    </row>
    <row r="123" spans="3:12" x14ac:dyDescent="0.2">
      <c r="C123" s="56"/>
      <c r="D123" s="56"/>
      <c r="E123" s="56"/>
      <c r="F123" s="56"/>
      <c r="G123" s="56"/>
      <c r="H123" s="56"/>
      <c r="I123" s="56"/>
      <c r="J123" s="56"/>
      <c r="K123" s="56"/>
      <c r="L123" s="56"/>
    </row>
    <row r="124" spans="3:12" x14ac:dyDescent="0.2">
      <c r="C124" s="56"/>
      <c r="D124" s="56"/>
      <c r="E124" s="56"/>
      <c r="F124" s="56"/>
      <c r="G124" s="56"/>
      <c r="H124" s="56"/>
      <c r="I124" s="56"/>
      <c r="J124" s="56"/>
      <c r="K124" s="56"/>
      <c r="L124" s="56"/>
    </row>
    <row r="125" spans="3:12" x14ac:dyDescent="0.2">
      <c r="C125" s="56"/>
      <c r="D125" s="56"/>
      <c r="E125" s="56"/>
      <c r="F125" s="56"/>
      <c r="G125" s="56"/>
      <c r="H125" s="56"/>
      <c r="I125" s="56"/>
      <c r="J125" s="56"/>
      <c r="K125" s="56"/>
      <c r="L125" s="56"/>
    </row>
    <row r="126" spans="3:12" x14ac:dyDescent="0.2">
      <c r="C126" s="56"/>
      <c r="D126" s="56"/>
      <c r="E126" s="56"/>
      <c r="F126" s="56"/>
      <c r="G126" s="56"/>
      <c r="H126" s="56"/>
      <c r="I126" s="56"/>
      <c r="J126" s="56"/>
      <c r="K126" s="56"/>
      <c r="L126" s="56"/>
    </row>
    <row r="127" spans="3:12" x14ac:dyDescent="0.2">
      <c r="C127" s="56"/>
      <c r="D127" s="56"/>
      <c r="E127" s="56"/>
      <c r="F127" s="56"/>
      <c r="G127" s="56"/>
      <c r="H127" s="56"/>
      <c r="I127" s="56"/>
      <c r="J127" s="56"/>
      <c r="K127" s="56"/>
      <c r="L127" s="56"/>
    </row>
    <row r="128" spans="3:12" x14ac:dyDescent="0.2">
      <c r="C128" s="56"/>
      <c r="D128" s="56"/>
      <c r="E128" s="56"/>
      <c r="F128" s="56"/>
      <c r="G128" s="56"/>
      <c r="H128" s="56"/>
      <c r="I128" s="56"/>
      <c r="J128" s="56"/>
      <c r="K128" s="56"/>
      <c r="L128" s="56"/>
    </row>
    <row r="129" spans="3:12" x14ac:dyDescent="0.2">
      <c r="C129" s="56"/>
      <c r="D129" s="56"/>
      <c r="E129" s="56"/>
      <c r="F129" s="56"/>
      <c r="G129" s="56"/>
      <c r="H129" s="56"/>
      <c r="I129" s="56"/>
      <c r="J129" s="56"/>
      <c r="K129" s="56"/>
      <c r="L129" s="56"/>
    </row>
    <row r="130" spans="3:12" x14ac:dyDescent="0.2">
      <c r="C130" s="56"/>
      <c r="D130" s="56"/>
      <c r="E130" s="56"/>
      <c r="F130" s="56"/>
      <c r="G130" s="56"/>
      <c r="H130" s="56"/>
      <c r="I130" s="56"/>
      <c r="J130" s="56"/>
      <c r="K130" s="56"/>
      <c r="L130" s="56"/>
    </row>
    <row r="131" spans="3:12" x14ac:dyDescent="0.2">
      <c r="C131" s="56"/>
      <c r="D131" s="56"/>
      <c r="E131" s="56"/>
      <c r="F131" s="56"/>
      <c r="G131" s="56"/>
      <c r="H131" s="56"/>
      <c r="I131" s="56"/>
      <c r="J131" s="56"/>
      <c r="K131" s="56"/>
      <c r="L131" s="56"/>
    </row>
    <row r="132" spans="3:12" x14ac:dyDescent="0.2">
      <c r="C132" s="56"/>
      <c r="D132" s="56"/>
      <c r="E132" s="56"/>
      <c r="F132" s="56"/>
      <c r="G132" s="56"/>
      <c r="H132" s="56"/>
      <c r="I132" s="56"/>
      <c r="J132" s="56"/>
      <c r="K132" s="56"/>
      <c r="L132" s="56"/>
    </row>
    <row r="133" spans="3:12" x14ac:dyDescent="0.2">
      <c r="C133" s="56"/>
      <c r="D133" s="56"/>
      <c r="E133" s="56"/>
      <c r="F133" s="56"/>
      <c r="G133" s="56"/>
      <c r="H133" s="56"/>
      <c r="I133" s="56"/>
      <c r="J133" s="56"/>
      <c r="K133" s="56"/>
      <c r="L133" s="56"/>
    </row>
    <row r="134" spans="3:12" x14ac:dyDescent="0.2">
      <c r="C134" s="56"/>
      <c r="D134" s="56"/>
      <c r="E134" s="56"/>
      <c r="F134" s="56"/>
      <c r="G134" s="56"/>
      <c r="H134" s="56"/>
      <c r="I134" s="56"/>
      <c r="J134" s="56"/>
      <c r="K134" s="56"/>
      <c r="L134" s="56"/>
    </row>
    <row r="135" spans="3:12" x14ac:dyDescent="0.2">
      <c r="C135" s="56"/>
      <c r="D135" s="56"/>
      <c r="E135" s="56"/>
      <c r="F135" s="56"/>
      <c r="G135" s="56"/>
      <c r="H135" s="56"/>
      <c r="I135" s="56"/>
      <c r="J135" s="56"/>
      <c r="K135" s="56"/>
      <c r="L135" s="56"/>
    </row>
    <row r="136" spans="3:12" x14ac:dyDescent="0.2">
      <c r="C136" s="56"/>
      <c r="D136" s="56"/>
      <c r="E136" s="56"/>
      <c r="F136" s="56"/>
      <c r="G136" s="56"/>
      <c r="H136" s="56"/>
      <c r="I136" s="56"/>
      <c r="J136" s="56"/>
      <c r="K136" s="56"/>
      <c r="L136" s="56"/>
    </row>
    <row r="137" spans="3:12" x14ac:dyDescent="0.2">
      <c r="C137" s="56"/>
      <c r="D137" s="56"/>
      <c r="E137" s="56"/>
      <c r="F137" s="56"/>
      <c r="G137" s="56"/>
      <c r="H137" s="56"/>
      <c r="I137" s="56"/>
      <c r="J137" s="56"/>
      <c r="K137" s="56"/>
      <c r="L137" s="56"/>
    </row>
    <row r="138" spans="3:12" x14ac:dyDescent="0.2">
      <c r="C138" s="56"/>
      <c r="D138" s="56"/>
      <c r="E138" s="56"/>
      <c r="F138" s="56"/>
      <c r="G138" s="56"/>
      <c r="H138" s="56"/>
      <c r="I138" s="56"/>
      <c r="J138" s="56"/>
      <c r="K138" s="56"/>
      <c r="L138" s="56"/>
    </row>
    <row r="139" spans="3:12" x14ac:dyDescent="0.2">
      <c r="C139" s="56"/>
      <c r="D139" s="56"/>
      <c r="E139" s="56"/>
      <c r="F139" s="56"/>
      <c r="G139" s="56"/>
      <c r="H139" s="56"/>
      <c r="I139" s="56"/>
      <c r="J139" s="56"/>
      <c r="K139" s="56"/>
      <c r="L139" s="56"/>
    </row>
    <row r="140" spans="3:12" x14ac:dyDescent="0.2">
      <c r="C140" s="56"/>
      <c r="D140" s="56"/>
      <c r="E140" s="56"/>
      <c r="F140" s="56"/>
      <c r="G140" s="56"/>
      <c r="H140" s="56"/>
      <c r="I140" s="56"/>
      <c r="J140" s="56"/>
      <c r="K140" s="56"/>
      <c r="L140" s="56"/>
    </row>
    <row r="141" spans="3:12" x14ac:dyDescent="0.2">
      <c r="C141" s="56"/>
      <c r="D141" s="56"/>
      <c r="E141" s="56"/>
      <c r="F141" s="56"/>
      <c r="G141" s="56"/>
      <c r="H141" s="56"/>
      <c r="I141" s="56"/>
      <c r="J141" s="56"/>
      <c r="K141" s="56"/>
      <c r="L141" s="56"/>
    </row>
    <row r="142" spans="3:12" x14ac:dyDescent="0.2">
      <c r="C142" s="56"/>
      <c r="D142" s="56"/>
      <c r="E142" s="56"/>
      <c r="F142" s="56"/>
      <c r="G142" s="56"/>
      <c r="H142" s="56"/>
      <c r="I142" s="56"/>
      <c r="J142" s="56"/>
      <c r="K142" s="56"/>
      <c r="L142" s="56"/>
    </row>
    <row r="143" spans="3:12" x14ac:dyDescent="0.2">
      <c r="C143" s="56"/>
      <c r="D143" s="56"/>
      <c r="E143" s="56"/>
      <c r="F143" s="56"/>
      <c r="G143" s="56"/>
      <c r="H143" s="56"/>
      <c r="I143" s="56"/>
      <c r="J143" s="56"/>
      <c r="K143" s="56"/>
      <c r="L143" s="56"/>
    </row>
    <row r="144" spans="3:12" x14ac:dyDescent="0.2">
      <c r="C144" s="56"/>
      <c r="D144" s="56"/>
      <c r="E144" s="56"/>
      <c r="F144" s="56"/>
      <c r="G144" s="56"/>
      <c r="H144" s="56"/>
      <c r="I144" s="56"/>
      <c r="J144" s="56"/>
      <c r="K144" s="56"/>
      <c r="L144" s="56"/>
    </row>
    <row r="145" spans="3:12" x14ac:dyDescent="0.2">
      <c r="C145" s="56"/>
      <c r="D145" s="56"/>
      <c r="E145" s="56"/>
      <c r="F145" s="56"/>
      <c r="G145" s="56"/>
      <c r="H145" s="56"/>
      <c r="I145" s="56"/>
      <c r="J145" s="56"/>
      <c r="K145" s="56"/>
      <c r="L145" s="56"/>
    </row>
    <row r="146" spans="3:12" x14ac:dyDescent="0.2">
      <c r="C146" s="56"/>
      <c r="D146" s="56"/>
      <c r="E146" s="56"/>
      <c r="F146" s="56"/>
      <c r="G146" s="56"/>
      <c r="H146" s="56"/>
      <c r="I146" s="56"/>
      <c r="J146" s="56"/>
      <c r="K146" s="56"/>
      <c r="L146" s="56"/>
    </row>
    <row r="147" spans="3:12" x14ac:dyDescent="0.2">
      <c r="C147" s="56"/>
      <c r="D147" s="56"/>
      <c r="E147" s="56"/>
      <c r="F147" s="56"/>
      <c r="G147" s="56"/>
      <c r="H147" s="56"/>
      <c r="I147" s="56"/>
      <c r="J147" s="56"/>
      <c r="K147" s="56"/>
      <c r="L147" s="56"/>
    </row>
    <row r="148" spans="3:12" x14ac:dyDescent="0.2">
      <c r="C148" s="56"/>
      <c r="D148" s="56"/>
      <c r="E148" s="56"/>
      <c r="F148" s="56"/>
      <c r="G148" s="56"/>
      <c r="H148" s="56"/>
      <c r="I148" s="56"/>
      <c r="J148" s="56"/>
      <c r="K148" s="56"/>
      <c r="L148" s="56"/>
    </row>
    <row r="149" spans="3:12" x14ac:dyDescent="0.2">
      <c r="C149" s="56"/>
      <c r="D149" s="56"/>
      <c r="E149" s="56"/>
      <c r="F149" s="56"/>
      <c r="G149" s="56"/>
      <c r="H149" s="56"/>
      <c r="I149" s="56"/>
      <c r="J149" s="56"/>
      <c r="K149" s="56"/>
      <c r="L149" s="56"/>
    </row>
    <row r="150" spans="3:12" x14ac:dyDescent="0.2">
      <c r="C150" s="56"/>
      <c r="D150" s="56"/>
      <c r="E150" s="56"/>
      <c r="F150" s="56"/>
      <c r="G150" s="56"/>
      <c r="H150" s="56"/>
      <c r="I150" s="56"/>
      <c r="J150" s="56"/>
      <c r="K150" s="56"/>
      <c r="L150" s="56"/>
    </row>
    <row r="151" spans="3:12" x14ac:dyDescent="0.2">
      <c r="C151" s="56"/>
      <c r="D151" s="56"/>
      <c r="E151" s="56"/>
      <c r="F151" s="56"/>
      <c r="G151" s="56"/>
      <c r="H151" s="56"/>
      <c r="I151" s="56"/>
      <c r="J151" s="56"/>
      <c r="K151" s="56"/>
      <c r="L151" s="56"/>
    </row>
    <row r="152" spans="3:12" x14ac:dyDescent="0.2">
      <c r="C152" s="56"/>
      <c r="D152" s="56"/>
      <c r="E152" s="56"/>
      <c r="F152" s="56"/>
      <c r="G152" s="56"/>
      <c r="H152" s="56"/>
      <c r="I152" s="56"/>
      <c r="J152" s="56"/>
      <c r="K152" s="56"/>
      <c r="L152" s="56"/>
    </row>
    <row r="153" spans="3:12" x14ac:dyDescent="0.2">
      <c r="C153" s="56"/>
      <c r="D153" s="56"/>
      <c r="E153" s="56"/>
      <c r="F153" s="56"/>
      <c r="G153" s="56"/>
      <c r="H153" s="56"/>
      <c r="I153" s="56"/>
      <c r="J153" s="56"/>
      <c r="K153" s="56"/>
      <c r="L153" s="56"/>
    </row>
    <row r="154" spans="3:12" x14ac:dyDescent="0.2">
      <c r="C154" s="56"/>
      <c r="D154" s="56"/>
      <c r="E154" s="56"/>
      <c r="F154" s="56"/>
      <c r="G154" s="56"/>
      <c r="H154" s="56"/>
      <c r="I154" s="56"/>
      <c r="J154" s="56"/>
      <c r="K154" s="56"/>
      <c r="L154" s="56"/>
    </row>
    <row r="155" spans="3:12" x14ac:dyDescent="0.2">
      <c r="C155" s="56"/>
      <c r="D155" s="56"/>
      <c r="E155" s="56"/>
      <c r="F155" s="56"/>
      <c r="G155" s="56"/>
      <c r="H155" s="56"/>
      <c r="I155" s="56"/>
      <c r="J155" s="56"/>
      <c r="K155" s="56"/>
      <c r="L155" s="56"/>
    </row>
    <row r="156" spans="3:12" x14ac:dyDescent="0.2">
      <c r="C156" s="56"/>
      <c r="D156" s="56"/>
      <c r="E156" s="56"/>
      <c r="F156" s="56"/>
      <c r="G156" s="56"/>
      <c r="H156" s="56"/>
      <c r="I156" s="56"/>
      <c r="J156" s="56"/>
      <c r="K156" s="56"/>
      <c r="L156" s="56"/>
    </row>
    <row r="157" spans="3:12" x14ac:dyDescent="0.2">
      <c r="C157" s="56"/>
      <c r="D157" s="56"/>
      <c r="E157" s="56"/>
      <c r="F157" s="56"/>
      <c r="G157" s="56"/>
      <c r="H157" s="56"/>
      <c r="I157" s="56"/>
      <c r="J157" s="56"/>
      <c r="K157" s="56"/>
      <c r="L157" s="56"/>
    </row>
    <row r="158" spans="3:12" x14ac:dyDescent="0.2">
      <c r="C158" s="56"/>
      <c r="D158" s="56"/>
      <c r="E158" s="56"/>
      <c r="F158" s="56"/>
      <c r="G158" s="56"/>
      <c r="H158" s="56"/>
      <c r="I158" s="56"/>
      <c r="J158" s="56"/>
      <c r="K158" s="56"/>
      <c r="L158" s="56"/>
    </row>
    <row r="159" spans="3:12" x14ac:dyDescent="0.2">
      <c r="C159" s="56"/>
      <c r="D159" s="56"/>
      <c r="E159" s="56"/>
      <c r="F159" s="56"/>
      <c r="G159" s="56"/>
      <c r="H159" s="56"/>
      <c r="I159" s="56"/>
      <c r="J159" s="56"/>
      <c r="K159" s="56"/>
      <c r="L159" s="56"/>
    </row>
    <row r="160" spans="3:12" x14ac:dyDescent="0.2">
      <c r="C160" s="56"/>
      <c r="D160" s="56"/>
      <c r="E160" s="56"/>
      <c r="F160" s="56"/>
      <c r="G160" s="56"/>
      <c r="H160" s="56"/>
      <c r="I160" s="56"/>
      <c r="J160" s="56"/>
      <c r="K160" s="56"/>
      <c r="L160" s="56"/>
    </row>
    <row r="161" spans="3:12" x14ac:dyDescent="0.2">
      <c r="C161" s="56"/>
      <c r="D161" s="56"/>
      <c r="E161" s="56"/>
      <c r="F161" s="56"/>
      <c r="G161" s="56"/>
      <c r="H161" s="56"/>
      <c r="I161" s="56"/>
      <c r="J161" s="56"/>
      <c r="K161" s="56"/>
      <c r="L161" s="56"/>
    </row>
    <row r="162" spans="3:12" x14ac:dyDescent="0.2">
      <c r="C162" s="56"/>
      <c r="D162" s="56"/>
      <c r="E162" s="56"/>
      <c r="F162" s="56"/>
      <c r="G162" s="56"/>
      <c r="H162" s="56"/>
      <c r="I162" s="56"/>
      <c r="J162" s="56"/>
      <c r="K162" s="56"/>
      <c r="L162" s="56"/>
    </row>
    <row r="163" spans="3:12" x14ac:dyDescent="0.2">
      <c r="C163" s="56"/>
      <c r="D163" s="56"/>
      <c r="E163" s="56"/>
      <c r="F163" s="56"/>
      <c r="G163" s="56"/>
      <c r="H163" s="56"/>
      <c r="I163" s="56"/>
      <c r="J163" s="56"/>
      <c r="K163" s="56"/>
      <c r="L163" s="56"/>
    </row>
    <row r="164" spans="3:12" x14ac:dyDescent="0.2">
      <c r="C164" s="56"/>
      <c r="D164" s="56"/>
      <c r="E164" s="56"/>
      <c r="F164" s="56"/>
      <c r="G164" s="56"/>
      <c r="H164" s="56"/>
      <c r="I164" s="56"/>
      <c r="J164" s="56"/>
      <c r="K164" s="56"/>
      <c r="L164" s="56"/>
    </row>
    <row r="165" spans="3:12" x14ac:dyDescent="0.2">
      <c r="C165" s="56"/>
      <c r="D165" s="56"/>
      <c r="E165" s="56"/>
      <c r="F165" s="56"/>
      <c r="G165" s="56"/>
      <c r="H165" s="56"/>
      <c r="I165" s="56"/>
      <c r="J165" s="56"/>
      <c r="K165" s="56"/>
      <c r="L165" s="56"/>
    </row>
    <row r="166" spans="3:12" x14ac:dyDescent="0.2">
      <c r="C166" s="56"/>
      <c r="D166" s="56"/>
      <c r="E166" s="56"/>
      <c r="F166" s="56"/>
      <c r="G166" s="56"/>
      <c r="H166" s="56"/>
      <c r="I166" s="56"/>
      <c r="J166" s="56"/>
      <c r="K166" s="56"/>
      <c r="L166" s="56"/>
    </row>
    <row r="167" spans="3:12" x14ac:dyDescent="0.2">
      <c r="C167" s="56"/>
      <c r="D167" s="56"/>
      <c r="E167" s="56"/>
      <c r="F167" s="56"/>
      <c r="G167" s="56"/>
      <c r="H167" s="56"/>
      <c r="I167" s="56"/>
      <c r="J167" s="56"/>
      <c r="K167" s="56"/>
      <c r="L167" s="56"/>
    </row>
    <row r="168" spans="3:12" x14ac:dyDescent="0.2">
      <c r="C168" s="56"/>
      <c r="D168" s="56"/>
      <c r="E168" s="56"/>
      <c r="F168" s="56"/>
      <c r="G168" s="56"/>
      <c r="H168" s="56"/>
      <c r="I168" s="56"/>
      <c r="J168" s="56"/>
      <c r="K168" s="56"/>
      <c r="L168" s="56"/>
    </row>
    <row r="169" spans="3:12" x14ac:dyDescent="0.2">
      <c r="C169" s="56"/>
      <c r="D169" s="56"/>
      <c r="E169" s="56"/>
      <c r="F169" s="56"/>
      <c r="G169" s="56"/>
      <c r="H169" s="56"/>
      <c r="I169" s="56"/>
      <c r="J169" s="56"/>
      <c r="K169" s="56"/>
      <c r="L169" s="56"/>
    </row>
    <row r="170" spans="3:12" x14ac:dyDescent="0.2">
      <c r="C170" s="56"/>
      <c r="D170" s="56"/>
      <c r="E170" s="56"/>
      <c r="F170" s="56"/>
      <c r="G170" s="56"/>
      <c r="H170" s="56"/>
      <c r="I170" s="56"/>
      <c r="J170" s="56"/>
      <c r="K170" s="56"/>
      <c r="L170" s="56"/>
    </row>
    <row r="171" spans="3:12" x14ac:dyDescent="0.2">
      <c r="C171" s="56"/>
      <c r="D171" s="56"/>
      <c r="E171" s="56"/>
      <c r="F171" s="56"/>
      <c r="G171" s="56"/>
      <c r="H171" s="56"/>
      <c r="I171" s="56"/>
      <c r="J171" s="56"/>
      <c r="K171" s="56"/>
      <c r="L171" s="56"/>
    </row>
    <row r="172" spans="3:12" x14ac:dyDescent="0.2">
      <c r="C172" s="56"/>
      <c r="D172" s="56"/>
      <c r="E172" s="56"/>
      <c r="F172" s="56"/>
      <c r="G172" s="56"/>
      <c r="H172" s="56"/>
      <c r="I172" s="56"/>
      <c r="J172" s="56"/>
      <c r="K172" s="56"/>
      <c r="L172" s="56"/>
    </row>
    <row r="173" spans="3:12" x14ac:dyDescent="0.2">
      <c r="C173" s="56"/>
      <c r="D173" s="56"/>
      <c r="E173" s="56"/>
      <c r="F173" s="56"/>
      <c r="G173" s="56"/>
      <c r="H173" s="56"/>
      <c r="I173" s="56"/>
      <c r="J173" s="56"/>
      <c r="K173" s="56"/>
      <c r="L173" s="56"/>
    </row>
    <row r="174" spans="3:12" x14ac:dyDescent="0.2">
      <c r="C174" s="56"/>
      <c r="D174" s="56"/>
      <c r="E174" s="56"/>
      <c r="F174" s="56"/>
      <c r="G174" s="56"/>
      <c r="H174" s="56"/>
      <c r="I174" s="56"/>
      <c r="J174" s="56"/>
      <c r="K174" s="56"/>
      <c r="L174" s="56"/>
    </row>
    <row r="175" spans="3:12" x14ac:dyDescent="0.2">
      <c r="C175" s="56"/>
      <c r="D175" s="56"/>
      <c r="E175" s="56"/>
      <c r="F175" s="56"/>
      <c r="G175" s="56"/>
      <c r="H175" s="56"/>
      <c r="I175" s="56"/>
      <c r="J175" s="56"/>
      <c r="K175" s="56"/>
      <c r="L175" s="56"/>
    </row>
    <row r="176" spans="3:12" x14ac:dyDescent="0.2">
      <c r="C176" s="56"/>
      <c r="D176" s="56"/>
      <c r="E176" s="56"/>
      <c r="F176" s="56"/>
      <c r="G176" s="56"/>
      <c r="H176" s="56"/>
      <c r="I176" s="56"/>
      <c r="J176" s="56"/>
      <c r="K176" s="56"/>
      <c r="L176" s="56"/>
    </row>
    <row r="177" spans="3:12" x14ac:dyDescent="0.2">
      <c r="C177" s="56"/>
      <c r="D177" s="56"/>
      <c r="E177" s="56"/>
      <c r="F177" s="56"/>
      <c r="G177" s="56"/>
      <c r="H177" s="56"/>
      <c r="I177" s="56"/>
      <c r="J177" s="56"/>
      <c r="K177" s="56"/>
      <c r="L177" s="56"/>
    </row>
    <row r="178" spans="3:12" x14ac:dyDescent="0.2">
      <c r="C178" s="56"/>
      <c r="D178" s="56"/>
      <c r="E178" s="56"/>
      <c r="F178" s="56"/>
      <c r="G178" s="56"/>
      <c r="H178" s="56"/>
      <c r="I178" s="56"/>
      <c r="J178" s="56"/>
      <c r="K178" s="56"/>
      <c r="L178" s="56"/>
    </row>
    <row r="179" spans="3:12" x14ac:dyDescent="0.2">
      <c r="C179" s="56"/>
      <c r="D179" s="56"/>
      <c r="E179" s="56"/>
      <c r="F179" s="56"/>
      <c r="G179" s="56"/>
      <c r="H179" s="56"/>
      <c r="I179" s="56"/>
      <c r="J179" s="56"/>
      <c r="K179" s="56"/>
      <c r="L179" s="56"/>
    </row>
    <row r="180" spans="3:12" x14ac:dyDescent="0.2">
      <c r="C180" s="56"/>
      <c r="D180" s="56"/>
      <c r="E180" s="56"/>
      <c r="F180" s="56"/>
      <c r="G180" s="56"/>
      <c r="H180" s="56"/>
      <c r="I180" s="56"/>
      <c r="J180" s="56"/>
      <c r="K180" s="56"/>
      <c r="L180" s="56"/>
    </row>
    <row r="181" spans="3:12" x14ac:dyDescent="0.2">
      <c r="C181" s="56"/>
      <c r="D181" s="56"/>
      <c r="E181" s="56"/>
      <c r="F181" s="56"/>
      <c r="G181" s="56"/>
      <c r="H181" s="56"/>
      <c r="I181" s="56"/>
      <c r="J181" s="56"/>
      <c r="K181" s="56"/>
      <c r="L181" s="56"/>
    </row>
    <row r="182" spans="3:12" x14ac:dyDescent="0.2">
      <c r="C182" s="56"/>
      <c r="D182" s="56"/>
      <c r="E182" s="56"/>
      <c r="F182" s="56"/>
      <c r="G182" s="56"/>
      <c r="H182" s="56"/>
      <c r="I182" s="56"/>
      <c r="J182" s="56"/>
      <c r="K182" s="56"/>
      <c r="L182" s="56"/>
    </row>
    <row r="183" spans="3:12" x14ac:dyDescent="0.2">
      <c r="C183" s="56"/>
      <c r="D183" s="56"/>
      <c r="E183" s="56"/>
      <c r="F183" s="56"/>
      <c r="G183" s="56"/>
      <c r="H183" s="56"/>
      <c r="I183" s="56"/>
      <c r="J183" s="56"/>
      <c r="K183" s="56"/>
      <c r="L183" s="56"/>
    </row>
    <row r="184" spans="3:12" x14ac:dyDescent="0.2">
      <c r="C184" s="56"/>
      <c r="D184" s="56"/>
      <c r="E184" s="56"/>
      <c r="F184" s="56"/>
      <c r="G184" s="56"/>
      <c r="H184" s="56"/>
      <c r="I184" s="56"/>
      <c r="J184" s="56"/>
      <c r="K184" s="56"/>
      <c r="L184" s="56"/>
    </row>
    <row r="185" spans="3:12" x14ac:dyDescent="0.2">
      <c r="C185" s="56"/>
      <c r="D185" s="56"/>
      <c r="E185" s="56"/>
      <c r="F185" s="56"/>
      <c r="G185" s="56"/>
      <c r="H185" s="56"/>
      <c r="I185" s="56"/>
      <c r="J185" s="56"/>
      <c r="K185" s="56"/>
      <c r="L185" s="56"/>
    </row>
    <row r="186" spans="3:12" x14ac:dyDescent="0.2">
      <c r="C186" s="56"/>
      <c r="D186" s="56"/>
      <c r="E186" s="56"/>
      <c r="F186" s="56"/>
      <c r="G186" s="56"/>
      <c r="H186" s="56"/>
      <c r="I186" s="56"/>
      <c r="J186" s="56"/>
      <c r="K186" s="56"/>
      <c r="L186" s="56"/>
    </row>
    <row r="187" spans="3:12" x14ac:dyDescent="0.2">
      <c r="C187" s="56"/>
      <c r="D187" s="56"/>
      <c r="E187" s="56"/>
      <c r="F187" s="56"/>
      <c r="G187" s="56"/>
      <c r="H187" s="56"/>
      <c r="I187" s="56"/>
      <c r="J187" s="56"/>
      <c r="K187" s="56"/>
      <c r="L187" s="56"/>
    </row>
    <row r="188" spans="3:12" x14ac:dyDescent="0.2">
      <c r="C188" s="56"/>
      <c r="D188" s="56"/>
      <c r="E188" s="56"/>
      <c r="F188" s="56"/>
      <c r="G188" s="56"/>
      <c r="H188" s="56"/>
      <c r="I188" s="56"/>
      <c r="J188" s="56"/>
      <c r="K188" s="56"/>
      <c r="L188" s="56"/>
    </row>
    <row r="189" spans="3:12" x14ac:dyDescent="0.2">
      <c r="C189" s="56"/>
      <c r="D189" s="56"/>
      <c r="E189" s="56"/>
      <c r="F189" s="56"/>
      <c r="G189" s="56"/>
      <c r="H189" s="56"/>
      <c r="I189" s="56"/>
      <c r="J189" s="56"/>
      <c r="K189" s="56"/>
      <c r="L189" s="56"/>
    </row>
    <row r="190" spans="3:12" x14ac:dyDescent="0.2">
      <c r="C190" s="56"/>
      <c r="D190" s="56"/>
      <c r="E190" s="56"/>
      <c r="F190" s="56"/>
      <c r="G190" s="56"/>
      <c r="H190" s="56"/>
      <c r="I190" s="56"/>
      <c r="J190" s="56"/>
      <c r="K190" s="56"/>
      <c r="L190" s="56"/>
    </row>
    <row r="191" spans="3:12" x14ac:dyDescent="0.2">
      <c r="C191" s="56"/>
      <c r="D191" s="56"/>
      <c r="E191" s="56"/>
      <c r="F191" s="56"/>
      <c r="G191" s="56"/>
      <c r="H191" s="56"/>
      <c r="I191" s="56"/>
      <c r="J191" s="56"/>
      <c r="K191" s="56"/>
      <c r="L191" s="56"/>
    </row>
    <row r="192" spans="3:12" x14ac:dyDescent="0.2">
      <c r="C192" s="56"/>
      <c r="D192" s="56"/>
      <c r="E192" s="56"/>
      <c r="F192" s="56"/>
      <c r="G192" s="56"/>
      <c r="H192" s="56"/>
      <c r="I192" s="56"/>
      <c r="J192" s="56"/>
      <c r="K192" s="56"/>
      <c r="L192" s="56"/>
    </row>
    <row r="193" spans="3:12" x14ac:dyDescent="0.2">
      <c r="C193" s="56"/>
      <c r="D193" s="56"/>
      <c r="E193" s="56"/>
      <c r="F193" s="56"/>
      <c r="G193" s="56"/>
      <c r="H193" s="56"/>
      <c r="I193" s="56"/>
      <c r="J193" s="56"/>
      <c r="K193" s="56"/>
      <c r="L193" s="56"/>
    </row>
    <row r="194" spans="3:12" x14ac:dyDescent="0.2">
      <c r="C194" s="56"/>
      <c r="D194" s="56"/>
      <c r="E194" s="56"/>
      <c r="F194" s="56"/>
      <c r="G194" s="56"/>
      <c r="H194" s="56"/>
      <c r="I194" s="56"/>
      <c r="J194" s="56"/>
      <c r="K194" s="56"/>
      <c r="L194" s="56"/>
    </row>
    <row r="195" spans="3:12" x14ac:dyDescent="0.2">
      <c r="C195" s="56"/>
      <c r="D195" s="56"/>
      <c r="E195" s="56"/>
      <c r="F195" s="56"/>
      <c r="G195" s="56"/>
      <c r="H195" s="56"/>
      <c r="I195" s="56"/>
      <c r="J195" s="56"/>
      <c r="K195" s="56"/>
      <c r="L195" s="56"/>
    </row>
    <row r="196" spans="3:12" x14ac:dyDescent="0.2">
      <c r="C196" s="56"/>
      <c r="D196" s="56"/>
      <c r="E196" s="56"/>
      <c r="F196" s="56"/>
      <c r="G196" s="56"/>
      <c r="H196" s="56"/>
      <c r="I196" s="56"/>
      <c r="J196" s="56"/>
      <c r="K196" s="56"/>
      <c r="L196" s="56"/>
    </row>
    <row r="197" spans="3:12" x14ac:dyDescent="0.2">
      <c r="C197" s="56"/>
      <c r="D197" s="56"/>
      <c r="E197" s="56"/>
      <c r="F197" s="56"/>
      <c r="G197" s="56"/>
      <c r="H197" s="56"/>
      <c r="I197" s="56"/>
      <c r="J197" s="56"/>
      <c r="K197" s="56"/>
      <c r="L197" s="56"/>
    </row>
    <row r="198" spans="3:12" x14ac:dyDescent="0.2">
      <c r="C198" s="56"/>
      <c r="D198" s="56"/>
      <c r="E198" s="56"/>
      <c r="F198" s="56"/>
      <c r="G198" s="56"/>
      <c r="H198" s="56"/>
      <c r="I198" s="56"/>
      <c r="J198" s="56"/>
      <c r="K198" s="56"/>
      <c r="L198" s="56"/>
    </row>
    <row r="199" spans="3:12" x14ac:dyDescent="0.2">
      <c r="C199" s="56"/>
      <c r="D199" s="56"/>
      <c r="E199" s="56"/>
      <c r="F199" s="56"/>
      <c r="G199" s="56"/>
      <c r="H199" s="56"/>
      <c r="I199" s="56"/>
      <c r="J199" s="56"/>
      <c r="K199" s="56"/>
      <c r="L199" s="56"/>
    </row>
    <row r="200" spans="3:12" x14ac:dyDescent="0.2">
      <c r="C200" s="56"/>
      <c r="D200" s="56"/>
      <c r="E200" s="56"/>
      <c r="F200" s="56"/>
      <c r="G200" s="56"/>
      <c r="H200" s="56"/>
      <c r="I200" s="56"/>
      <c r="J200" s="56"/>
      <c r="K200" s="56"/>
      <c r="L200" s="56"/>
    </row>
    <row r="201" spans="3:12" x14ac:dyDescent="0.2">
      <c r="C201" s="56"/>
      <c r="D201" s="56"/>
      <c r="E201" s="56"/>
      <c r="F201" s="56"/>
      <c r="G201" s="56"/>
      <c r="H201" s="56"/>
      <c r="I201" s="56"/>
      <c r="J201" s="56"/>
      <c r="K201" s="56"/>
      <c r="L201" s="56"/>
    </row>
    <row r="202" spans="3:12" x14ac:dyDescent="0.2">
      <c r="C202" s="56"/>
      <c r="D202" s="56"/>
      <c r="E202" s="56"/>
      <c r="F202" s="56"/>
      <c r="G202" s="56"/>
      <c r="H202" s="56"/>
      <c r="I202" s="56"/>
      <c r="J202" s="56"/>
      <c r="K202" s="56"/>
      <c r="L202" s="56"/>
    </row>
    <row r="203" spans="3:12" x14ac:dyDescent="0.2">
      <c r="C203" s="56"/>
      <c r="D203" s="56"/>
      <c r="E203" s="56"/>
      <c r="F203" s="56"/>
      <c r="G203" s="56"/>
      <c r="H203" s="56"/>
      <c r="I203" s="56"/>
      <c r="J203" s="56"/>
      <c r="K203" s="56"/>
      <c r="L203" s="56"/>
    </row>
    <row r="204" spans="3:12" x14ac:dyDescent="0.2">
      <c r="C204" s="56"/>
      <c r="D204" s="56"/>
      <c r="E204" s="56"/>
      <c r="F204" s="56"/>
      <c r="G204" s="56"/>
      <c r="H204" s="56"/>
      <c r="I204" s="56"/>
      <c r="J204" s="56"/>
      <c r="K204" s="56"/>
      <c r="L204" s="56"/>
    </row>
    <row r="205" spans="3:12" x14ac:dyDescent="0.2">
      <c r="C205" s="56"/>
      <c r="D205" s="56"/>
      <c r="E205" s="56"/>
      <c r="F205" s="56"/>
      <c r="G205" s="56"/>
      <c r="H205" s="56"/>
      <c r="I205" s="56"/>
      <c r="J205" s="56"/>
      <c r="K205" s="56"/>
      <c r="L205" s="56"/>
    </row>
    <row r="206" spans="3:12" x14ac:dyDescent="0.2">
      <c r="C206" s="56"/>
      <c r="D206" s="56"/>
      <c r="E206" s="56"/>
      <c r="F206" s="56"/>
      <c r="G206" s="56"/>
      <c r="H206" s="56"/>
      <c r="I206" s="56"/>
      <c r="J206" s="56"/>
      <c r="K206" s="56"/>
      <c r="L206" s="56"/>
    </row>
    <row r="207" spans="3:12" x14ac:dyDescent="0.2">
      <c r="C207" s="56"/>
      <c r="D207" s="56"/>
      <c r="E207" s="56"/>
      <c r="F207" s="56"/>
      <c r="G207" s="56"/>
      <c r="H207" s="56"/>
      <c r="I207" s="56"/>
      <c r="J207" s="56"/>
      <c r="K207" s="56"/>
      <c r="L207" s="56"/>
    </row>
    <row r="208" spans="3:12" x14ac:dyDescent="0.2">
      <c r="C208" s="56"/>
      <c r="D208" s="56"/>
      <c r="E208" s="56"/>
      <c r="F208" s="56"/>
      <c r="G208" s="56"/>
      <c r="H208" s="56"/>
      <c r="I208" s="56"/>
      <c r="J208" s="56"/>
      <c r="K208" s="56"/>
      <c r="L208" s="56"/>
    </row>
    <row r="209" spans="3:12" x14ac:dyDescent="0.2">
      <c r="C209" s="56"/>
      <c r="D209" s="56"/>
      <c r="E209" s="56"/>
      <c r="F209" s="56"/>
      <c r="G209" s="56"/>
      <c r="H209" s="56"/>
      <c r="I209" s="56"/>
      <c r="J209" s="56"/>
      <c r="K209" s="56"/>
      <c r="L209" s="56"/>
    </row>
    <row r="210" spans="3:12" x14ac:dyDescent="0.2">
      <c r="C210" s="56"/>
      <c r="D210" s="56"/>
      <c r="E210" s="56"/>
      <c r="F210" s="56"/>
      <c r="G210" s="56"/>
      <c r="H210" s="56"/>
      <c r="I210" s="56"/>
      <c r="J210" s="56"/>
      <c r="K210" s="56"/>
      <c r="L210" s="56"/>
    </row>
    <row r="211" spans="3:12" x14ac:dyDescent="0.2">
      <c r="C211" s="56"/>
      <c r="D211" s="56"/>
      <c r="E211" s="56"/>
      <c r="F211" s="56"/>
      <c r="G211" s="56"/>
      <c r="H211" s="56"/>
      <c r="I211" s="56"/>
      <c r="J211" s="56"/>
      <c r="K211" s="56"/>
      <c r="L211" s="56"/>
    </row>
    <row r="212" spans="3:12" x14ac:dyDescent="0.2">
      <c r="C212" s="56"/>
      <c r="D212" s="56"/>
      <c r="E212" s="56"/>
      <c r="F212" s="56"/>
      <c r="G212" s="56"/>
      <c r="H212" s="56"/>
      <c r="I212" s="56"/>
      <c r="J212" s="56"/>
      <c r="K212" s="56"/>
      <c r="L212" s="56"/>
    </row>
    <row r="213" spans="3:12" x14ac:dyDescent="0.2">
      <c r="C213" s="56"/>
      <c r="D213" s="56"/>
      <c r="E213" s="56"/>
      <c r="F213" s="56"/>
      <c r="G213" s="56"/>
      <c r="H213" s="56"/>
      <c r="I213" s="56"/>
      <c r="J213" s="56"/>
      <c r="K213" s="56"/>
      <c r="L213" s="56"/>
    </row>
    <row r="214" spans="3:12" x14ac:dyDescent="0.2">
      <c r="C214" s="56"/>
      <c r="D214" s="56"/>
      <c r="E214" s="56"/>
      <c r="F214" s="56"/>
      <c r="G214" s="56"/>
      <c r="H214" s="56"/>
      <c r="I214" s="56"/>
      <c r="J214" s="56"/>
      <c r="K214" s="56"/>
      <c r="L214" s="56"/>
    </row>
    <row r="215" spans="3:12" x14ac:dyDescent="0.2">
      <c r="C215" s="56"/>
      <c r="D215" s="56"/>
      <c r="E215" s="56"/>
      <c r="F215" s="56"/>
      <c r="G215" s="56"/>
      <c r="H215" s="56"/>
      <c r="I215" s="56"/>
      <c r="J215" s="56"/>
      <c r="K215" s="56"/>
      <c r="L215" s="56"/>
    </row>
    <row r="216" spans="3:12" x14ac:dyDescent="0.2">
      <c r="C216" s="56"/>
      <c r="D216" s="56"/>
      <c r="E216" s="56"/>
      <c r="F216" s="56"/>
      <c r="G216" s="56"/>
      <c r="H216" s="56"/>
      <c r="I216" s="56"/>
      <c r="J216" s="56"/>
      <c r="K216" s="56"/>
      <c r="L216" s="56"/>
    </row>
    <row r="217" spans="3:12" x14ac:dyDescent="0.2">
      <c r="C217" s="56"/>
      <c r="D217" s="56"/>
      <c r="E217" s="56"/>
      <c r="F217" s="56"/>
      <c r="G217" s="56"/>
      <c r="H217" s="56"/>
      <c r="I217" s="56"/>
      <c r="J217" s="56"/>
      <c r="K217" s="56"/>
      <c r="L217" s="56"/>
    </row>
    <row r="218" spans="3:12" x14ac:dyDescent="0.2">
      <c r="C218" s="56"/>
      <c r="D218" s="56"/>
      <c r="E218" s="56"/>
      <c r="F218" s="56"/>
      <c r="G218" s="56"/>
      <c r="H218" s="56"/>
      <c r="I218" s="56"/>
      <c r="J218" s="56"/>
      <c r="K218" s="56"/>
      <c r="L218" s="56"/>
    </row>
  </sheetData>
  <mergeCells count="18">
    <mergeCell ref="Z4:AE4"/>
    <mergeCell ref="AF4:AF5"/>
    <mergeCell ref="H1:I1"/>
    <mergeCell ref="AG4:AI4"/>
    <mergeCell ref="AJ4:AO4"/>
    <mergeCell ref="AP4:AP5"/>
    <mergeCell ref="B3:B4"/>
    <mergeCell ref="C3:L3"/>
    <mergeCell ref="M3:V3"/>
    <mergeCell ref="W3:AF3"/>
    <mergeCell ref="AG3:AP3"/>
    <mergeCell ref="C4:E4"/>
    <mergeCell ref="F4:K4"/>
    <mergeCell ref="L4:L5"/>
    <mergeCell ref="M4:O4"/>
    <mergeCell ref="P4:U4"/>
    <mergeCell ref="V4:V5"/>
    <mergeCell ref="W4:Y4"/>
  </mergeCells>
  <phoneticPr fontId="4"/>
  <pageMargins left="0.39370078740157483" right="0.39370078740157483" top="0.27559055118110237" bottom="0.39370078740157483" header="0.19685039370078741" footer="0.19685039370078741"/>
  <pageSetup paperSize="9" scale="35" orientation="landscape" r:id="rId1"/>
  <headerFooter alignWithMargins="0">
    <oddFooter>&amp;L&amp;20&amp;A&amp;C&amp;P/&amp;N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OS43"/>
  <sheetViews>
    <sheetView zoomScaleNormal="100" workbookViewId="0">
      <pane xSplit="2" ySplit="9" topLeftCell="C10" activePane="bottomRight" state="frozen"/>
      <selection activeCell="F37" sqref="F37"/>
      <selection pane="topRight" activeCell="F37" sqref="F37"/>
      <selection pane="bottomLeft" activeCell="F37" sqref="F37"/>
      <selection pane="bottomRight" activeCell="C9" sqref="C9"/>
    </sheetView>
  </sheetViews>
  <sheetFormatPr defaultColWidth="8.21875" defaultRowHeight="13.2" x14ac:dyDescent="0.2"/>
  <cols>
    <col min="1" max="1" width="3.77734375" style="57" customWidth="1"/>
    <col min="2" max="2" width="9.77734375" style="57" customWidth="1"/>
    <col min="3" max="3" width="8.21875" style="57" customWidth="1"/>
    <col min="4" max="5" width="10" style="57" customWidth="1"/>
    <col min="6" max="6" width="7" style="57" customWidth="1"/>
    <col min="7" max="13" width="10.33203125" style="57" customWidth="1"/>
    <col min="14" max="16" width="8.88671875" style="57" customWidth="1"/>
    <col min="17" max="17" width="7.6640625" style="57" customWidth="1"/>
    <col min="18" max="24" width="10.6640625" style="57" customWidth="1"/>
    <col min="25" max="27" width="8.88671875" style="57" customWidth="1"/>
    <col min="28" max="28" width="7.6640625" style="57" customWidth="1"/>
    <col min="29" max="29" width="8.88671875" style="57" customWidth="1"/>
    <col min="30" max="30" width="10.44140625" style="57" customWidth="1"/>
    <col min="31" max="33" width="8.88671875" style="57" customWidth="1"/>
    <col min="34" max="35" width="10" style="57" customWidth="1"/>
    <col min="36" max="38" width="8.88671875" style="57" customWidth="1"/>
    <col min="39" max="39" width="7.77734375" style="57" customWidth="1"/>
    <col min="40" max="49" width="8.88671875" style="57" customWidth="1"/>
    <col min="50" max="50" width="7.77734375" style="57" customWidth="1"/>
    <col min="51" max="55" width="8.88671875" style="57" customWidth="1"/>
    <col min="56" max="57" width="10.33203125" style="57" customWidth="1"/>
    <col min="58" max="60" width="8.88671875" style="57" customWidth="1"/>
    <col min="61" max="61" width="8" style="57" customWidth="1"/>
    <col min="62" max="71" width="8.88671875" style="57" customWidth="1"/>
    <col min="72" max="72" width="7.44140625" style="57" customWidth="1"/>
    <col min="73" max="77" width="8.88671875" style="57" customWidth="1"/>
    <col min="78" max="78" width="11.77734375" style="57" customWidth="1"/>
    <col min="79" max="79" width="12" style="57" customWidth="1"/>
    <col min="80" max="82" width="8.88671875" style="233" customWidth="1"/>
    <col min="83" max="83" width="7.77734375" style="233" customWidth="1"/>
    <col min="84" max="90" width="9" style="233" customWidth="1"/>
    <col min="91" max="93" width="8.88671875" style="57" customWidth="1"/>
    <col min="94" max="94" width="7.44140625" style="57" customWidth="1"/>
    <col min="95" max="97" width="10.109375" style="57" customWidth="1"/>
    <col min="98" max="99" width="8.88671875" style="57" customWidth="1"/>
    <col min="100" max="101" width="10.21875" style="57" customWidth="1"/>
    <col min="102" max="104" width="8.88671875" style="57" customWidth="1"/>
    <col min="105" max="105" width="7.33203125" style="57" customWidth="1"/>
    <col min="106" max="110" width="8.88671875" style="57" customWidth="1"/>
    <col min="111" max="112" width="9.21875" style="57" customWidth="1"/>
    <col min="113" max="115" width="8.88671875" style="233" customWidth="1"/>
    <col min="116" max="116" width="7.33203125" style="233" customWidth="1"/>
    <col min="117" max="121" width="8.88671875" style="233" customWidth="1"/>
    <col min="122" max="123" width="9.6640625" style="233" customWidth="1"/>
    <col min="124" max="126" width="8.88671875" style="57" customWidth="1"/>
    <col min="127" max="127" width="7.77734375" style="57" customWidth="1"/>
    <col min="128" max="132" width="8.88671875" style="57" customWidth="1"/>
    <col min="133" max="134" width="9.33203125" style="57" customWidth="1"/>
    <col min="135" max="137" width="8.88671875" style="57" customWidth="1"/>
    <col min="138" max="138" width="7.44140625" style="57" customWidth="1"/>
    <col min="139" max="148" width="8.88671875" style="57" customWidth="1"/>
    <col min="149" max="149" width="7.21875" style="57" customWidth="1"/>
    <col min="150" max="159" width="8.88671875" style="57" customWidth="1"/>
    <col min="160" max="160" width="7.21875" style="57" customWidth="1"/>
    <col min="161" max="167" width="8.88671875" style="57" customWidth="1"/>
    <col min="168" max="170" width="8.88671875" style="233" customWidth="1"/>
    <col min="171" max="171" width="7.33203125" style="233" customWidth="1"/>
    <col min="172" max="176" width="8.88671875" style="233" customWidth="1"/>
    <col min="177" max="178" width="9.6640625" style="233" customWidth="1"/>
    <col min="179" max="181" width="8.88671875" style="57" customWidth="1"/>
    <col min="182" max="182" width="7.21875" style="57" customWidth="1"/>
    <col min="183" max="187" width="8.88671875" style="57" customWidth="1"/>
    <col min="188" max="189" width="9.44140625" style="57" customWidth="1"/>
    <col min="190" max="192" width="8.88671875" style="57" customWidth="1"/>
    <col min="193" max="193" width="7.77734375" style="57" customWidth="1"/>
    <col min="194" max="203" width="8.88671875" style="57" customWidth="1"/>
    <col min="204" max="204" width="7.44140625" style="57" customWidth="1"/>
    <col min="205" max="214" width="8.88671875" style="57" customWidth="1"/>
    <col min="215" max="215" width="7.33203125" style="57" customWidth="1"/>
    <col min="216" max="218" width="8.88671875" style="57" customWidth="1"/>
    <col min="219" max="219" width="10.44140625" style="57" customWidth="1"/>
    <col min="220" max="220" width="8.88671875" style="57" customWidth="1"/>
    <col min="221" max="222" width="9.6640625" style="57" customWidth="1"/>
    <col min="223" max="225" width="8.88671875" style="57" customWidth="1"/>
    <col min="226" max="226" width="7.6640625" style="57" customWidth="1"/>
    <col min="227" max="231" width="8.88671875" style="57" customWidth="1"/>
    <col min="232" max="233" width="10" style="57" customWidth="1"/>
    <col min="234" max="235" width="7.44140625" style="233" customWidth="1"/>
    <col min="236" max="236" width="9.33203125" style="233" customWidth="1"/>
    <col min="237" max="237" width="7.44140625" style="233" customWidth="1"/>
    <col min="238" max="244" width="10.109375" style="233" customWidth="1"/>
    <col min="245" max="247" width="10.109375" style="57" customWidth="1"/>
    <col min="248" max="248" width="7.109375" style="57" customWidth="1"/>
    <col min="249" max="258" width="10.109375" style="57" customWidth="1"/>
    <col min="259" max="259" width="7.33203125" style="57" customWidth="1"/>
    <col min="260" max="269" width="10.109375" style="57" customWidth="1"/>
    <col min="270" max="270" width="7.21875" style="57" customWidth="1"/>
    <col min="271" max="280" width="10.109375" style="57" customWidth="1"/>
    <col min="281" max="281" width="7.6640625" style="57" customWidth="1"/>
    <col min="282" max="291" width="10.109375" style="57" customWidth="1"/>
    <col min="292" max="292" width="6.33203125" style="57" customWidth="1"/>
    <col min="293" max="302" width="10.109375" style="57" customWidth="1"/>
    <col min="303" max="303" width="7.44140625" style="57" customWidth="1"/>
    <col min="304" max="310" width="10.109375" style="57" customWidth="1"/>
    <col min="311" max="313" width="10.109375" style="233" customWidth="1"/>
    <col min="314" max="314" width="7.109375" style="233" customWidth="1"/>
    <col min="315" max="324" width="10.109375" style="233" customWidth="1"/>
    <col min="325" max="325" width="7.44140625" style="233" customWidth="1"/>
    <col min="326" max="335" width="10.109375" style="233" customWidth="1"/>
    <col min="336" max="336" width="6.88671875" style="233" customWidth="1"/>
    <col min="337" max="343" width="10.109375" style="233" customWidth="1"/>
    <col min="344" max="346" width="10.109375" style="57" customWidth="1"/>
    <col min="347" max="347" width="7.21875" style="57" customWidth="1"/>
    <col min="348" max="357" width="10.109375" style="57" customWidth="1"/>
    <col min="358" max="358" width="7.21875" style="57" customWidth="1"/>
    <col min="359" max="368" width="10.109375" style="57" customWidth="1"/>
    <col min="369" max="369" width="7" style="57" customWidth="1"/>
    <col min="370" max="379" width="10.109375" style="57" customWidth="1"/>
    <col min="380" max="380" width="6.88671875" style="57" customWidth="1"/>
    <col min="381" max="385" width="10.109375" style="57" customWidth="1"/>
    <col min="386" max="387" width="10.33203125" style="57" customWidth="1"/>
    <col min="388" max="390" width="10.109375" style="57" customWidth="1"/>
    <col min="391" max="391" width="6.88671875" style="57" customWidth="1"/>
    <col min="392" max="396" width="10.109375" style="57" customWidth="1"/>
    <col min="397" max="398" width="10.33203125" style="57" customWidth="1"/>
    <col min="399" max="401" width="9.21875" style="57" customWidth="1"/>
    <col min="402" max="402" width="7" style="57" customWidth="1"/>
    <col min="403" max="404" width="9.21875" style="57" customWidth="1"/>
    <col min="405" max="405" width="10.44140625" style="57" customWidth="1"/>
    <col min="406" max="406" width="12.109375" style="57" customWidth="1"/>
    <col min="407" max="407" width="10.109375" style="57" customWidth="1"/>
    <col min="408" max="409" width="10.33203125" style="57" customWidth="1"/>
    <col min="410" max="16384" width="8.21875" style="57"/>
  </cols>
  <sheetData>
    <row r="1" spans="1:409" ht="24" customHeight="1" x14ac:dyDescent="0.2">
      <c r="B1" s="7" t="s">
        <v>142</v>
      </c>
      <c r="E1" s="52">
        <f>第１表!F2</f>
        <v>7</v>
      </c>
      <c r="F1" s="405">
        <f>第１表!G2</f>
        <v>1</v>
      </c>
      <c r="G1" s="572">
        <f>IF(F1&lt;3,F1-2+12,F1-2)</f>
        <v>11</v>
      </c>
      <c r="H1" s="572"/>
      <c r="IB1" s="37"/>
      <c r="IC1" s="19"/>
      <c r="ID1" s="547"/>
      <c r="IE1" s="547"/>
    </row>
    <row r="2" spans="1:409" ht="24" customHeight="1" x14ac:dyDescent="0.2">
      <c r="B2" s="7" t="s">
        <v>143</v>
      </c>
      <c r="E2" s="16"/>
      <c r="F2" s="17"/>
      <c r="G2" s="547"/>
      <c r="H2" s="547"/>
      <c r="IB2" s="18"/>
      <c r="IC2" s="19"/>
      <c r="ID2" s="234"/>
      <c r="IE2" s="234"/>
    </row>
    <row r="3" spans="1:409" ht="24" customHeight="1" thickBot="1" x14ac:dyDescent="0.25">
      <c r="B3" s="7" t="s">
        <v>144</v>
      </c>
    </row>
    <row r="4" spans="1:409" ht="21" customHeight="1" thickBot="1" x14ac:dyDescent="0.25">
      <c r="B4" s="554" t="s">
        <v>42</v>
      </c>
      <c r="C4" s="557" t="s">
        <v>63</v>
      </c>
      <c r="D4" s="557"/>
      <c r="E4" s="557"/>
      <c r="F4" s="557"/>
      <c r="G4" s="557"/>
      <c r="H4" s="557"/>
      <c r="I4" s="557"/>
      <c r="J4" s="557"/>
      <c r="K4" s="557"/>
      <c r="L4" s="557"/>
      <c r="M4" s="557"/>
      <c r="N4" s="520"/>
      <c r="O4" s="520"/>
      <c r="P4" s="520"/>
      <c r="Q4" s="520"/>
      <c r="R4" s="520"/>
      <c r="S4" s="520"/>
      <c r="T4" s="520"/>
      <c r="U4" s="520"/>
      <c r="V4" s="520"/>
      <c r="W4" s="520"/>
      <c r="X4" s="520"/>
      <c r="Y4" s="520"/>
      <c r="Z4" s="520"/>
      <c r="AA4" s="520"/>
      <c r="AB4" s="520"/>
      <c r="AC4" s="520"/>
      <c r="AD4" s="520"/>
      <c r="AE4" s="520"/>
      <c r="AF4" s="520"/>
      <c r="AG4" s="520"/>
      <c r="AH4" s="520"/>
      <c r="AI4" s="520"/>
      <c r="AJ4" s="520"/>
      <c r="AK4" s="520"/>
      <c r="AL4" s="520"/>
      <c r="AM4" s="520"/>
      <c r="AN4" s="520"/>
      <c r="AO4" s="520"/>
      <c r="AP4" s="520"/>
      <c r="AQ4" s="520"/>
      <c r="AR4" s="520"/>
      <c r="AS4" s="520"/>
      <c r="AT4" s="520"/>
      <c r="AU4" s="520"/>
      <c r="AV4" s="520"/>
      <c r="AW4" s="520"/>
      <c r="AX4" s="520"/>
      <c r="AY4" s="520"/>
      <c r="AZ4" s="520"/>
      <c r="BA4" s="520"/>
      <c r="BB4" s="520"/>
      <c r="BC4" s="520"/>
      <c r="BD4" s="520"/>
      <c r="BE4" s="520"/>
      <c r="BF4" s="520"/>
      <c r="BG4" s="520"/>
      <c r="BH4" s="520"/>
      <c r="BI4" s="520"/>
      <c r="BJ4" s="520"/>
      <c r="BK4" s="520"/>
      <c r="BL4" s="520"/>
      <c r="BM4" s="520"/>
      <c r="BN4" s="520"/>
      <c r="BO4" s="520"/>
      <c r="BP4" s="520"/>
      <c r="BQ4" s="520"/>
      <c r="BR4" s="520"/>
      <c r="BS4" s="520"/>
      <c r="BT4" s="520"/>
      <c r="BU4" s="520"/>
      <c r="BV4" s="520"/>
      <c r="BW4" s="520"/>
      <c r="BX4" s="520"/>
      <c r="BY4" s="520"/>
      <c r="BZ4" s="520"/>
      <c r="CA4" s="520"/>
      <c r="CB4" s="520"/>
      <c r="CC4" s="520"/>
      <c r="CD4" s="520"/>
      <c r="CE4" s="520"/>
      <c r="CF4" s="520"/>
      <c r="CG4" s="520"/>
      <c r="CH4" s="520"/>
      <c r="CI4" s="520"/>
      <c r="CJ4" s="520"/>
      <c r="CK4" s="520"/>
      <c r="CL4" s="520"/>
      <c r="CM4" s="520"/>
      <c r="CN4" s="520"/>
      <c r="CO4" s="520"/>
      <c r="CP4" s="520"/>
      <c r="CQ4" s="520"/>
      <c r="CR4" s="520"/>
      <c r="CS4" s="520"/>
      <c r="CT4" s="520"/>
      <c r="CU4" s="520"/>
      <c r="CV4" s="520"/>
      <c r="CW4" s="520"/>
      <c r="CX4" s="520"/>
      <c r="CY4" s="520"/>
      <c r="CZ4" s="520"/>
      <c r="DA4" s="520"/>
      <c r="DB4" s="520"/>
      <c r="DC4" s="520"/>
      <c r="DD4" s="520"/>
      <c r="DE4" s="520"/>
      <c r="DF4" s="520"/>
      <c r="DG4" s="520"/>
      <c r="DH4" s="520"/>
      <c r="DI4" s="520"/>
      <c r="DJ4" s="520"/>
      <c r="DK4" s="520"/>
      <c r="DL4" s="520"/>
      <c r="DM4" s="520"/>
      <c r="DN4" s="520"/>
      <c r="DO4" s="520"/>
      <c r="DP4" s="520"/>
      <c r="DQ4" s="520"/>
      <c r="DR4" s="520"/>
      <c r="DS4" s="520"/>
      <c r="DT4" s="520"/>
      <c r="DU4" s="520"/>
      <c r="DV4" s="520"/>
      <c r="DW4" s="520"/>
      <c r="DX4" s="520"/>
      <c r="DY4" s="520"/>
      <c r="DZ4" s="520"/>
      <c r="EA4" s="520"/>
      <c r="EB4" s="520"/>
      <c r="EC4" s="520"/>
      <c r="ED4" s="520"/>
      <c r="EE4" s="520"/>
      <c r="EF4" s="520"/>
      <c r="EG4" s="520"/>
      <c r="EH4" s="520"/>
      <c r="EI4" s="520"/>
      <c r="EJ4" s="520"/>
      <c r="EK4" s="520"/>
      <c r="EL4" s="520"/>
      <c r="EM4" s="520"/>
      <c r="EN4" s="520"/>
      <c r="EO4" s="520"/>
      <c r="EP4" s="520"/>
      <c r="EQ4" s="520"/>
      <c r="ER4" s="520"/>
      <c r="ES4" s="520"/>
      <c r="ET4" s="520"/>
      <c r="EU4" s="520"/>
      <c r="EV4" s="520"/>
      <c r="EW4" s="520"/>
      <c r="EX4" s="520"/>
      <c r="EY4" s="520"/>
      <c r="EZ4" s="520"/>
      <c r="FA4" s="520"/>
      <c r="FB4" s="520"/>
      <c r="FC4" s="520"/>
      <c r="FD4" s="520"/>
      <c r="FE4" s="520"/>
      <c r="FF4" s="520"/>
      <c r="FG4" s="520"/>
      <c r="FH4" s="520"/>
      <c r="FI4" s="520"/>
      <c r="FJ4" s="520"/>
      <c r="FK4" s="520"/>
      <c r="FL4" s="520"/>
      <c r="FM4" s="520"/>
      <c r="FN4" s="520"/>
      <c r="FO4" s="520"/>
      <c r="FP4" s="520"/>
      <c r="FQ4" s="520"/>
      <c r="FR4" s="520"/>
      <c r="FS4" s="520"/>
      <c r="FT4" s="520"/>
      <c r="FU4" s="520"/>
      <c r="FV4" s="520"/>
      <c r="FW4" s="520"/>
      <c r="FX4" s="520"/>
      <c r="FY4" s="520"/>
      <c r="FZ4" s="520"/>
      <c r="GA4" s="520"/>
      <c r="GB4" s="520"/>
      <c r="GC4" s="520"/>
      <c r="GD4" s="520"/>
      <c r="GE4" s="520"/>
      <c r="GF4" s="520"/>
      <c r="GG4" s="520"/>
      <c r="GH4" s="520"/>
      <c r="GI4" s="520"/>
      <c r="GJ4" s="520"/>
      <c r="GK4" s="520"/>
      <c r="GL4" s="520"/>
      <c r="GM4" s="520"/>
      <c r="GN4" s="520"/>
      <c r="GO4" s="520"/>
      <c r="GP4" s="520"/>
      <c r="GQ4" s="520"/>
      <c r="GR4" s="520"/>
      <c r="GS4" s="520"/>
      <c r="GT4" s="520"/>
      <c r="GU4" s="520"/>
      <c r="GV4" s="520"/>
      <c r="GW4" s="520"/>
      <c r="GX4" s="520"/>
      <c r="GY4" s="520"/>
      <c r="GZ4" s="520"/>
      <c r="HA4" s="520"/>
      <c r="HB4" s="520"/>
      <c r="HC4" s="520"/>
      <c r="HD4" s="520"/>
      <c r="HE4" s="520"/>
      <c r="HF4" s="520"/>
      <c r="HG4" s="520"/>
      <c r="HH4" s="520"/>
      <c r="HI4" s="520"/>
      <c r="HJ4" s="520"/>
      <c r="HK4" s="520"/>
      <c r="HL4" s="520"/>
      <c r="HM4" s="520"/>
      <c r="HN4" s="520"/>
      <c r="HO4" s="520"/>
      <c r="HP4" s="520"/>
      <c r="HQ4" s="520"/>
      <c r="HR4" s="520"/>
      <c r="HS4" s="520"/>
      <c r="HT4" s="520"/>
      <c r="HU4" s="520"/>
      <c r="HV4" s="520"/>
      <c r="HW4" s="520"/>
      <c r="HX4" s="520"/>
      <c r="HY4" s="521"/>
      <c r="HZ4" s="424" t="s">
        <v>85</v>
      </c>
      <c r="IA4" s="425"/>
      <c r="IB4" s="425"/>
      <c r="IC4" s="425"/>
      <c r="ID4" s="425"/>
      <c r="IE4" s="425"/>
      <c r="IF4" s="425"/>
      <c r="IG4" s="425"/>
      <c r="IH4" s="425"/>
      <c r="II4" s="425"/>
      <c r="IJ4" s="425"/>
      <c r="IK4" s="425"/>
      <c r="IL4" s="425"/>
      <c r="IM4" s="425"/>
      <c r="IN4" s="425"/>
      <c r="IO4" s="425"/>
      <c r="IP4" s="425"/>
      <c r="IQ4" s="425"/>
      <c r="IR4" s="425"/>
      <c r="IS4" s="425"/>
      <c r="IT4" s="425"/>
      <c r="IU4" s="425"/>
      <c r="IV4" s="425"/>
      <c r="IW4" s="425"/>
      <c r="IX4" s="425"/>
      <c r="IY4" s="425"/>
      <c r="IZ4" s="425"/>
      <c r="JA4" s="425"/>
      <c r="JB4" s="425"/>
      <c r="JC4" s="425"/>
      <c r="JD4" s="425"/>
      <c r="JE4" s="425"/>
      <c r="JF4" s="425"/>
      <c r="JG4" s="425"/>
      <c r="JH4" s="425"/>
      <c r="JI4" s="425"/>
      <c r="JJ4" s="425"/>
      <c r="JK4" s="425"/>
      <c r="JL4" s="425"/>
      <c r="JM4" s="425"/>
      <c r="JN4" s="425"/>
      <c r="JO4" s="425"/>
      <c r="JP4" s="425"/>
      <c r="JQ4" s="425"/>
      <c r="JR4" s="425"/>
      <c r="JS4" s="425"/>
      <c r="JT4" s="425"/>
      <c r="JU4" s="425"/>
      <c r="JV4" s="425"/>
      <c r="JW4" s="425"/>
      <c r="JX4" s="425"/>
      <c r="JY4" s="425"/>
      <c r="JZ4" s="425"/>
      <c r="KA4" s="425"/>
      <c r="KB4" s="425"/>
      <c r="KC4" s="425"/>
      <c r="KD4" s="425"/>
      <c r="KE4" s="425"/>
      <c r="KF4" s="425"/>
      <c r="KG4" s="425"/>
      <c r="KH4" s="425"/>
      <c r="KI4" s="425"/>
      <c r="KJ4" s="425"/>
      <c r="KK4" s="425"/>
      <c r="KL4" s="425"/>
      <c r="KM4" s="425"/>
      <c r="KN4" s="425"/>
      <c r="KO4" s="425"/>
      <c r="KP4" s="425"/>
      <c r="KQ4" s="425"/>
      <c r="KR4" s="425"/>
      <c r="KS4" s="425"/>
      <c r="KT4" s="425"/>
      <c r="KU4" s="425"/>
      <c r="KV4" s="425"/>
      <c r="KW4" s="425"/>
      <c r="KX4" s="425"/>
      <c r="KY4" s="425"/>
      <c r="KZ4" s="425"/>
      <c r="LA4" s="425"/>
      <c r="LB4" s="425"/>
      <c r="LC4" s="425"/>
      <c r="LD4" s="425"/>
      <c r="LE4" s="425"/>
      <c r="LF4" s="425"/>
      <c r="LG4" s="425"/>
      <c r="LH4" s="425"/>
      <c r="LI4" s="425"/>
      <c r="LJ4" s="425"/>
      <c r="LK4" s="425"/>
      <c r="LL4" s="425"/>
      <c r="LM4" s="425"/>
      <c r="LN4" s="425"/>
      <c r="LO4" s="425"/>
      <c r="LP4" s="425"/>
      <c r="LQ4" s="425"/>
      <c r="LR4" s="425"/>
      <c r="LS4" s="425"/>
      <c r="LT4" s="425"/>
      <c r="LU4" s="425"/>
      <c r="LV4" s="425"/>
      <c r="LW4" s="425"/>
      <c r="LX4" s="425"/>
      <c r="LY4" s="425"/>
      <c r="LZ4" s="425"/>
      <c r="MA4" s="425"/>
      <c r="MB4" s="425"/>
      <c r="MC4" s="425"/>
      <c r="MD4" s="425"/>
      <c r="ME4" s="426"/>
      <c r="MF4" s="424" t="s">
        <v>86</v>
      </c>
      <c r="MG4" s="425"/>
      <c r="MH4" s="425"/>
      <c r="MI4" s="425"/>
      <c r="MJ4" s="425"/>
      <c r="MK4" s="425"/>
      <c r="ML4" s="425"/>
      <c r="MM4" s="425"/>
      <c r="MN4" s="425"/>
      <c r="MO4" s="425"/>
      <c r="MP4" s="425"/>
      <c r="MQ4" s="425"/>
      <c r="MR4" s="425"/>
      <c r="MS4" s="425"/>
      <c r="MT4" s="425"/>
      <c r="MU4" s="425"/>
      <c r="MV4" s="425"/>
      <c r="MW4" s="425"/>
      <c r="MX4" s="425"/>
      <c r="MY4" s="425"/>
      <c r="MZ4" s="425"/>
      <c r="NA4" s="425"/>
      <c r="NB4" s="425"/>
      <c r="NC4" s="425"/>
      <c r="ND4" s="425"/>
      <c r="NE4" s="425"/>
      <c r="NF4" s="425"/>
      <c r="NG4" s="425"/>
      <c r="NH4" s="425"/>
      <c r="NI4" s="425"/>
      <c r="NJ4" s="425"/>
      <c r="NK4" s="425"/>
      <c r="NL4" s="425"/>
      <c r="NM4" s="425"/>
      <c r="NN4" s="425"/>
      <c r="NO4" s="425"/>
      <c r="NP4" s="425"/>
      <c r="NQ4" s="425"/>
      <c r="NR4" s="425"/>
      <c r="NS4" s="425"/>
      <c r="NT4" s="425"/>
      <c r="NU4" s="425"/>
      <c r="NV4" s="425"/>
      <c r="NW4" s="425"/>
      <c r="NX4" s="425"/>
      <c r="NY4" s="425"/>
      <c r="NZ4" s="425"/>
      <c r="OA4" s="425"/>
      <c r="OB4" s="425"/>
      <c r="OC4" s="425"/>
      <c r="OD4" s="425"/>
      <c r="OE4" s="425"/>
      <c r="OF4" s="425"/>
      <c r="OG4" s="425"/>
      <c r="OH4" s="426"/>
      <c r="OI4" s="427" t="s">
        <v>60</v>
      </c>
      <c r="OJ4" s="428"/>
      <c r="OK4" s="428"/>
      <c r="OL4" s="428"/>
      <c r="OM4" s="428"/>
      <c r="ON4" s="428"/>
      <c r="OO4" s="428"/>
      <c r="OP4" s="428"/>
      <c r="OQ4" s="428"/>
      <c r="OR4" s="428"/>
      <c r="OS4" s="429"/>
    </row>
    <row r="5" spans="1:409" ht="21" customHeight="1" thickBot="1" x14ac:dyDescent="0.25">
      <c r="B5" s="555"/>
      <c r="C5" s="558"/>
      <c r="D5" s="558"/>
      <c r="E5" s="558"/>
      <c r="F5" s="558"/>
      <c r="G5" s="558"/>
      <c r="H5" s="558"/>
      <c r="I5" s="558"/>
      <c r="J5" s="558"/>
      <c r="K5" s="558"/>
      <c r="L5" s="558"/>
      <c r="M5" s="558"/>
      <c r="N5" s="560" t="s">
        <v>64</v>
      </c>
      <c r="O5" s="561"/>
      <c r="P5" s="561"/>
      <c r="Q5" s="561"/>
      <c r="R5" s="561"/>
      <c r="S5" s="561"/>
      <c r="T5" s="561"/>
      <c r="U5" s="561"/>
      <c r="V5" s="561"/>
      <c r="W5" s="561"/>
      <c r="X5" s="561"/>
      <c r="Y5" s="561"/>
      <c r="Z5" s="561"/>
      <c r="AA5" s="561"/>
      <c r="AB5" s="561"/>
      <c r="AC5" s="561"/>
      <c r="AD5" s="561"/>
      <c r="AE5" s="561"/>
      <c r="AF5" s="561"/>
      <c r="AG5" s="561"/>
      <c r="AH5" s="561"/>
      <c r="AI5" s="561"/>
      <c r="AJ5" s="561"/>
      <c r="AK5" s="561"/>
      <c r="AL5" s="561"/>
      <c r="AM5" s="561"/>
      <c r="AN5" s="561"/>
      <c r="AO5" s="561"/>
      <c r="AP5" s="561"/>
      <c r="AQ5" s="561"/>
      <c r="AR5" s="561"/>
      <c r="AS5" s="561"/>
      <c r="AT5" s="561"/>
      <c r="AU5" s="561"/>
      <c r="AV5" s="561"/>
      <c r="AW5" s="561"/>
      <c r="AX5" s="561"/>
      <c r="AY5" s="561"/>
      <c r="AZ5" s="561"/>
      <c r="BA5" s="561"/>
      <c r="BB5" s="561"/>
      <c r="BC5" s="561"/>
      <c r="BD5" s="561"/>
      <c r="BE5" s="561"/>
      <c r="BF5" s="561"/>
      <c r="BG5" s="561"/>
      <c r="BH5" s="561"/>
      <c r="BI5" s="561"/>
      <c r="BJ5" s="561"/>
      <c r="BK5" s="561"/>
      <c r="BL5" s="561"/>
      <c r="BM5" s="561"/>
      <c r="BN5" s="561"/>
      <c r="BO5" s="561"/>
      <c r="BP5" s="561"/>
      <c r="BQ5" s="561"/>
      <c r="BR5" s="561"/>
      <c r="BS5" s="561"/>
      <c r="BT5" s="561"/>
      <c r="BU5" s="561"/>
      <c r="BV5" s="561"/>
      <c r="BW5" s="561"/>
      <c r="BX5" s="561"/>
      <c r="BY5" s="561"/>
      <c r="BZ5" s="561"/>
      <c r="CA5" s="562"/>
      <c r="CB5" s="560" t="s">
        <v>65</v>
      </c>
      <c r="CC5" s="561"/>
      <c r="CD5" s="561"/>
      <c r="CE5" s="561"/>
      <c r="CF5" s="561"/>
      <c r="CG5" s="561"/>
      <c r="CH5" s="561"/>
      <c r="CI5" s="561"/>
      <c r="CJ5" s="561"/>
      <c r="CK5" s="561"/>
      <c r="CL5" s="561"/>
      <c r="CM5" s="561"/>
      <c r="CN5" s="561"/>
      <c r="CO5" s="561"/>
      <c r="CP5" s="561"/>
      <c r="CQ5" s="561"/>
      <c r="CR5" s="561"/>
      <c r="CS5" s="561"/>
      <c r="CT5" s="561"/>
      <c r="CU5" s="561"/>
      <c r="CV5" s="561"/>
      <c r="CW5" s="561"/>
      <c r="CX5" s="561"/>
      <c r="CY5" s="561"/>
      <c r="CZ5" s="561"/>
      <c r="DA5" s="561"/>
      <c r="DB5" s="561"/>
      <c r="DC5" s="561"/>
      <c r="DD5" s="561"/>
      <c r="DE5" s="561"/>
      <c r="DF5" s="561"/>
      <c r="DG5" s="561"/>
      <c r="DH5" s="562"/>
      <c r="DI5" s="424" t="s">
        <v>66</v>
      </c>
      <c r="DJ5" s="425"/>
      <c r="DK5" s="425"/>
      <c r="DL5" s="425"/>
      <c r="DM5" s="425"/>
      <c r="DN5" s="425"/>
      <c r="DO5" s="425"/>
      <c r="DP5" s="425"/>
      <c r="DQ5" s="425"/>
      <c r="DR5" s="425"/>
      <c r="DS5" s="425"/>
      <c r="DT5" s="425"/>
      <c r="DU5" s="425"/>
      <c r="DV5" s="425"/>
      <c r="DW5" s="425"/>
      <c r="DX5" s="425"/>
      <c r="DY5" s="425"/>
      <c r="DZ5" s="425"/>
      <c r="EA5" s="425"/>
      <c r="EB5" s="425"/>
      <c r="EC5" s="425"/>
      <c r="ED5" s="425"/>
      <c r="EE5" s="425"/>
      <c r="EF5" s="425"/>
      <c r="EG5" s="425"/>
      <c r="EH5" s="425"/>
      <c r="EI5" s="425"/>
      <c r="EJ5" s="425"/>
      <c r="EK5" s="425"/>
      <c r="EL5" s="425"/>
      <c r="EM5" s="425"/>
      <c r="EN5" s="425"/>
      <c r="EO5" s="425"/>
      <c r="EP5" s="425"/>
      <c r="EQ5" s="425"/>
      <c r="ER5" s="425"/>
      <c r="ES5" s="425"/>
      <c r="ET5" s="425"/>
      <c r="EU5" s="425"/>
      <c r="EV5" s="425"/>
      <c r="EW5" s="425"/>
      <c r="EX5" s="425"/>
      <c r="EY5" s="425"/>
      <c r="EZ5" s="425"/>
      <c r="FA5" s="425"/>
      <c r="FB5" s="425"/>
      <c r="FC5" s="425"/>
      <c r="FD5" s="425"/>
      <c r="FE5" s="425"/>
      <c r="FF5" s="425"/>
      <c r="FG5" s="425"/>
      <c r="FH5" s="425"/>
      <c r="FI5" s="425"/>
      <c r="FJ5" s="425"/>
      <c r="FK5" s="426"/>
      <c r="FL5" s="560" t="s">
        <v>67</v>
      </c>
      <c r="FM5" s="561"/>
      <c r="FN5" s="561"/>
      <c r="FO5" s="561"/>
      <c r="FP5" s="561"/>
      <c r="FQ5" s="561"/>
      <c r="FR5" s="561"/>
      <c r="FS5" s="561"/>
      <c r="FT5" s="561"/>
      <c r="FU5" s="561"/>
      <c r="FV5" s="561"/>
      <c r="FW5" s="561"/>
      <c r="FX5" s="561"/>
      <c r="FY5" s="561"/>
      <c r="FZ5" s="561"/>
      <c r="GA5" s="561"/>
      <c r="GB5" s="561"/>
      <c r="GC5" s="561"/>
      <c r="GD5" s="561"/>
      <c r="GE5" s="561"/>
      <c r="GF5" s="561"/>
      <c r="GG5" s="561"/>
      <c r="GH5" s="561"/>
      <c r="GI5" s="561"/>
      <c r="GJ5" s="561"/>
      <c r="GK5" s="561"/>
      <c r="GL5" s="561"/>
      <c r="GM5" s="561"/>
      <c r="GN5" s="561"/>
      <c r="GO5" s="561"/>
      <c r="GP5" s="561"/>
      <c r="GQ5" s="561"/>
      <c r="GR5" s="561"/>
      <c r="GS5" s="561"/>
      <c r="GT5" s="561"/>
      <c r="GU5" s="561"/>
      <c r="GV5" s="561"/>
      <c r="GW5" s="561"/>
      <c r="GX5" s="561"/>
      <c r="GY5" s="561"/>
      <c r="GZ5" s="561"/>
      <c r="HA5" s="561"/>
      <c r="HB5" s="561"/>
      <c r="HC5" s="562"/>
      <c r="HD5" s="563" t="s">
        <v>68</v>
      </c>
      <c r="HE5" s="564"/>
      <c r="HF5" s="564"/>
      <c r="HG5" s="564"/>
      <c r="HH5" s="564"/>
      <c r="HI5" s="564"/>
      <c r="HJ5" s="564"/>
      <c r="HK5" s="564"/>
      <c r="HL5" s="564"/>
      <c r="HM5" s="564"/>
      <c r="HN5" s="565"/>
      <c r="HO5" s="563" t="s">
        <v>69</v>
      </c>
      <c r="HP5" s="564"/>
      <c r="HQ5" s="564"/>
      <c r="HR5" s="564"/>
      <c r="HS5" s="564"/>
      <c r="HT5" s="564"/>
      <c r="HU5" s="564"/>
      <c r="HV5" s="564"/>
      <c r="HW5" s="564"/>
      <c r="HX5" s="564"/>
      <c r="HY5" s="565"/>
      <c r="HZ5" s="538"/>
      <c r="IA5" s="539"/>
      <c r="IB5" s="539"/>
      <c r="IC5" s="539"/>
      <c r="ID5" s="539"/>
      <c r="IE5" s="539"/>
      <c r="IF5" s="539"/>
      <c r="IG5" s="539"/>
      <c r="IH5" s="539"/>
      <c r="II5" s="539"/>
      <c r="IJ5" s="540"/>
      <c r="IK5" s="427" t="s">
        <v>94</v>
      </c>
      <c r="IL5" s="428"/>
      <c r="IM5" s="428"/>
      <c r="IN5" s="428"/>
      <c r="IO5" s="428"/>
      <c r="IP5" s="428"/>
      <c r="IQ5" s="428"/>
      <c r="IR5" s="428"/>
      <c r="IS5" s="428"/>
      <c r="IT5" s="428"/>
      <c r="IU5" s="429"/>
      <c r="IV5" s="427" t="s">
        <v>88</v>
      </c>
      <c r="IW5" s="428"/>
      <c r="IX5" s="428"/>
      <c r="IY5" s="428"/>
      <c r="IZ5" s="428"/>
      <c r="JA5" s="428"/>
      <c r="JB5" s="428"/>
      <c r="JC5" s="428"/>
      <c r="JD5" s="428"/>
      <c r="JE5" s="428"/>
      <c r="JF5" s="429"/>
      <c r="JG5" s="427" t="s">
        <v>140</v>
      </c>
      <c r="JH5" s="428"/>
      <c r="JI5" s="428"/>
      <c r="JJ5" s="428"/>
      <c r="JK5" s="428"/>
      <c r="JL5" s="428"/>
      <c r="JM5" s="428"/>
      <c r="JN5" s="428"/>
      <c r="JO5" s="428"/>
      <c r="JP5" s="428"/>
      <c r="JQ5" s="429"/>
      <c r="JR5" s="427" t="s">
        <v>90</v>
      </c>
      <c r="JS5" s="428"/>
      <c r="JT5" s="428"/>
      <c r="JU5" s="428"/>
      <c r="JV5" s="428"/>
      <c r="JW5" s="428"/>
      <c r="JX5" s="428"/>
      <c r="JY5" s="428"/>
      <c r="JZ5" s="428"/>
      <c r="KA5" s="428"/>
      <c r="KB5" s="429"/>
      <c r="KC5" s="427" t="s">
        <v>89</v>
      </c>
      <c r="KD5" s="428"/>
      <c r="KE5" s="428"/>
      <c r="KF5" s="428"/>
      <c r="KG5" s="428"/>
      <c r="KH5" s="428"/>
      <c r="KI5" s="428"/>
      <c r="KJ5" s="428"/>
      <c r="KK5" s="428"/>
      <c r="KL5" s="428"/>
      <c r="KM5" s="429"/>
      <c r="KN5" s="427" t="s">
        <v>91</v>
      </c>
      <c r="KO5" s="428"/>
      <c r="KP5" s="428"/>
      <c r="KQ5" s="428"/>
      <c r="KR5" s="428"/>
      <c r="KS5" s="428"/>
      <c r="KT5" s="428"/>
      <c r="KU5" s="428"/>
      <c r="KV5" s="428"/>
      <c r="KW5" s="428"/>
      <c r="KX5" s="429"/>
      <c r="KY5" s="427" t="s">
        <v>92</v>
      </c>
      <c r="KZ5" s="428"/>
      <c r="LA5" s="428"/>
      <c r="LB5" s="428"/>
      <c r="LC5" s="428"/>
      <c r="LD5" s="428"/>
      <c r="LE5" s="428"/>
      <c r="LF5" s="428"/>
      <c r="LG5" s="428"/>
      <c r="LH5" s="428"/>
      <c r="LI5" s="429"/>
      <c r="LJ5" s="544" t="s">
        <v>93</v>
      </c>
      <c r="LK5" s="545"/>
      <c r="LL5" s="545"/>
      <c r="LM5" s="545"/>
      <c r="LN5" s="545"/>
      <c r="LO5" s="545"/>
      <c r="LP5" s="545"/>
      <c r="LQ5" s="545"/>
      <c r="LR5" s="545"/>
      <c r="LS5" s="545"/>
      <c r="LT5" s="546"/>
      <c r="LU5" s="544" t="s">
        <v>141</v>
      </c>
      <c r="LV5" s="545"/>
      <c r="LW5" s="545"/>
      <c r="LX5" s="545"/>
      <c r="LY5" s="545"/>
      <c r="LZ5" s="545"/>
      <c r="MA5" s="545"/>
      <c r="MB5" s="545"/>
      <c r="MC5" s="545"/>
      <c r="MD5" s="545"/>
      <c r="ME5" s="546"/>
      <c r="MF5" s="538"/>
      <c r="MG5" s="539"/>
      <c r="MH5" s="539"/>
      <c r="MI5" s="539"/>
      <c r="MJ5" s="539"/>
      <c r="MK5" s="539"/>
      <c r="ML5" s="539"/>
      <c r="MM5" s="539"/>
      <c r="MN5" s="539"/>
      <c r="MO5" s="539"/>
      <c r="MP5" s="540"/>
      <c r="MQ5" s="427" t="s">
        <v>57</v>
      </c>
      <c r="MR5" s="428"/>
      <c r="MS5" s="428"/>
      <c r="MT5" s="428"/>
      <c r="MU5" s="428"/>
      <c r="MV5" s="428"/>
      <c r="MW5" s="428"/>
      <c r="MX5" s="428"/>
      <c r="MY5" s="428"/>
      <c r="MZ5" s="428"/>
      <c r="NA5" s="429"/>
      <c r="NB5" s="427" t="s">
        <v>58</v>
      </c>
      <c r="NC5" s="428"/>
      <c r="ND5" s="428"/>
      <c r="NE5" s="428"/>
      <c r="NF5" s="428"/>
      <c r="NG5" s="428"/>
      <c r="NH5" s="428"/>
      <c r="NI5" s="428"/>
      <c r="NJ5" s="428"/>
      <c r="NK5" s="428"/>
      <c r="NL5" s="429"/>
      <c r="NM5" s="427" t="s">
        <v>59</v>
      </c>
      <c r="NN5" s="428"/>
      <c r="NO5" s="428"/>
      <c r="NP5" s="428"/>
      <c r="NQ5" s="428"/>
      <c r="NR5" s="428"/>
      <c r="NS5" s="428"/>
      <c r="NT5" s="428"/>
      <c r="NU5" s="428"/>
      <c r="NV5" s="428"/>
      <c r="NW5" s="429"/>
      <c r="NX5" s="427" t="s">
        <v>145</v>
      </c>
      <c r="NY5" s="428"/>
      <c r="NZ5" s="428"/>
      <c r="OA5" s="428"/>
      <c r="OB5" s="428"/>
      <c r="OC5" s="428"/>
      <c r="OD5" s="428"/>
      <c r="OE5" s="428"/>
      <c r="OF5" s="428"/>
      <c r="OG5" s="428"/>
      <c r="OH5" s="429"/>
      <c r="OI5" s="439"/>
      <c r="OJ5" s="536"/>
      <c r="OK5" s="536"/>
      <c r="OL5" s="536"/>
      <c r="OM5" s="536"/>
      <c r="ON5" s="536"/>
      <c r="OO5" s="536"/>
      <c r="OP5" s="536"/>
      <c r="OQ5" s="536"/>
      <c r="OR5" s="536"/>
      <c r="OS5" s="537"/>
    </row>
    <row r="6" spans="1:409" ht="21" customHeight="1" thickBot="1" x14ac:dyDescent="0.25">
      <c r="B6" s="555"/>
      <c r="C6" s="559"/>
      <c r="D6" s="559"/>
      <c r="E6" s="559"/>
      <c r="F6" s="559"/>
      <c r="G6" s="559"/>
      <c r="H6" s="559"/>
      <c r="I6" s="559"/>
      <c r="J6" s="559"/>
      <c r="K6" s="559"/>
      <c r="L6" s="559"/>
      <c r="M6" s="559"/>
      <c r="N6" s="433"/>
      <c r="O6" s="434"/>
      <c r="P6" s="434"/>
      <c r="Q6" s="434"/>
      <c r="R6" s="434"/>
      <c r="S6" s="434"/>
      <c r="T6" s="434"/>
      <c r="U6" s="434"/>
      <c r="V6" s="434"/>
      <c r="W6" s="434"/>
      <c r="X6" s="435"/>
      <c r="Y6" s="436" t="s">
        <v>70</v>
      </c>
      <c r="Z6" s="437"/>
      <c r="AA6" s="437"/>
      <c r="AB6" s="437"/>
      <c r="AC6" s="437"/>
      <c r="AD6" s="437"/>
      <c r="AE6" s="437"/>
      <c r="AF6" s="437"/>
      <c r="AG6" s="437"/>
      <c r="AH6" s="437"/>
      <c r="AI6" s="438"/>
      <c r="AJ6" s="563" t="s">
        <v>71</v>
      </c>
      <c r="AK6" s="564"/>
      <c r="AL6" s="564"/>
      <c r="AM6" s="564"/>
      <c r="AN6" s="564"/>
      <c r="AO6" s="564"/>
      <c r="AP6" s="564"/>
      <c r="AQ6" s="564"/>
      <c r="AR6" s="564"/>
      <c r="AS6" s="564"/>
      <c r="AT6" s="565"/>
      <c r="AU6" s="573" t="s">
        <v>72</v>
      </c>
      <c r="AV6" s="574"/>
      <c r="AW6" s="574"/>
      <c r="AX6" s="574"/>
      <c r="AY6" s="574"/>
      <c r="AZ6" s="574"/>
      <c r="BA6" s="574"/>
      <c r="BB6" s="574"/>
      <c r="BC6" s="574"/>
      <c r="BD6" s="574"/>
      <c r="BE6" s="575"/>
      <c r="BF6" s="573" t="s">
        <v>73</v>
      </c>
      <c r="BG6" s="574"/>
      <c r="BH6" s="574"/>
      <c r="BI6" s="574"/>
      <c r="BJ6" s="574"/>
      <c r="BK6" s="574"/>
      <c r="BL6" s="574"/>
      <c r="BM6" s="574"/>
      <c r="BN6" s="574"/>
      <c r="BO6" s="574"/>
      <c r="BP6" s="575"/>
      <c r="BQ6" s="573" t="s">
        <v>74</v>
      </c>
      <c r="BR6" s="574"/>
      <c r="BS6" s="574"/>
      <c r="BT6" s="574"/>
      <c r="BU6" s="574"/>
      <c r="BV6" s="574"/>
      <c r="BW6" s="574"/>
      <c r="BX6" s="574"/>
      <c r="BY6" s="574"/>
      <c r="BZ6" s="574"/>
      <c r="CA6" s="575"/>
      <c r="CB6" s="541"/>
      <c r="CC6" s="542"/>
      <c r="CD6" s="542"/>
      <c r="CE6" s="542"/>
      <c r="CF6" s="542"/>
      <c r="CG6" s="542"/>
      <c r="CH6" s="542"/>
      <c r="CI6" s="542"/>
      <c r="CJ6" s="542"/>
      <c r="CK6" s="542"/>
      <c r="CL6" s="543"/>
      <c r="CM6" s="573" t="s">
        <v>75</v>
      </c>
      <c r="CN6" s="574"/>
      <c r="CO6" s="574"/>
      <c r="CP6" s="574"/>
      <c r="CQ6" s="574"/>
      <c r="CR6" s="574"/>
      <c r="CS6" s="574"/>
      <c r="CT6" s="574"/>
      <c r="CU6" s="574"/>
      <c r="CV6" s="574"/>
      <c r="CW6" s="575"/>
      <c r="CX6" s="573" t="s">
        <v>76</v>
      </c>
      <c r="CY6" s="574"/>
      <c r="CZ6" s="574"/>
      <c r="DA6" s="574"/>
      <c r="DB6" s="574"/>
      <c r="DC6" s="574"/>
      <c r="DD6" s="574"/>
      <c r="DE6" s="574"/>
      <c r="DF6" s="574"/>
      <c r="DG6" s="574"/>
      <c r="DH6" s="575"/>
      <c r="DI6" s="541"/>
      <c r="DJ6" s="542"/>
      <c r="DK6" s="542"/>
      <c r="DL6" s="542"/>
      <c r="DM6" s="542"/>
      <c r="DN6" s="542"/>
      <c r="DO6" s="542"/>
      <c r="DP6" s="542"/>
      <c r="DQ6" s="542"/>
      <c r="DR6" s="542"/>
      <c r="DS6" s="542"/>
      <c r="DT6" s="573" t="s">
        <v>77</v>
      </c>
      <c r="DU6" s="574"/>
      <c r="DV6" s="574"/>
      <c r="DW6" s="574"/>
      <c r="DX6" s="574"/>
      <c r="DY6" s="574"/>
      <c r="DZ6" s="574"/>
      <c r="EA6" s="574"/>
      <c r="EB6" s="574"/>
      <c r="EC6" s="574"/>
      <c r="ED6" s="575"/>
      <c r="EE6" s="573" t="s">
        <v>78</v>
      </c>
      <c r="EF6" s="574"/>
      <c r="EG6" s="574"/>
      <c r="EH6" s="574"/>
      <c r="EI6" s="574"/>
      <c r="EJ6" s="574"/>
      <c r="EK6" s="574"/>
      <c r="EL6" s="574"/>
      <c r="EM6" s="574"/>
      <c r="EN6" s="574"/>
      <c r="EO6" s="575"/>
      <c r="EP6" s="573" t="s">
        <v>79</v>
      </c>
      <c r="EQ6" s="574"/>
      <c r="ER6" s="574"/>
      <c r="ES6" s="574"/>
      <c r="ET6" s="574"/>
      <c r="EU6" s="574"/>
      <c r="EV6" s="574"/>
      <c r="EW6" s="574"/>
      <c r="EX6" s="574"/>
      <c r="EY6" s="574"/>
      <c r="EZ6" s="575"/>
      <c r="FA6" s="573" t="s">
        <v>146</v>
      </c>
      <c r="FB6" s="574"/>
      <c r="FC6" s="574"/>
      <c r="FD6" s="574"/>
      <c r="FE6" s="574"/>
      <c r="FF6" s="574"/>
      <c r="FG6" s="574"/>
      <c r="FH6" s="574"/>
      <c r="FI6" s="574"/>
      <c r="FJ6" s="574"/>
      <c r="FK6" s="575"/>
      <c r="FL6" s="541"/>
      <c r="FM6" s="542"/>
      <c r="FN6" s="542"/>
      <c r="FO6" s="542"/>
      <c r="FP6" s="542"/>
      <c r="FQ6" s="542"/>
      <c r="FR6" s="542"/>
      <c r="FS6" s="542"/>
      <c r="FT6" s="542"/>
      <c r="FU6" s="542"/>
      <c r="FV6" s="542"/>
      <c r="FW6" s="573" t="s">
        <v>80</v>
      </c>
      <c r="FX6" s="574"/>
      <c r="FY6" s="574"/>
      <c r="FZ6" s="574"/>
      <c r="GA6" s="574"/>
      <c r="GB6" s="574"/>
      <c r="GC6" s="574"/>
      <c r="GD6" s="574"/>
      <c r="GE6" s="574"/>
      <c r="GF6" s="574"/>
      <c r="GG6" s="575"/>
      <c r="GH6" s="436" t="s">
        <v>81</v>
      </c>
      <c r="GI6" s="437"/>
      <c r="GJ6" s="437"/>
      <c r="GK6" s="437"/>
      <c r="GL6" s="437"/>
      <c r="GM6" s="437"/>
      <c r="GN6" s="437"/>
      <c r="GO6" s="437"/>
      <c r="GP6" s="437"/>
      <c r="GQ6" s="437"/>
      <c r="GR6" s="438"/>
      <c r="GS6" s="436" t="s">
        <v>82</v>
      </c>
      <c r="GT6" s="437"/>
      <c r="GU6" s="437"/>
      <c r="GV6" s="437"/>
      <c r="GW6" s="437"/>
      <c r="GX6" s="437"/>
      <c r="GY6" s="437"/>
      <c r="GZ6" s="437"/>
      <c r="HA6" s="437"/>
      <c r="HB6" s="437"/>
      <c r="HC6" s="438"/>
      <c r="HD6" s="566"/>
      <c r="HE6" s="567"/>
      <c r="HF6" s="567"/>
      <c r="HG6" s="567"/>
      <c r="HH6" s="567"/>
      <c r="HI6" s="567"/>
      <c r="HJ6" s="567"/>
      <c r="HK6" s="567"/>
      <c r="HL6" s="567"/>
      <c r="HM6" s="567"/>
      <c r="HN6" s="568"/>
      <c r="HO6" s="566"/>
      <c r="HP6" s="567"/>
      <c r="HQ6" s="567"/>
      <c r="HR6" s="567"/>
      <c r="HS6" s="567"/>
      <c r="HT6" s="567"/>
      <c r="HU6" s="567"/>
      <c r="HV6" s="567"/>
      <c r="HW6" s="567"/>
      <c r="HX6" s="567"/>
      <c r="HY6" s="568"/>
      <c r="HZ6" s="541"/>
      <c r="IA6" s="542"/>
      <c r="IB6" s="542"/>
      <c r="IC6" s="542"/>
      <c r="ID6" s="542"/>
      <c r="IE6" s="542"/>
      <c r="IF6" s="542"/>
      <c r="IG6" s="542"/>
      <c r="IH6" s="542"/>
      <c r="II6" s="542"/>
      <c r="IJ6" s="543"/>
      <c r="IK6" s="433"/>
      <c r="IL6" s="434"/>
      <c r="IM6" s="434"/>
      <c r="IN6" s="434"/>
      <c r="IO6" s="434"/>
      <c r="IP6" s="434"/>
      <c r="IQ6" s="434"/>
      <c r="IR6" s="434"/>
      <c r="IS6" s="434"/>
      <c r="IT6" s="434"/>
      <c r="IU6" s="435"/>
      <c r="IV6" s="433"/>
      <c r="IW6" s="434"/>
      <c r="IX6" s="434"/>
      <c r="IY6" s="434"/>
      <c r="IZ6" s="434"/>
      <c r="JA6" s="434"/>
      <c r="JB6" s="434"/>
      <c r="JC6" s="434"/>
      <c r="JD6" s="434"/>
      <c r="JE6" s="434"/>
      <c r="JF6" s="435"/>
      <c r="JG6" s="433"/>
      <c r="JH6" s="434"/>
      <c r="JI6" s="434"/>
      <c r="JJ6" s="434"/>
      <c r="JK6" s="434"/>
      <c r="JL6" s="434"/>
      <c r="JM6" s="434"/>
      <c r="JN6" s="434"/>
      <c r="JO6" s="434"/>
      <c r="JP6" s="434"/>
      <c r="JQ6" s="435"/>
      <c r="JR6" s="433"/>
      <c r="JS6" s="434"/>
      <c r="JT6" s="434"/>
      <c r="JU6" s="434"/>
      <c r="JV6" s="434"/>
      <c r="JW6" s="434"/>
      <c r="JX6" s="434"/>
      <c r="JY6" s="434"/>
      <c r="JZ6" s="434"/>
      <c r="KA6" s="434"/>
      <c r="KB6" s="435"/>
      <c r="KC6" s="433"/>
      <c r="KD6" s="434"/>
      <c r="KE6" s="434"/>
      <c r="KF6" s="434"/>
      <c r="KG6" s="434"/>
      <c r="KH6" s="434"/>
      <c r="KI6" s="434"/>
      <c r="KJ6" s="434"/>
      <c r="KK6" s="434"/>
      <c r="KL6" s="434"/>
      <c r="KM6" s="435"/>
      <c r="KN6" s="433"/>
      <c r="KO6" s="434"/>
      <c r="KP6" s="434"/>
      <c r="KQ6" s="434"/>
      <c r="KR6" s="434"/>
      <c r="KS6" s="434"/>
      <c r="KT6" s="434"/>
      <c r="KU6" s="434"/>
      <c r="KV6" s="434"/>
      <c r="KW6" s="434"/>
      <c r="KX6" s="435"/>
      <c r="KY6" s="433"/>
      <c r="KZ6" s="434"/>
      <c r="LA6" s="434"/>
      <c r="LB6" s="434"/>
      <c r="LC6" s="434"/>
      <c r="LD6" s="434"/>
      <c r="LE6" s="434"/>
      <c r="LF6" s="434"/>
      <c r="LG6" s="434"/>
      <c r="LH6" s="434"/>
      <c r="LI6" s="435"/>
      <c r="LJ6" s="541"/>
      <c r="LK6" s="542"/>
      <c r="LL6" s="542"/>
      <c r="LM6" s="542"/>
      <c r="LN6" s="542"/>
      <c r="LO6" s="542"/>
      <c r="LP6" s="542"/>
      <c r="LQ6" s="542"/>
      <c r="LR6" s="542"/>
      <c r="LS6" s="542"/>
      <c r="LT6" s="543"/>
      <c r="LU6" s="541"/>
      <c r="LV6" s="542"/>
      <c r="LW6" s="542"/>
      <c r="LX6" s="542"/>
      <c r="LY6" s="542"/>
      <c r="LZ6" s="542"/>
      <c r="MA6" s="542"/>
      <c r="MB6" s="542"/>
      <c r="MC6" s="542"/>
      <c r="MD6" s="542"/>
      <c r="ME6" s="543"/>
      <c r="MF6" s="541"/>
      <c r="MG6" s="542"/>
      <c r="MH6" s="542"/>
      <c r="MI6" s="542"/>
      <c r="MJ6" s="542"/>
      <c r="MK6" s="542"/>
      <c r="ML6" s="542"/>
      <c r="MM6" s="542"/>
      <c r="MN6" s="542"/>
      <c r="MO6" s="542"/>
      <c r="MP6" s="543"/>
      <c r="MQ6" s="433"/>
      <c r="MR6" s="434"/>
      <c r="MS6" s="434"/>
      <c r="MT6" s="434"/>
      <c r="MU6" s="434"/>
      <c r="MV6" s="434"/>
      <c r="MW6" s="434"/>
      <c r="MX6" s="434"/>
      <c r="MY6" s="434"/>
      <c r="MZ6" s="434"/>
      <c r="NA6" s="435"/>
      <c r="NB6" s="433"/>
      <c r="NC6" s="434"/>
      <c r="ND6" s="434"/>
      <c r="NE6" s="434"/>
      <c r="NF6" s="434"/>
      <c r="NG6" s="434"/>
      <c r="NH6" s="434"/>
      <c r="NI6" s="434"/>
      <c r="NJ6" s="434"/>
      <c r="NK6" s="434"/>
      <c r="NL6" s="435"/>
      <c r="NM6" s="433"/>
      <c r="NN6" s="434"/>
      <c r="NO6" s="434"/>
      <c r="NP6" s="434"/>
      <c r="NQ6" s="434"/>
      <c r="NR6" s="434"/>
      <c r="NS6" s="434"/>
      <c r="NT6" s="434"/>
      <c r="NU6" s="434"/>
      <c r="NV6" s="434"/>
      <c r="NW6" s="435"/>
      <c r="NX6" s="433"/>
      <c r="NY6" s="434"/>
      <c r="NZ6" s="434"/>
      <c r="OA6" s="434"/>
      <c r="OB6" s="434"/>
      <c r="OC6" s="434"/>
      <c r="OD6" s="434"/>
      <c r="OE6" s="434"/>
      <c r="OF6" s="434"/>
      <c r="OG6" s="434"/>
      <c r="OH6" s="435"/>
      <c r="OI6" s="433"/>
      <c r="OJ6" s="434"/>
      <c r="OK6" s="434"/>
      <c r="OL6" s="434"/>
      <c r="OM6" s="434"/>
      <c r="ON6" s="434"/>
      <c r="OO6" s="434"/>
      <c r="OP6" s="434"/>
      <c r="OQ6" s="434"/>
      <c r="OR6" s="434"/>
      <c r="OS6" s="435"/>
    </row>
    <row r="7" spans="1:409" ht="21" customHeight="1" x14ac:dyDescent="0.2">
      <c r="B7" s="555"/>
      <c r="C7" s="506" t="s">
        <v>61</v>
      </c>
      <c r="D7" s="506"/>
      <c r="E7" s="506"/>
      <c r="F7" s="505" t="s">
        <v>62</v>
      </c>
      <c r="G7" s="506"/>
      <c r="H7" s="506"/>
      <c r="I7" s="506"/>
      <c r="J7" s="506"/>
      <c r="K7" s="506"/>
      <c r="L7" s="506"/>
      <c r="M7" s="505" t="s">
        <v>52</v>
      </c>
      <c r="N7" s="570" t="s">
        <v>61</v>
      </c>
      <c r="O7" s="506"/>
      <c r="P7" s="506"/>
      <c r="Q7" s="505" t="s">
        <v>62</v>
      </c>
      <c r="R7" s="506"/>
      <c r="S7" s="506"/>
      <c r="T7" s="506"/>
      <c r="U7" s="506"/>
      <c r="V7" s="506"/>
      <c r="W7" s="507"/>
      <c r="X7" s="533" t="s">
        <v>52</v>
      </c>
      <c r="Y7" s="433" t="s">
        <v>61</v>
      </c>
      <c r="Z7" s="434"/>
      <c r="AA7" s="515"/>
      <c r="AB7" s="514" t="s">
        <v>62</v>
      </c>
      <c r="AC7" s="434"/>
      <c r="AD7" s="434"/>
      <c r="AE7" s="434"/>
      <c r="AF7" s="434"/>
      <c r="AG7" s="434"/>
      <c r="AH7" s="515"/>
      <c r="AI7" s="435" t="s">
        <v>52</v>
      </c>
      <c r="AJ7" s="502" t="s">
        <v>61</v>
      </c>
      <c r="AK7" s="503"/>
      <c r="AL7" s="504"/>
      <c r="AM7" s="531" t="s">
        <v>62</v>
      </c>
      <c r="AN7" s="503"/>
      <c r="AO7" s="503"/>
      <c r="AP7" s="503"/>
      <c r="AQ7" s="503"/>
      <c r="AR7" s="503"/>
      <c r="AS7" s="532"/>
      <c r="AT7" s="571" t="s">
        <v>52</v>
      </c>
      <c r="AU7" s="518" t="s">
        <v>61</v>
      </c>
      <c r="AV7" s="512"/>
      <c r="AW7" s="513"/>
      <c r="AX7" s="534" t="s">
        <v>62</v>
      </c>
      <c r="AY7" s="512"/>
      <c r="AZ7" s="512"/>
      <c r="BA7" s="512"/>
      <c r="BB7" s="512"/>
      <c r="BC7" s="512"/>
      <c r="BD7" s="535"/>
      <c r="BE7" s="435" t="s">
        <v>52</v>
      </c>
      <c r="BF7" s="518" t="s">
        <v>61</v>
      </c>
      <c r="BG7" s="512"/>
      <c r="BH7" s="513"/>
      <c r="BI7" s="534" t="s">
        <v>62</v>
      </c>
      <c r="BJ7" s="512"/>
      <c r="BK7" s="512"/>
      <c r="BL7" s="512"/>
      <c r="BM7" s="512"/>
      <c r="BN7" s="512"/>
      <c r="BO7" s="535"/>
      <c r="BP7" s="435" t="s">
        <v>52</v>
      </c>
      <c r="BQ7" s="518" t="s">
        <v>61</v>
      </c>
      <c r="BR7" s="512"/>
      <c r="BS7" s="513"/>
      <c r="BT7" s="534" t="s">
        <v>62</v>
      </c>
      <c r="BU7" s="512"/>
      <c r="BV7" s="512"/>
      <c r="BW7" s="512"/>
      <c r="BX7" s="512"/>
      <c r="BY7" s="512"/>
      <c r="BZ7" s="535"/>
      <c r="CA7" s="435" t="s">
        <v>52</v>
      </c>
      <c r="CB7" s="502" t="s">
        <v>61</v>
      </c>
      <c r="CC7" s="503"/>
      <c r="CD7" s="504"/>
      <c r="CE7" s="531" t="s">
        <v>62</v>
      </c>
      <c r="CF7" s="503"/>
      <c r="CG7" s="503"/>
      <c r="CH7" s="503"/>
      <c r="CI7" s="503"/>
      <c r="CJ7" s="503"/>
      <c r="CK7" s="532"/>
      <c r="CL7" s="533" t="s">
        <v>52</v>
      </c>
      <c r="CM7" s="518" t="s">
        <v>61</v>
      </c>
      <c r="CN7" s="512"/>
      <c r="CO7" s="535"/>
      <c r="CP7" s="534" t="s">
        <v>62</v>
      </c>
      <c r="CQ7" s="512"/>
      <c r="CR7" s="512"/>
      <c r="CS7" s="512"/>
      <c r="CT7" s="512"/>
      <c r="CU7" s="512"/>
      <c r="CV7" s="535"/>
      <c r="CW7" s="529" t="s">
        <v>52</v>
      </c>
      <c r="CX7" s="518" t="s">
        <v>61</v>
      </c>
      <c r="CY7" s="512"/>
      <c r="CZ7" s="535"/>
      <c r="DA7" s="534" t="s">
        <v>62</v>
      </c>
      <c r="DB7" s="512"/>
      <c r="DC7" s="512"/>
      <c r="DD7" s="512"/>
      <c r="DE7" s="512"/>
      <c r="DF7" s="512"/>
      <c r="DG7" s="535"/>
      <c r="DH7" s="529" t="s">
        <v>52</v>
      </c>
      <c r="DI7" s="502" t="s">
        <v>61</v>
      </c>
      <c r="DJ7" s="503"/>
      <c r="DK7" s="532"/>
      <c r="DL7" s="531" t="s">
        <v>62</v>
      </c>
      <c r="DM7" s="503"/>
      <c r="DN7" s="503"/>
      <c r="DO7" s="503"/>
      <c r="DP7" s="503"/>
      <c r="DQ7" s="503"/>
      <c r="DR7" s="532"/>
      <c r="DS7" s="533" t="s">
        <v>52</v>
      </c>
      <c r="DT7" s="518" t="s">
        <v>61</v>
      </c>
      <c r="DU7" s="512"/>
      <c r="DV7" s="513"/>
      <c r="DW7" s="534" t="s">
        <v>62</v>
      </c>
      <c r="DX7" s="512"/>
      <c r="DY7" s="512"/>
      <c r="DZ7" s="512"/>
      <c r="EA7" s="512"/>
      <c r="EB7" s="512"/>
      <c r="EC7" s="535"/>
      <c r="ED7" s="435" t="s">
        <v>52</v>
      </c>
      <c r="EE7" s="518" t="s">
        <v>61</v>
      </c>
      <c r="EF7" s="512"/>
      <c r="EG7" s="513"/>
      <c r="EH7" s="534" t="s">
        <v>62</v>
      </c>
      <c r="EI7" s="512"/>
      <c r="EJ7" s="512"/>
      <c r="EK7" s="512"/>
      <c r="EL7" s="512"/>
      <c r="EM7" s="512"/>
      <c r="EN7" s="535"/>
      <c r="EO7" s="435" t="s">
        <v>52</v>
      </c>
      <c r="EP7" s="518" t="s">
        <v>61</v>
      </c>
      <c r="EQ7" s="512"/>
      <c r="ER7" s="513"/>
      <c r="ES7" s="534" t="s">
        <v>62</v>
      </c>
      <c r="ET7" s="512"/>
      <c r="EU7" s="512"/>
      <c r="EV7" s="512"/>
      <c r="EW7" s="512"/>
      <c r="EX7" s="512"/>
      <c r="EY7" s="535"/>
      <c r="EZ7" s="435" t="s">
        <v>52</v>
      </c>
      <c r="FA7" s="518" t="s">
        <v>61</v>
      </c>
      <c r="FB7" s="512"/>
      <c r="FC7" s="513"/>
      <c r="FD7" s="534" t="s">
        <v>62</v>
      </c>
      <c r="FE7" s="512"/>
      <c r="FF7" s="512"/>
      <c r="FG7" s="512"/>
      <c r="FH7" s="512"/>
      <c r="FI7" s="512"/>
      <c r="FJ7" s="535"/>
      <c r="FK7" s="435" t="s">
        <v>52</v>
      </c>
      <c r="FL7" s="502" t="s">
        <v>61</v>
      </c>
      <c r="FM7" s="503"/>
      <c r="FN7" s="504"/>
      <c r="FO7" s="531" t="s">
        <v>62</v>
      </c>
      <c r="FP7" s="503"/>
      <c r="FQ7" s="503"/>
      <c r="FR7" s="503"/>
      <c r="FS7" s="503"/>
      <c r="FT7" s="503"/>
      <c r="FU7" s="532"/>
      <c r="FV7" s="506" t="s">
        <v>52</v>
      </c>
      <c r="FW7" s="518" t="s">
        <v>61</v>
      </c>
      <c r="FX7" s="512"/>
      <c r="FY7" s="513"/>
      <c r="FZ7" s="534" t="s">
        <v>62</v>
      </c>
      <c r="GA7" s="512"/>
      <c r="GB7" s="512"/>
      <c r="GC7" s="512"/>
      <c r="GD7" s="512"/>
      <c r="GE7" s="512"/>
      <c r="GF7" s="535"/>
      <c r="GG7" s="435" t="s">
        <v>52</v>
      </c>
      <c r="GH7" s="433" t="s">
        <v>61</v>
      </c>
      <c r="GI7" s="434"/>
      <c r="GJ7" s="434"/>
      <c r="GK7" s="514" t="s">
        <v>62</v>
      </c>
      <c r="GL7" s="434"/>
      <c r="GM7" s="434"/>
      <c r="GN7" s="434"/>
      <c r="GO7" s="434"/>
      <c r="GP7" s="434"/>
      <c r="GQ7" s="515"/>
      <c r="GR7" s="552" t="s">
        <v>52</v>
      </c>
      <c r="GS7" s="433" t="s">
        <v>61</v>
      </c>
      <c r="GT7" s="434"/>
      <c r="GU7" s="515"/>
      <c r="GV7" s="514" t="s">
        <v>62</v>
      </c>
      <c r="GW7" s="434"/>
      <c r="GX7" s="434"/>
      <c r="GY7" s="434"/>
      <c r="GZ7" s="434"/>
      <c r="HA7" s="434"/>
      <c r="HB7" s="515"/>
      <c r="HC7" s="552" t="s">
        <v>52</v>
      </c>
      <c r="HD7" s="518" t="s">
        <v>61</v>
      </c>
      <c r="HE7" s="512"/>
      <c r="HF7" s="513"/>
      <c r="HG7" s="534" t="s">
        <v>62</v>
      </c>
      <c r="HH7" s="512"/>
      <c r="HI7" s="512"/>
      <c r="HJ7" s="512"/>
      <c r="HK7" s="512"/>
      <c r="HL7" s="512"/>
      <c r="HM7" s="535"/>
      <c r="HN7" s="435" t="s">
        <v>52</v>
      </c>
      <c r="HO7" s="518" t="s">
        <v>61</v>
      </c>
      <c r="HP7" s="512"/>
      <c r="HQ7" s="513"/>
      <c r="HR7" s="534" t="s">
        <v>62</v>
      </c>
      <c r="HS7" s="512"/>
      <c r="HT7" s="512"/>
      <c r="HU7" s="512"/>
      <c r="HV7" s="512"/>
      <c r="HW7" s="512"/>
      <c r="HX7" s="535"/>
      <c r="HY7" s="435" t="s">
        <v>52</v>
      </c>
      <c r="HZ7" s="502" t="s">
        <v>61</v>
      </c>
      <c r="IA7" s="503"/>
      <c r="IB7" s="504"/>
      <c r="IC7" s="531" t="s">
        <v>62</v>
      </c>
      <c r="ID7" s="503"/>
      <c r="IE7" s="503"/>
      <c r="IF7" s="503"/>
      <c r="IG7" s="503"/>
      <c r="IH7" s="503"/>
      <c r="II7" s="532"/>
      <c r="IJ7" s="506" t="s">
        <v>52</v>
      </c>
      <c r="IK7" s="518" t="s">
        <v>61</v>
      </c>
      <c r="IL7" s="512"/>
      <c r="IM7" s="513"/>
      <c r="IN7" s="534" t="s">
        <v>62</v>
      </c>
      <c r="IO7" s="512"/>
      <c r="IP7" s="512"/>
      <c r="IQ7" s="512"/>
      <c r="IR7" s="512"/>
      <c r="IS7" s="512"/>
      <c r="IT7" s="535"/>
      <c r="IU7" s="435" t="s">
        <v>52</v>
      </c>
      <c r="IV7" s="518" t="s">
        <v>61</v>
      </c>
      <c r="IW7" s="512"/>
      <c r="IX7" s="535"/>
      <c r="IY7" s="534" t="s">
        <v>62</v>
      </c>
      <c r="IZ7" s="512"/>
      <c r="JA7" s="512"/>
      <c r="JB7" s="512"/>
      <c r="JC7" s="512"/>
      <c r="JD7" s="512"/>
      <c r="JE7" s="535"/>
      <c r="JF7" s="435" t="s">
        <v>52</v>
      </c>
      <c r="JG7" s="518" t="s">
        <v>61</v>
      </c>
      <c r="JH7" s="512"/>
      <c r="JI7" s="513"/>
      <c r="JJ7" s="534" t="s">
        <v>62</v>
      </c>
      <c r="JK7" s="512"/>
      <c r="JL7" s="512"/>
      <c r="JM7" s="512"/>
      <c r="JN7" s="512"/>
      <c r="JO7" s="512"/>
      <c r="JP7" s="535"/>
      <c r="JQ7" s="529" t="s">
        <v>52</v>
      </c>
      <c r="JR7" s="518" t="s">
        <v>61</v>
      </c>
      <c r="JS7" s="512"/>
      <c r="JT7" s="513"/>
      <c r="JU7" s="534" t="s">
        <v>62</v>
      </c>
      <c r="JV7" s="512"/>
      <c r="JW7" s="512"/>
      <c r="JX7" s="512"/>
      <c r="JY7" s="512"/>
      <c r="JZ7" s="512"/>
      <c r="KA7" s="535"/>
      <c r="KB7" s="529" t="s">
        <v>52</v>
      </c>
      <c r="KC7" s="518" t="s">
        <v>61</v>
      </c>
      <c r="KD7" s="512"/>
      <c r="KE7" s="513"/>
      <c r="KF7" s="534" t="s">
        <v>62</v>
      </c>
      <c r="KG7" s="512"/>
      <c r="KH7" s="512"/>
      <c r="KI7" s="512"/>
      <c r="KJ7" s="512"/>
      <c r="KK7" s="512"/>
      <c r="KL7" s="535"/>
      <c r="KM7" s="529" t="s">
        <v>52</v>
      </c>
      <c r="KN7" s="518" t="s">
        <v>61</v>
      </c>
      <c r="KO7" s="512"/>
      <c r="KP7" s="513"/>
      <c r="KQ7" s="534" t="s">
        <v>62</v>
      </c>
      <c r="KR7" s="512"/>
      <c r="KS7" s="512"/>
      <c r="KT7" s="512"/>
      <c r="KU7" s="512"/>
      <c r="KV7" s="512"/>
      <c r="KW7" s="535"/>
      <c r="KX7" s="529" t="s">
        <v>52</v>
      </c>
      <c r="KY7" s="518" t="s">
        <v>61</v>
      </c>
      <c r="KZ7" s="512"/>
      <c r="LA7" s="513"/>
      <c r="LB7" s="534" t="s">
        <v>62</v>
      </c>
      <c r="LC7" s="512"/>
      <c r="LD7" s="512"/>
      <c r="LE7" s="512"/>
      <c r="LF7" s="512"/>
      <c r="LG7" s="512"/>
      <c r="LH7" s="535"/>
      <c r="LI7" s="529" t="s">
        <v>52</v>
      </c>
      <c r="LJ7" s="518" t="s">
        <v>61</v>
      </c>
      <c r="LK7" s="512"/>
      <c r="LL7" s="513"/>
      <c r="LM7" s="534" t="s">
        <v>62</v>
      </c>
      <c r="LN7" s="512"/>
      <c r="LO7" s="512"/>
      <c r="LP7" s="512"/>
      <c r="LQ7" s="512"/>
      <c r="LR7" s="512"/>
      <c r="LS7" s="535"/>
      <c r="LT7" s="529" t="s">
        <v>52</v>
      </c>
      <c r="LU7" s="518" t="s">
        <v>61</v>
      </c>
      <c r="LV7" s="512"/>
      <c r="LW7" s="513"/>
      <c r="LX7" s="534" t="s">
        <v>62</v>
      </c>
      <c r="LY7" s="512"/>
      <c r="LZ7" s="512"/>
      <c r="MA7" s="512"/>
      <c r="MB7" s="512"/>
      <c r="MC7" s="512"/>
      <c r="MD7" s="535"/>
      <c r="ME7" s="529" t="s">
        <v>52</v>
      </c>
      <c r="MF7" s="502" t="s">
        <v>61</v>
      </c>
      <c r="MG7" s="503"/>
      <c r="MH7" s="504"/>
      <c r="MI7" s="531" t="s">
        <v>62</v>
      </c>
      <c r="MJ7" s="503"/>
      <c r="MK7" s="503"/>
      <c r="ML7" s="503"/>
      <c r="MM7" s="503"/>
      <c r="MN7" s="503"/>
      <c r="MO7" s="532"/>
      <c r="MP7" s="533" t="s">
        <v>52</v>
      </c>
      <c r="MQ7" s="518" t="s">
        <v>61</v>
      </c>
      <c r="MR7" s="512"/>
      <c r="MS7" s="513"/>
      <c r="MT7" s="534" t="s">
        <v>62</v>
      </c>
      <c r="MU7" s="512"/>
      <c r="MV7" s="512"/>
      <c r="MW7" s="512"/>
      <c r="MX7" s="512"/>
      <c r="MY7" s="512"/>
      <c r="MZ7" s="535"/>
      <c r="NA7" s="529" t="s">
        <v>52</v>
      </c>
      <c r="NB7" s="518" t="s">
        <v>61</v>
      </c>
      <c r="NC7" s="512"/>
      <c r="ND7" s="513"/>
      <c r="NE7" s="534" t="s">
        <v>62</v>
      </c>
      <c r="NF7" s="512"/>
      <c r="NG7" s="512"/>
      <c r="NH7" s="512"/>
      <c r="NI7" s="512"/>
      <c r="NJ7" s="512"/>
      <c r="NK7" s="535"/>
      <c r="NL7" s="529" t="s">
        <v>52</v>
      </c>
      <c r="NM7" s="518" t="s">
        <v>61</v>
      </c>
      <c r="NN7" s="512"/>
      <c r="NO7" s="513"/>
      <c r="NP7" s="534" t="s">
        <v>62</v>
      </c>
      <c r="NQ7" s="512"/>
      <c r="NR7" s="512"/>
      <c r="NS7" s="512"/>
      <c r="NT7" s="512"/>
      <c r="NU7" s="512"/>
      <c r="NV7" s="535"/>
      <c r="NW7" s="529" t="s">
        <v>52</v>
      </c>
      <c r="NX7" s="518" t="s">
        <v>61</v>
      </c>
      <c r="NY7" s="512"/>
      <c r="NZ7" s="513"/>
      <c r="OA7" s="534" t="s">
        <v>62</v>
      </c>
      <c r="OB7" s="512"/>
      <c r="OC7" s="512"/>
      <c r="OD7" s="512"/>
      <c r="OE7" s="512"/>
      <c r="OF7" s="512"/>
      <c r="OG7" s="535"/>
      <c r="OH7" s="529" t="s">
        <v>52</v>
      </c>
      <c r="OI7" s="502" t="s">
        <v>61</v>
      </c>
      <c r="OJ7" s="503"/>
      <c r="OK7" s="504"/>
      <c r="OL7" s="531" t="s">
        <v>62</v>
      </c>
      <c r="OM7" s="503"/>
      <c r="ON7" s="503"/>
      <c r="OO7" s="503"/>
      <c r="OP7" s="503"/>
      <c r="OQ7" s="503"/>
      <c r="OR7" s="532"/>
      <c r="OS7" s="533" t="s">
        <v>52</v>
      </c>
    </row>
    <row r="8" spans="1:409" ht="30" customHeight="1" thickBot="1" x14ac:dyDescent="0.25">
      <c r="B8" s="556"/>
      <c r="C8" s="235" t="s">
        <v>43</v>
      </c>
      <c r="D8" s="60" t="s">
        <v>44</v>
      </c>
      <c r="E8" s="236" t="s">
        <v>45</v>
      </c>
      <c r="F8" s="62" t="s">
        <v>83</v>
      </c>
      <c r="G8" s="60" t="s">
        <v>47</v>
      </c>
      <c r="H8" s="60" t="s">
        <v>48</v>
      </c>
      <c r="I8" s="60" t="s">
        <v>49</v>
      </c>
      <c r="J8" s="60" t="s">
        <v>50</v>
      </c>
      <c r="K8" s="60" t="s">
        <v>51</v>
      </c>
      <c r="L8" s="61" t="s">
        <v>45</v>
      </c>
      <c r="M8" s="569"/>
      <c r="N8" s="59" t="s">
        <v>43</v>
      </c>
      <c r="O8" s="60" t="s">
        <v>44</v>
      </c>
      <c r="P8" s="61" t="s">
        <v>45</v>
      </c>
      <c r="Q8" s="62" t="s">
        <v>83</v>
      </c>
      <c r="R8" s="60" t="s">
        <v>47</v>
      </c>
      <c r="S8" s="60" t="s">
        <v>48</v>
      </c>
      <c r="T8" s="60" t="s">
        <v>49</v>
      </c>
      <c r="U8" s="60" t="s">
        <v>50</v>
      </c>
      <c r="V8" s="60" t="s">
        <v>51</v>
      </c>
      <c r="W8" s="61" t="s">
        <v>45</v>
      </c>
      <c r="X8" s="550"/>
      <c r="Y8" s="59" t="s">
        <v>43</v>
      </c>
      <c r="Z8" s="60" t="s">
        <v>44</v>
      </c>
      <c r="AA8" s="61" t="s">
        <v>45</v>
      </c>
      <c r="AB8" s="62" t="s">
        <v>83</v>
      </c>
      <c r="AC8" s="60" t="s">
        <v>47</v>
      </c>
      <c r="AD8" s="60" t="s">
        <v>48</v>
      </c>
      <c r="AE8" s="60" t="s">
        <v>49</v>
      </c>
      <c r="AF8" s="60" t="s">
        <v>50</v>
      </c>
      <c r="AG8" s="60" t="s">
        <v>51</v>
      </c>
      <c r="AH8" s="61" t="s">
        <v>45</v>
      </c>
      <c r="AI8" s="551"/>
      <c r="AJ8" s="59" t="s">
        <v>43</v>
      </c>
      <c r="AK8" s="60" t="s">
        <v>44</v>
      </c>
      <c r="AL8" s="236" t="s">
        <v>45</v>
      </c>
      <c r="AM8" s="62" t="s">
        <v>83</v>
      </c>
      <c r="AN8" s="60" t="s">
        <v>47</v>
      </c>
      <c r="AO8" s="60" t="s">
        <v>48</v>
      </c>
      <c r="AP8" s="60" t="s">
        <v>49</v>
      </c>
      <c r="AQ8" s="60" t="s">
        <v>50</v>
      </c>
      <c r="AR8" s="60" t="s">
        <v>51</v>
      </c>
      <c r="AS8" s="61" t="s">
        <v>45</v>
      </c>
      <c r="AT8" s="551"/>
      <c r="AU8" s="59" t="s">
        <v>43</v>
      </c>
      <c r="AV8" s="60" t="s">
        <v>44</v>
      </c>
      <c r="AW8" s="236" t="s">
        <v>45</v>
      </c>
      <c r="AX8" s="62" t="s">
        <v>83</v>
      </c>
      <c r="AY8" s="60" t="s">
        <v>47</v>
      </c>
      <c r="AZ8" s="60" t="s">
        <v>48</v>
      </c>
      <c r="BA8" s="60" t="s">
        <v>49</v>
      </c>
      <c r="BB8" s="60" t="s">
        <v>50</v>
      </c>
      <c r="BC8" s="60" t="s">
        <v>51</v>
      </c>
      <c r="BD8" s="61" t="s">
        <v>45</v>
      </c>
      <c r="BE8" s="551"/>
      <c r="BF8" s="237" t="s">
        <v>43</v>
      </c>
      <c r="BG8" s="60" t="s">
        <v>44</v>
      </c>
      <c r="BH8" s="236" t="s">
        <v>45</v>
      </c>
      <c r="BI8" s="62" t="s">
        <v>83</v>
      </c>
      <c r="BJ8" s="60" t="s">
        <v>47</v>
      </c>
      <c r="BK8" s="60" t="s">
        <v>48</v>
      </c>
      <c r="BL8" s="60" t="s">
        <v>49</v>
      </c>
      <c r="BM8" s="60" t="s">
        <v>50</v>
      </c>
      <c r="BN8" s="60" t="s">
        <v>51</v>
      </c>
      <c r="BO8" s="61" t="s">
        <v>45</v>
      </c>
      <c r="BP8" s="551"/>
      <c r="BQ8" s="59" t="s">
        <v>43</v>
      </c>
      <c r="BR8" s="60" t="s">
        <v>44</v>
      </c>
      <c r="BS8" s="236" t="s">
        <v>45</v>
      </c>
      <c r="BT8" s="62" t="s">
        <v>83</v>
      </c>
      <c r="BU8" s="60" t="s">
        <v>47</v>
      </c>
      <c r="BV8" s="60" t="s">
        <v>48</v>
      </c>
      <c r="BW8" s="60" t="s">
        <v>49</v>
      </c>
      <c r="BX8" s="60" t="s">
        <v>50</v>
      </c>
      <c r="BY8" s="60" t="s">
        <v>51</v>
      </c>
      <c r="BZ8" s="61" t="s">
        <v>45</v>
      </c>
      <c r="CA8" s="551"/>
      <c r="CB8" s="59" t="s">
        <v>43</v>
      </c>
      <c r="CC8" s="60" t="s">
        <v>44</v>
      </c>
      <c r="CD8" s="236" t="s">
        <v>45</v>
      </c>
      <c r="CE8" s="62" t="s">
        <v>83</v>
      </c>
      <c r="CF8" s="60" t="s">
        <v>47</v>
      </c>
      <c r="CG8" s="60" t="s">
        <v>48</v>
      </c>
      <c r="CH8" s="60" t="s">
        <v>49</v>
      </c>
      <c r="CI8" s="60" t="s">
        <v>50</v>
      </c>
      <c r="CJ8" s="60" t="s">
        <v>51</v>
      </c>
      <c r="CK8" s="61" t="s">
        <v>45</v>
      </c>
      <c r="CL8" s="550"/>
      <c r="CM8" s="59" t="s">
        <v>43</v>
      </c>
      <c r="CN8" s="60" t="s">
        <v>44</v>
      </c>
      <c r="CO8" s="61" t="s">
        <v>45</v>
      </c>
      <c r="CP8" s="62" t="s">
        <v>83</v>
      </c>
      <c r="CQ8" s="60" t="s">
        <v>47</v>
      </c>
      <c r="CR8" s="60" t="s">
        <v>48</v>
      </c>
      <c r="CS8" s="60" t="s">
        <v>49</v>
      </c>
      <c r="CT8" s="60" t="s">
        <v>50</v>
      </c>
      <c r="CU8" s="60" t="s">
        <v>51</v>
      </c>
      <c r="CV8" s="61" t="s">
        <v>45</v>
      </c>
      <c r="CW8" s="550"/>
      <c r="CX8" s="59" t="s">
        <v>43</v>
      </c>
      <c r="CY8" s="60" t="s">
        <v>44</v>
      </c>
      <c r="CZ8" s="61" t="s">
        <v>45</v>
      </c>
      <c r="DA8" s="62" t="s">
        <v>83</v>
      </c>
      <c r="DB8" s="60" t="s">
        <v>47</v>
      </c>
      <c r="DC8" s="60" t="s">
        <v>48</v>
      </c>
      <c r="DD8" s="60" t="s">
        <v>49</v>
      </c>
      <c r="DE8" s="60" t="s">
        <v>50</v>
      </c>
      <c r="DF8" s="60" t="s">
        <v>51</v>
      </c>
      <c r="DG8" s="61" t="s">
        <v>45</v>
      </c>
      <c r="DH8" s="550"/>
      <c r="DI8" s="59" t="s">
        <v>43</v>
      </c>
      <c r="DJ8" s="60" t="s">
        <v>44</v>
      </c>
      <c r="DK8" s="61" t="s">
        <v>45</v>
      </c>
      <c r="DL8" s="62" t="s">
        <v>83</v>
      </c>
      <c r="DM8" s="60" t="s">
        <v>47</v>
      </c>
      <c r="DN8" s="60" t="s">
        <v>48</v>
      </c>
      <c r="DO8" s="60" t="s">
        <v>49</v>
      </c>
      <c r="DP8" s="60" t="s">
        <v>50</v>
      </c>
      <c r="DQ8" s="60" t="s">
        <v>51</v>
      </c>
      <c r="DR8" s="61" t="s">
        <v>45</v>
      </c>
      <c r="DS8" s="550"/>
      <c r="DT8" s="59" t="s">
        <v>43</v>
      </c>
      <c r="DU8" s="60" t="s">
        <v>44</v>
      </c>
      <c r="DV8" s="236" t="s">
        <v>45</v>
      </c>
      <c r="DW8" s="62" t="s">
        <v>83</v>
      </c>
      <c r="DX8" s="60" t="s">
        <v>47</v>
      </c>
      <c r="DY8" s="60" t="s">
        <v>48</v>
      </c>
      <c r="DZ8" s="60" t="s">
        <v>49</v>
      </c>
      <c r="EA8" s="60" t="s">
        <v>50</v>
      </c>
      <c r="EB8" s="60" t="s">
        <v>51</v>
      </c>
      <c r="EC8" s="61" t="s">
        <v>45</v>
      </c>
      <c r="ED8" s="551"/>
      <c r="EE8" s="59" t="s">
        <v>43</v>
      </c>
      <c r="EF8" s="60" t="s">
        <v>44</v>
      </c>
      <c r="EG8" s="236" t="s">
        <v>45</v>
      </c>
      <c r="EH8" s="62" t="s">
        <v>83</v>
      </c>
      <c r="EI8" s="60" t="s">
        <v>47</v>
      </c>
      <c r="EJ8" s="60" t="s">
        <v>48</v>
      </c>
      <c r="EK8" s="60" t="s">
        <v>49</v>
      </c>
      <c r="EL8" s="60" t="s">
        <v>50</v>
      </c>
      <c r="EM8" s="60" t="s">
        <v>51</v>
      </c>
      <c r="EN8" s="61" t="s">
        <v>45</v>
      </c>
      <c r="EO8" s="551"/>
      <c r="EP8" s="59" t="s">
        <v>43</v>
      </c>
      <c r="EQ8" s="60" t="s">
        <v>44</v>
      </c>
      <c r="ER8" s="236" t="s">
        <v>45</v>
      </c>
      <c r="ES8" s="62" t="s">
        <v>83</v>
      </c>
      <c r="ET8" s="60" t="s">
        <v>47</v>
      </c>
      <c r="EU8" s="60" t="s">
        <v>48</v>
      </c>
      <c r="EV8" s="60" t="s">
        <v>49</v>
      </c>
      <c r="EW8" s="60" t="s">
        <v>50</v>
      </c>
      <c r="EX8" s="60" t="s">
        <v>51</v>
      </c>
      <c r="EY8" s="61" t="s">
        <v>45</v>
      </c>
      <c r="EZ8" s="551"/>
      <c r="FA8" s="59" t="s">
        <v>43</v>
      </c>
      <c r="FB8" s="60" t="s">
        <v>44</v>
      </c>
      <c r="FC8" s="236" t="s">
        <v>45</v>
      </c>
      <c r="FD8" s="62" t="s">
        <v>83</v>
      </c>
      <c r="FE8" s="60" t="s">
        <v>47</v>
      </c>
      <c r="FF8" s="60" t="s">
        <v>48</v>
      </c>
      <c r="FG8" s="60" t="s">
        <v>49</v>
      </c>
      <c r="FH8" s="60" t="s">
        <v>50</v>
      </c>
      <c r="FI8" s="60" t="s">
        <v>51</v>
      </c>
      <c r="FJ8" s="61" t="s">
        <v>45</v>
      </c>
      <c r="FK8" s="551"/>
      <c r="FL8" s="59" t="s">
        <v>43</v>
      </c>
      <c r="FM8" s="60" t="s">
        <v>44</v>
      </c>
      <c r="FN8" s="236" t="s">
        <v>45</v>
      </c>
      <c r="FO8" s="62" t="s">
        <v>83</v>
      </c>
      <c r="FP8" s="60" t="s">
        <v>47</v>
      </c>
      <c r="FQ8" s="60" t="s">
        <v>48</v>
      </c>
      <c r="FR8" s="60" t="s">
        <v>49</v>
      </c>
      <c r="FS8" s="60" t="s">
        <v>50</v>
      </c>
      <c r="FT8" s="60" t="s">
        <v>51</v>
      </c>
      <c r="FU8" s="61" t="s">
        <v>45</v>
      </c>
      <c r="FV8" s="549"/>
      <c r="FW8" s="59" t="s">
        <v>43</v>
      </c>
      <c r="FX8" s="60" t="s">
        <v>44</v>
      </c>
      <c r="FY8" s="236" t="s">
        <v>45</v>
      </c>
      <c r="FZ8" s="62" t="s">
        <v>83</v>
      </c>
      <c r="GA8" s="60" t="s">
        <v>47</v>
      </c>
      <c r="GB8" s="60" t="s">
        <v>48</v>
      </c>
      <c r="GC8" s="60" t="s">
        <v>49</v>
      </c>
      <c r="GD8" s="60" t="s">
        <v>50</v>
      </c>
      <c r="GE8" s="60" t="s">
        <v>51</v>
      </c>
      <c r="GF8" s="61" t="s">
        <v>45</v>
      </c>
      <c r="GG8" s="551"/>
      <c r="GH8" s="59" t="s">
        <v>43</v>
      </c>
      <c r="GI8" s="60" t="s">
        <v>44</v>
      </c>
      <c r="GJ8" s="236" t="s">
        <v>45</v>
      </c>
      <c r="GK8" s="62" t="s">
        <v>83</v>
      </c>
      <c r="GL8" s="60" t="s">
        <v>47</v>
      </c>
      <c r="GM8" s="60" t="s">
        <v>48</v>
      </c>
      <c r="GN8" s="60" t="s">
        <v>49</v>
      </c>
      <c r="GO8" s="60" t="s">
        <v>50</v>
      </c>
      <c r="GP8" s="60" t="s">
        <v>51</v>
      </c>
      <c r="GQ8" s="61" t="s">
        <v>45</v>
      </c>
      <c r="GR8" s="553"/>
      <c r="GS8" s="59" t="s">
        <v>43</v>
      </c>
      <c r="GT8" s="60" t="s">
        <v>44</v>
      </c>
      <c r="GU8" s="236" t="s">
        <v>45</v>
      </c>
      <c r="GV8" s="62" t="s">
        <v>83</v>
      </c>
      <c r="GW8" s="60" t="s">
        <v>47</v>
      </c>
      <c r="GX8" s="60" t="s">
        <v>48</v>
      </c>
      <c r="GY8" s="60" t="s">
        <v>49</v>
      </c>
      <c r="GZ8" s="60" t="s">
        <v>50</v>
      </c>
      <c r="HA8" s="60" t="s">
        <v>51</v>
      </c>
      <c r="HB8" s="61" t="s">
        <v>45</v>
      </c>
      <c r="HC8" s="553"/>
      <c r="HD8" s="59" t="s">
        <v>43</v>
      </c>
      <c r="HE8" s="60" t="s">
        <v>44</v>
      </c>
      <c r="HF8" s="236" t="s">
        <v>45</v>
      </c>
      <c r="HG8" s="62" t="s">
        <v>83</v>
      </c>
      <c r="HH8" s="60" t="s">
        <v>47</v>
      </c>
      <c r="HI8" s="60" t="s">
        <v>48</v>
      </c>
      <c r="HJ8" s="60" t="s">
        <v>49</v>
      </c>
      <c r="HK8" s="60" t="s">
        <v>50</v>
      </c>
      <c r="HL8" s="60" t="s">
        <v>51</v>
      </c>
      <c r="HM8" s="61" t="s">
        <v>45</v>
      </c>
      <c r="HN8" s="551"/>
      <c r="HO8" s="59" t="s">
        <v>43</v>
      </c>
      <c r="HP8" s="60" t="s">
        <v>44</v>
      </c>
      <c r="HQ8" s="236" t="s">
        <v>45</v>
      </c>
      <c r="HR8" s="62" t="s">
        <v>83</v>
      </c>
      <c r="HS8" s="60" t="s">
        <v>47</v>
      </c>
      <c r="HT8" s="60" t="s">
        <v>48</v>
      </c>
      <c r="HU8" s="60" t="s">
        <v>49</v>
      </c>
      <c r="HV8" s="60" t="s">
        <v>50</v>
      </c>
      <c r="HW8" s="60" t="s">
        <v>51</v>
      </c>
      <c r="HX8" s="61" t="s">
        <v>45</v>
      </c>
      <c r="HY8" s="551"/>
      <c r="HZ8" s="59" t="s">
        <v>43</v>
      </c>
      <c r="IA8" s="60" t="s">
        <v>44</v>
      </c>
      <c r="IB8" s="236" t="s">
        <v>45</v>
      </c>
      <c r="IC8" s="62" t="s">
        <v>83</v>
      </c>
      <c r="ID8" s="60" t="s">
        <v>47</v>
      </c>
      <c r="IE8" s="60" t="s">
        <v>48</v>
      </c>
      <c r="IF8" s="60" t="s">
        <v>49</v>
      </c>
      <c r="IG8" s="60" t="s">
        <v>50</v>
      </c>
      <c r="IH8" s="60" t="s">
        <v>51</v>
      </c>
      <c r="II8" s="61" t="s">
        <v>45</v>
      </c>
      <c r="IJ8" s="549"/>
      <c r="IK8" s="59" t="s">
        <v>43</v>
      </c>
      <c r="IL8" s="60" t="s">
        <v>44</v>
      </c>
      <c r="IM8" s="236" t="s">
        <v>45</v>
      </c>
      <c r="IN8" s="62" t="s">
        <v>83</v>
      </c>
      <c r="IO8" s="238" t="s">
        <v>47</v>
      </c>
      <c r="IP8" s="238" t="s">
        <v>48</v>
      </c>
      <c r="IQ8" s="238" t="s">
        <v>49</v>
      </c>
      <c r="IR8" s="238" t="s">
        <v>50</v>
      </c>
      <c r="IS8" s="238" t="s">
        <v>51</v>
      </c>
      <c r="IT8" s="239" t="s">
        <v>45</v>
      </c>
      <c r="IU8" s="548"/>
      <c r="IV8" s="237" t="s">
        <v>43</v>
      </c>
      <c r="IW8" s="238" t="s">
        <v>44</v>
      </c>
      <c r="IX8" s="239" t="s">
        <v>45</v>
      </c>
      <c r="IY8" s="217" t="s">
        <v>83</v>
      </c>
      <c r="IZ8" s="238" t="s">
        <v>47</v>
      </c>
      <c r="JA8" s="238" t="s">
        <v>48</v>
      </c>
      <c r="JB8" s="238" t="s">
        <v>49</v>
      </c>
      <c r="JC8" s="238" t="s">
        <v>50</v>
      </c>
      <c r="JD8" s="238" t="s">
        <v>51</v>
      </c>
      <c r="JE8" s="239" t="s">
        <v>45</v>
      </c>
      <c r="JF8" s="548"/>
      <c r="JG8" s="237" t="s">
        <v>43</v>
      </c>
      <c r="JH8" s="238" t="s">
        <v>44</v>
      </c>
      <c r="JI8" s="240" t="s">
        <v>45</v>
      </c>
      <c r="JJ8" s="217" t="s">
        <v>83</v>
      </c>
      <c r="JK8" s="238" t="s">
        <v>47</v>
      </c>
      <c r="JL8" s="238" t="s">
        <v>48</v>
      </c>
      <c r="JM8" s="238" t="s">
        <v>49</v>
      </c>
      <c r="JN8" s="238" t="s">
        <v>50</v>
      </c>
      <c r="JO8" s="238" t="s">
        <v>51</v>
      </c>
      <c r="JP8" s="239" t="s">
        <v>45</v>
      </c>
      <c r="JQ8" s="530"/>
      <c r="JR8" s="237" t="s">
        <v>43</v>
      </c>
      <c r="JS8" s="238" t="s">
        <v>44</v>
      </c>
      <c r="JT8" s="240" t="s">
        <v>45</v>
      </c>
      <c r="JU8" s="217" t="s">
        <v>83</v>
      </c>
      <c r="JV8" s="238" t="s">
        <v>47</v>
      </c>
      <c r="JW8" s="238" t="s">
        <v>48</v>
      </c>
      <c r="JX8" s="238" t="s">
        <v>49</v>
      </c>
      <c r="JY8" s="238" t="s">
        <v>50</v>
      </c>
      <c r="JZ8" s="238" t="s">
        <v>51</v>
      </c>
      <c r="KA8" s="239" t="s">
        <v>45</v>
      </c>
      <c r="KB8" s="530"/>
      <c r="KC8" s="237" t="s">
        <v>43</v>
      </c>
      <c r="KD8" s="238" t="s">
        <v>44</v>
      </c>
      <c r="KE8" s="240" t="s">
        <v>45</v>
      </c>
      <c r="KF8" s="217" t="s">
        <v>83</v>
      </c>
      <c r="KG8" s="238" t="s">
        <v>47</v>
      </c>
      <c r="KH8" s="238" t="s">
        <v>48</v>
      </c>
      <c r="KI8" s="238" t="s">
        <v>49</v>
      </c>
      <c r="KJ8" s="238" t="s">
        <v>50</v>
      </c>
      <c r="KK8" s="238" t="s">
        <v>51</v>
      </c>
      <c r="KL8" s="239" t="s">
        <v>45</v>
      </c>
      <c r="KM8" s="530"/>
      <c r="KN8" s="237" t="s">
        <v>43</v>
      </c>
      <c r="KO8" s="238" t="s">
        <v>44</v>
      </c>
      <c r="KP8" s="240" t="s">
        <v>45</v>
      </c>
      <c r="KQ8" s="62" t="s">
        <v>83</v>
      </c>
      <c r="KR8" s="238" t="s">
        <v>47</v>
      </c>
      <c r="KS8" s="238" t="s">
        <v>48</v>
      </c>
      <c r="KT8" s="238" t="s">
        <v>49</v>
      </c>
      <c r="KU8" s="238" t="s">
        <v>50</v>
      </c>
      <c r="KV8" s="238" t="s">
        <v>51</v>
      </c>
      <c r="KW8" s="239" t="s">
        <v>45</v>
      </c>
      <c r="KX8" s="530"/>
      <c r="KY8" s="237" t="s">
        <v>43</v>
      </c>
      <c r="KZ8" s="238" t="s">
        <v>44</v>
      </c>
      <c r="LA8" s="240" t="s">
        <v>45</v>
      </c>
      <c r="LB8" s="62" t="s">
        <v>83</v>
      </c>
      <c r="LC8" s="238" t="s">
        <v>47</v>
      </c>
      <c r="LD8" s="238" t="s">
        <v>48</v>
      </c>
      <c r="LE8" s="238" t="s">
        <v>49</v>
      </c>
      <c r="LF8" s="238" t="s">
        <v>50</v>
      </c>
      <c r="LG8" s="238" t="s">
        <v>51</v>
      </c>
      <c r="LH8" s="239" t="s">
        <v>45</v>
      </c>
      <c r="LI8" s="530"/>
      <c r="LJ8" s="237" t="s">
        <v>43</v>
      </c>
      <c r="LK8" s="238" t="s">
        <v>44</v>
      </c>
      <c r="LL8" s="240" t="s">
        <v>45</v>
      </c>
      <c r="LM8" s="62" t="s">
        <v>83</v>
      </c>
      <c r="LN8" s="238" t="s">
        <v>47</v>
      </c>
      <c r="LO8" s="238" t="s">
        <v>48</v>
      </c>
      <c r="LP8" s="238" t="s">
        <v>49</v>
      </c>
      <c r="LQ8" s="238" t="s">
        <v>50</v>
      </c>
      <c r="LR8" s="238" t="s">
        <v>51</v>
      </c>
      <c r="LS8" s="239" t="s">
        <v>45</v>
      </c>
      <c r="LT8" s="530"/>
      <c r="LU8" s="237" t="s">
        <v>43</v>
      </c>
      <c r="LV8" s="238" t="s">
        <v>44</v>
      </c>
      <c r="LW8" s="240" t="s">
        <v>45</v>
      </c>
      <c r="LX8" s="62" t="s">
        <v>83</v>
      </c>
      <c r="LY8" s="238" t="s">
        <v>47</v>
      </c>
      <c r="LZ8" s="238" t="s">
        <v>48</v>
      </c>
      <c r="MA8" s="238" t="s">
        <v>49</v>
      </c>
      <c r="MB8" s="238" t="s">
        <v>50</v>
      </c>
      <c r="MC8" s="238" t="s">
        <v>51</v>
      </c>
      <c r="MD8" s="239" t="s">
        <v>45</v>
      </c>
      <c r="ME8" s="530"/>
      <c r="MF8" s="237" t="s">
        <v>43</v>
      </c>
      <c r="MG8" s="238" t="s">
        <v>44</v>
      </c>
      <c r="MH8" s="240" t="s">
        <v>45</v>
      </c>
      <c r="MI8" s="62" t="s">
        <v>83</v>
      </c>
      <c r="MJ8" s="238" t="s">
        <v>47</v>
      </c>
      <c r="MK8" s="238" t="s">
        <v>48</v>
      </c>
      <c r="ML8" s="238" t="s">
        <v>49</v>
      </c>
      <c r="MM8" s="238" t="s">
        <v>50</v>
      </c>
      <c r="MN8" s="238" t="s">
        <v>51</v>
      </c>
      <c r="MO8" s="239" t="s">
        <v>45</v>
      </c>
      <c r="MP8" s="530"/>
      <c r="MQ8" s="237" t="s">
        <v>43</v>
      </c>
      <c r="MR8" s="238" t="s">
        <v>44</v>
      </c>
      <c r="MS8" s="240" t="s">
        <v>45</v>
      </c>
      <c r="MT8" s="62" t="s">
        <v>83</v>
      </c>
      <c r="MU8" s="238" t="s">
        <v>47</v>
      </c>
      <c r="MV8" s="238" t="s">
        <v>48</v>
      </c>
      <c r="MW8" s="238" t="s">
        <v>49</v>
      </c>
      <c r="MX8" s="238" t="s">
        <v>50</v>
      </c>
      <c r="MY8" s="238" t="s">
        <v>51</v>
      </c>
      <c r="MZ8" s="239" t="s">
        <v>45</v>
      </c>
      <c r="NA8" s="530"/>
      <c r="NB8" s="237" t="s">
        <v>43</v>
      </c>
      <c r="NC8" s="238" t="s">
        <v>44</v>
      </c>
      <c r="ND8" s="240" t="s">
        <v>45</v>
      </c>
      <c r="NE8" s="62" t="s">
        <v>83</v>
      </c>
      <c r="NF8" s="238" t="s">
        <v>47</v>
      </c>
      <c r="NG8" s="238" t="s">
        <v>48</v>
      </c>
      <c r="NH8" s="238" t="s">
        <v>49</v>
      </c>
      <c r="NI8" s="238" t="s">
        <v>50</v>
      </c>
      <c r="NJ8" s="238" t="s">
        <v>51</v>
      </c>
      <c r="NK8" s="239" t="s">
        <v>45</v>
      </c>
      <c r="NL8" s="530"/>
      <c r="NM8" s="237" t="s">
        <v>43</v>
      </c>
      <c r="NN8" s="238" t="s">
        <v>44</v>
      </c>
      <c r="NO8" s="240" t="s">
        <v>45</v>
      </c>
      <c r="NP8" s="62" t="s">
        <v>83</v>
      </c>
      <c r="NQ8" s="238" t="s">
        <v>47</v>
      </c>
      <c r="NR8" s="238" t="s">
        <v>48</v>
      </c>
      <c r="NS8" s="238" t="s">
        <v>49</v>
      </c>
      <c r="NT8" s="238" t="s">
        <v>50</v>
      </c>
      <c r="NU8" s="238" t="s">
        <v>51</v>
      </c>
      <c r="NV8" s="239" t="s">
        <v>45</v>
      </c>
      <c r="NW8" s="530"/>
      <c r="NX8" s="237" t="s">
        <v>43</v>
      </c>
      <c r="NY8" s="238" t="s">
        <v>44</v>
      </c>
      <c r="NZ8" s="240" t="s">
        <v>45</v>
      </c>
      <c r="OA8" s="62" t="s">
        <v>83</v>
      </c>
      <c r="OB8" s="238" t="s">
        <v>47</v>
      </c>
      <c r="OC8" s="238" t="s">
        <v>48</v>
      </c>
      <c r="OD8" s="238" t="s">
        <v>49</v>
      </c>
      <c r="OE8" s="238" t="s">
        <v>50</v>
      </c>
      <c r="OF8" s="238" t="s">
        <v>51</v>
      </c>
      <c r="OG8" s="239" t="s">
        <v>45</v>
      </c>
      <c r="OH8" s="530"/>
      <c r="OI8" s="237" t="s">
        <v>43</v>
      </c>
      <c r="OJ8" s="238" t="s">
        <v>44</v>
      </c>
      <c r="OK8" s="240" t="s">
        <v>45</v>
      </c>
      <c r="OL8" s="217" t="s">
        <v>83</v>
      </c>
      <c r="OM8" s="238" t="s">
        <v>47</v>
      </c>
      <c r="ON8" s="238" t="s">
        <v>48</v>
      </c>
      <c r="OO8" s="238" t="s">
        <v>49</v>
      </c>
      <c r="OP8" s="238" t="s">
        <v>50</v>
      </c>
      <c r="OQ8" s="238" t="s">
        <v>51</v>
      </c>
      <c r="OR8" s="239" t="s">
        <v>45</v>
      </c>
      <c r="OS8" s="530"/>
    </row>
    <row r="9" spans="1:409" s="393" customFormat="1" ht="21" customHeight="1" x14ac:dyDescent="0.2">
      <c r="A9" s="56"/>
      <c r="B9" s="394" t="s">
        <v>4</v>
      </c>
      <c r="C9" s="241">
        <v>434493984</v>
      </c>
      <c r="D9" s="242">
        <v>941500386</v>
      </c>
      <c r="E9" s="243">
        <v>1375994370</v>
      </c>
      <c r="F9" s="244">
        <v>0</v>
      </c>
      <c r="G9" s="242">
        <v>5600367179</v>
      </c>
      <c r="H9" s="242">
        <v>7815901017</v>
      </c>
      <c r="I9" s="242">
        <v>6378535349</v>
      </c>
      <c r="J9" s="242">
        <v>6044843528</v>
      </c>
      <c r="K9" s="242">
        <v>4462580614</v>
      </c>
      <c r="L9" s="245">
        <v>30302227687</v>
      </c>
      <c r="M9" s="246">
        <v>31678222057</v>
      </c>
      <c r="N9" s="241">
        <v>109666818</v>
      </c>
      <c r="O9" s="242">
        <v>292678238</v>
      </c>
      <c r="P9" s="247">
        <v>402345056</v>
      </c>
      <c r="Q9" s="241">
        <v>0</v>
      </c>
      <c r="R9" s="242">
        <v>1607771417</v>
      </c>
      <c r="S9" s="242">
        <v>2578438136</v>
      </c>
      <c r="T9" s="242">
        <v>2179083850</v>
      </c>
      <c r="U9" s="242">
        <v>2412662682</v>
      </c>
      <c r="V9" s="242">
        <v>2326146150</v>
      </c>
      <c r="W9" s="247">
        <v>11104102235</v>
      </c>
      <c r="X9" s="246">
        <v>11506447291</v>
      </c>
      <c r="Y9" s="241">
        <v>0</v>
      </c>
      <c r="Z9" s="242">
        <v>0</v>
      </c>
      <c r="AA9" s="247">
        <v>0</v>
      </c>
      <c r="AB9" s="248">
        <v>0</v>
      </c>
      <c r="AC9" s="249">
        <v>729413798</v>
      </c>
      <c r="AD9" s="249">
        <v>1222521349</v>
      </c>
      <c r="AE9" s="249">
        <v>1206406575</v>
      </c>
      <c r="AF9" s="249">
        <v>1431913743</v>
      </c>
      <c r="AG9" s="249">
        <v>1360639389</v>
      </c>
      <c r="AH9" s="247">
        <v>5950894854</v>
      </c>
      <c r="AI9" s="246">
        <v>5950894854</v>
      </c>
      <c r="AJ9" s="250">
        <v>112457</v>
      </c>
      <c r="AK9" s="249">
        <v>702306</v>
      </c>
      <c r="AL9" s="247">
        <v>814763</v>
      </c>
      <c r="AM9" s="248">
        <v>0</v>
      </c>
      <c r="AN9" s="249">
        <v>5601747</v>
      </c>
      <c r="AO9" s="245">
        <v>23155985</v>
      </c>
      <c r="AP9" s="249">
        <v>49595988</v>
      </c>
      <c r="AQ9" s="249">
        <v>132867616</v>
      </c>
      <c r="AR9" s="249">
        <v>258503580</v>
      </c>
      <c r="AS9" s="247">
        <v>469724916</v>
      </c>
      <c r="AT9" s="246">
        <v>470539679</v>
      </c>
      <c r="AU9" s="250">
        <v>61525971</v>
      </c>
      <c r="AV9" s="249">
        <v>211115890</v>
      </c>
      <c r="AW9" s="247">
        <v>272641861</v>
      </c>
      <c r="AX9" s="248">
        <v>0</v>
      </c>
      <c r="AY9" s="249">
        <v>531037943</v>
      </c>
      <c r="AZ9" s="249">
        <v>885666387</v>
      </c>
      <c r="BA9" s="249">
        <v>549066025</v>
      </c>
      <c r="BB9" s="249">
        <v>484994572</v>
      </c>
      <c r="BC9" s="249">
        <v>439382886</v>
      </c>
      <c r="BD9" s="247">
        <v>2890147813</v>
      </c>
      <c r="BE9" s="251">
        <v>3162789674</v>
      </c>
      <c r="BF9" s="250">
        <v>7207883</v>
      </c>
      <c r="BG9" s="245">
        <v>25927616</v>
      </c>
      <c r="BH9" s="252">
        <v>33135499</v>
      </c>
      <c r="BI9" s="248">
        <v>0</v>
      </c>
      <c r="BJ9" s="249">
        <v>44643199</v>
      </c>
      <c r="BK9" s="249">
        <v>70022749</v>
      </c>
      <c r="BL9" s="249">
        <v>45094952</v>
      </c>
      <c r="BM9" s="249">
        <v>35802764</v>
      </c>
      <c r="BN9" s="249">
        <v>23648691</v>
      </c>
      <c r="BO9" s="247">
        <v>219212355</v>
      </c>
      <c r="BP9" s="246">
        <v>252347854</v>
      </c>
      <c r="BQ9" s="250">
        <v>40820507</v>
      </c>
      <c r="BR9" s="249">
        <v>54932426</v>
      </c>
      <c r="BS9" s="247">
        <v>95752933</v>
      </c>
      <c r="BT9" s="248">
        <v>0</v>
      </c>
      <c r="BU9" s="249">
        <v>297074730</v>
      </c>
      <c r="BV9" s="249">
        <v>377071666</v>
      </c>
      <c r="BW9" s="249">
        <v>328920310</v>
      </c>
      <c r="BX9" s="249">
        <v>327083987</v>
      </c>
      <c r="BY9" s="249">
        <v>243971604</v>
      </c>
      <c r="BZ9" s="247">
        <v>1574122297</v>
      </c>
      <c r="CA9" s="246">
        <v>1669875230</v>
      </c>
      <c r="CB9" s="250">
        <v>41748919</v>
      </c>
      <c r="CC9" s="249">
        <v>125860631</v>
      </c>
      <c r="CD9" s="247">
        <v>167609550</v>
      </c>
      <c r="CE9" s="248">
        <v>0</v>
      </c>
      <c r="CF9" s="249">
        <v>1528769993</v>
      </c>
      <c r="CG9" s="249">
        <v>2038853953</v>
      </c>
      <c r="CH9" s="253">
        <v>1425671257</v>
      </c>
      <c r="CI9" s="249">
        <v>941660198</v>
      </c>
      <c r="CJ9" s="249">
        <v>462905820</v>
      </c>
      <c r="CK9" s="247">
        <v>6397861221</v>
      </c>
      <c r="CL9" s="246">
        <v>6565470771</v>
      </c>
      <c r="CM9" s="241">
        <v>5491</v>
      </c>
      <c r="CN9" s="242">
        <v>13934</v>
      </c>
      <c r="CO9" s="247">
        <v>19425</v>
      </c>
      <c r="CP9" s="248">
        <v>0</v>
      </c>
      <c r="CQ9" s="249">
        <v>1289246410</v>
      </c>
      <c r="CR9" s="249">
        <v>1599504908</v>
      </c>
      <c r="CS9" s="249">
        <v>1113700392</v>
      </c>
      <c r="CT9" s="249">
        <v>724637914</v>
      </c>
      <c r="CU9" s="249">
        <v>378835652</v>
      </c>
      <c r="CV9" s="254">
        <v>5105925276</v>
      </c>
      <c r="CW9" s="246">
        <v>5105944701</v>
      </c>
      <c r="CX9" s="250">
        <v>41743428</v>
      </c>
      <c r="CY9" s="249">
        <v>125846697</v>
      </c>
      <c r="CZ9" s="247">
        <v>167590125</v>
      </c>
      <c r="DA9" s="248">
        <v>0</v>
      </c>
      <c r="DB9" s="249">
        <v>239523583</v>
      </c>
      <c r="DC9" s="249">
        <v>439349045</v>
      </c>
      <c r="DD9" s="249">
        <v>311970865</v>
      </c>
      <c r="DE9" s="249">
        <v>217022284</v>
      </c>
      <c r="DF9" s="249">
        <v>84070168</v>
      </c>
      <c r="DG9" s="247">
        <v>1291935945</v>
      </c>
      <c r="DH9" s="246">
        <v>1459526070</v>
      </c>
      <c r="DI9" s="250">
        <v>2131146</v>
      </c>
      <c r="DJ9" s="249">
        <v>9907015</v>
      </c>
      <c r="DK9" s="252">
        <v>12038161</v>
      </c>
      <c r="DL9" s="248">
        <v>0</v>
      </c>
      <c r="DM9" s="249">
        <v>140688603</v>
      </c>
      <c r="DN9" s="249">
        <v>305426753</v>
      </c>
      <c r="DO9" s="249">
        <v>556338397</v>
      </c>
      <c r="DP9" s="249">
        <v>468642636</v>
      </c>
      <c r="DQ9" s="249">
        <v>270539659</v>
      </c>
      <c r="DR9" s="255">
        <v>1741636048</v>
      </c>
      <c r="DS9" s="246">
        <v>1753674209</v>
      </c>
      <c r="DT9" s="250">
        <v>1941488</v>
      </c>
      <c r="DU9" s="249">
        <v>9076018</v>
      </c>
      <c r="DV9" s="247">
        <v>11017506</v>
      </c>
      <c r="DW9" s="248">
        <v>0</v>
      </c>
      <c r="DX9" s="249">
        <v>127460018</v>
      </c>
      <c r="DY9" s="249">
        <v>269079778</v>
      </c>
      <c r="DZ9" s="249">
        <v>502758228</v>
      </c>
      <c r="EA9" s="249">
        <v>412283674</v>
      </c>
      <c r="EB9" s="249">
        <v>229605136</v>
      </c>
      <c r="EC9" s="247">
        <v>1541186834</v>
      </c>
      <c r="ED9" s="246">
        <v>1552204340</v>
      </c>
      <c r="EE9" s="250">
        <v>189658</v>
      </c>
      <c r="EF9" s="245">
        <v>830997</v>
      </c>
      <c r="EG9" s="247">
        <v>1020655</v>
      </c>
      <c r="EH9" s="251">
        <v>0</v>
      </c>
      <c r="EI9" s="249">
        <v>13083769</v>
      </c>
      <c r="EJ9" s="249">
        <v>36346975</v>
      </c>
      <c r="EK9" s="249">
        <v>53580169</v>
      </c>
      <c r="EL9" s="249">
        <v>56358962</v>
      </c>
      <c r="EM9" s="253">
        <v>40934523</v>
      </c>
      <c r="EN9" s="245">
        <v>200304398</v>
      </c>
      <c r="EO9" s="246">
        <v>201325053</v>
      </c>
      <c r="EP9" s="250">
        <v>0</v>
      </c>
      <c r="EQ9" s="249">
        <v>0</v>
      </c>
      <c r="ER9" s="245">
        <v>0</v>
      </c>
      <c r="ES9" s="248">
        <v>0</v>
      </c>
      <c r="ET9" s="249">
        <v>0</v>
      </c>
      <c r="EU9" s="249">
        <v>0</v>
      </c>
      <c r="EV9" s="249">
        <v>0</v>
      </c>
      <c r="EW9" s="249">
        <v>0</v>
      </c>
      <c r="EX9" s="249">
        <v>0</v>
      </c>
      <c r="EY9" s="254">
        <v>0</v>
      </c>
      <c r="EZ9" s="246">
        <v>0</v>
      </c>
      <c r="FA9" s="250">
        <v>0</v>
      </c>
      <c r="FB9" s="249">
        <v>0</v>
      </c>
      <c r="FC9" s="245">
        <v>0</v>
      </c>
      <c r="FD9" s="248">
        <v>0</v>
      </c>
      <c r="FE9" s="249">
        <v>144816</v>
      </c>
      <c r="FF9" s="249">
        <v>0</v>
      </c>
      <c r="FG9" s="249">
        <v>0</v>
      </c>
      <c r="FH9" s="249">
        <v>0</v>
      </c>
      <c r="FI9" s="249">
        <v>0</v>
      </c>
      <c r="FJ9" s="254">
        <v>144816</v>
      </c>
      <c r="FK9" s="246">
        <v>144816</v>
      </c>
      <c r="FL9" s="250">
        <v>104080554</v>
      </c>
      <c r="FM9" s="249">
        <v>221939835</v>
      </c>
      <c r="FN9" s="247">
        <v>326020389</v>
      </c>
      <c r="FO9" s="248">
        <v>0</v>
      </c>
      <c r="FP9" s="249">
        <v>279786451</v>
      </c>
      <c r="FQ9" s="249">
        <v>710730517</v>
      </c>
      <c r="FR9" s="249">
        <v>488001577</v>
      </c>
      <c r="FS9" s="249">
        <v>437976094</v>
      </c>
      <c r="FT9" s="249">
        <v>319364540</v>
      </c>
      <c r="FU9" s="247">
        <v>2235859179</v>
      </c>
      <c r="FV9" s="246">
        <v>2561879568</v>
      </c>
      <c r="FW9" s="250">
        <v>60905483</v>
      </c>
      <c r="FX9" s="249">
        <v>166303810</v>
      </c>
      <c r="FY9" s="245">
        <v>227209293</v>
      </c>
      <c r="FZ9" s="251">
        <v>0</v>
      </c>
      <c r="GA9" s="249">
        <v>223561965</v>
      </c>
      <c r="GB9" s="256">
        <v>658157850</v>
      </c>
      <c r="GC9" s="249">
        <v>453185173</v>
      </c>
      <c r="GD9" s="256">
        <v>411447284</v>
      </c>
      <c r="GE9" s="249">
        <v>308872424</v>
      </c>
      <c r="GF9" s="254">
        <v>2055224696</v>
      </c>
      <c r="GG9" s="257">
        <v>2282433989</v>
      </c>
      <c r="GH9" s="258">
        <v>7192939</v>
      </c>
      <c r="GI9" s="249">
        <v>12737427</v>
      </c>
      <c r="GJ9" s="256">
        <v>19930366</v>
      </c>
      <c r="GK9" s="244">
        <v>0</v>
      </c>
      <c r="GL9" s="249">
        <v>16618013</v>
      </c>
      <c r="GM9" s="245">
        <v>19890605</v>
      </c>
      <c r="GN9" s="249">
        <v>14105851</v>
      </c>
      <c r="GO9" s="245">
        <v>12937835</v>
      </c>
      <c r="GP9" s="249">
        <v>5477238</v>
      </c>
      <c r="GQ9" s="255">
        <v>69029542</v>
      </c>
      <c r="GR9" s="246">
        <v>88959908</v>
      </c>
      <c r="GS9" s="245">
        <v>35982132</v>
      </c>
      <c r="GT9" s="249">
        <v>42898598</v>
      </c>
      <c r="GU9" s="247">
        <v>78880730</v>
      </c>
      <c r="GV9" s="245">
        <v>0</v>
      </c>
      <c r="GW9" s="249">
        <v>39606473</v>
      </c>
      <c r="GX9" s="245">
        <v>32682062</v>
      </c>
      <c r="GY9" s="249">
        <v>20710553</v>
      </c>
      <c r="GZ9" s="245">
        <v>13590975</v>
      </c>
      <c r="HA9" s="249">
        <v>5014878</v>
      </c>
      <c r="HB9" s="245">
        <v>111604941</v>
      </c>
      <c r="HC9" s="246">
        <v>190485671</v>
      </c>
      <c r="HD9" s="245">
        <v>98402422</v>
      </c>
      <c r="HE9" s="249">
        <v>135025518</v>
      </c>
      <c r="HF9" s="245">
        <v>233427940</v>
      </c>
      <c r="HG9" s="251">
        <v>0</v>
      </c>
      <c r="HH9" s="249">
        <v>1115764609</v>
      </c>
      <c r="HI9" s="256">
        <v>1177925139</v>
      </c>
      <c r="HJ9" s="249">
        <v>1103225712</v>
      </c>
      <c r="HK9" s="256">
        <v>1348150328</v>
      </c>
      <c r="HL9" s="249">
        <v>818741500</v>
      </c>
      <c r="HM9" s="254">
        <v>5563807288</v>
      </c>
      <c r="HN9" s="245">
        <v>5797235228</v>
      </c>
      <c r="HO9" s="258">
        <v>78464125</v>
      </c>
      <c r="HP9" s="249">
        <v>156089149</v>
      </c>
      <c r="HQ9" s="254">
        <v>234553274</v>
      </c>
      <c r="HR9" s="245">
        <v>0</v>
      </c>
      <c r="HS9" s="249">
        <v>927586106</v>
      </c>
      <c r="HT9" s="245">
        <v>1004526519</v>
      </c>
      <c r="HU9" s="249">
        <v>626214556</v>
      </c>
      <c r="HV9" s="245">
        <v>435751590</v>
      </c>
      <c r="HW9" s="249">
        <v>264882945</v>
      </c>
      <c r="HX9" s="245">
        <v>3258961716</v>
      </c>
      <c r="HY9" s="246">
        <v>3493514990</v>
      </c>
      <c r="HZ9" s="259">
        <v>9771445</v>
      </c>
      <c r="IA9" s="260">
        <v>33012107</v>
      </c>
      <c r="IB9" s="261">
        <v>42783552</v>
      </c>
      <c r="IC9" s="262">
        <v>0</v>
      </c>
      <c r="ID9" s="260">
        <v>1757014583</v>
      </c>
      <c r="IE9" s="263">
        <v>2356813848</v>
      </c>
      <c r="IF9" s="264">
        <v>2428174252</v>
      </c>
      <c r="IG9" s="260">
        <v>1812221945</v>
      </c>
      <c r="IH9" s="264">
        <v>1314615038</v>
      </c>
      <c r="II9" s="265">
        <v>9668839666</v>
      </c>
      <c r="IJ9" s="266">
        <v>9711623218</v>
      </c>
      <c r="IK9" s="267">
        <v>0</v>
      </c>
      <c r="IL9" s="268">
        <v>0</v>
      </c>
      <c r="IM9" s="269">
        <v>0</v>
      </c>
      <c r="IN9" s="392">
        <v>0</v>
      </c>
      <c r="IO9" s="270">
        <v>26889724</v>
      </c>
      <c r="IP9" s="270">
        <v>56090935</v>
      </c>
      <c r="IQ9" s="270">
        <v>69604469</v>
      </c>
      <c r="IR9" s="270">
        <v>111901879</v>
      </c>
      <c r="IS9" s="270">
        <v>121540359</v>
      </c>
      <c r="IT9" s="271">
        <v>386027366</v>
      </c>
      <c r="IU9" s="272">
        <v>386027366</v>
      </c>
      <c r="IV9" s="273">
        <v>0</v>
      </c>
      <c r="IW9" s="270">
        <v>0</v>
      </c>
      <c r="IX9" s="274">
        <v>0</v>
      </c>
      <c r="IY9" s="398">
        <v>0</v>
      </c>
      <c r="IZ9" s="270">
        <v>3962161</v>
      </c>
      <c r="JA9" s="270">
        <v>9771440</v>
      </c>
      <c r="JB9" s="270">
        <v>10358874</v>
      </c>
      <c r="JC9" s="270">
        <v>13374697</v>
      </c>
      <c r="JD9" s="270">
        <v>18191460</v>
      </c>
      <c r="JE9" s="274">
        <v>55658632</v>
      </c>
      <c r="JF9" s="275">
        <v>55658632</v>
      </c>
      <c r="JG9" s="273">
        <v>0</v>
      </c>
      <c r="JH9" s="270">
        <v>0</v>
      </c>
      <c r="JI9" s="271">
        <v>0</v>
      </c>
      <c r="JJ9" s="276">
        <v>0</v>
      </c>
      <c r="JK9" s="270">
        <v>678340791</v>
      </c>
      <c r="JL9" s="270">
        <v>840062226</v>
      </c>
      <c r="JM9" s="270">
        <v>602780140</v>
      </c>
      <c r="JN9" s="270">
        <v>359225579</v>
      </c>
      <c r="JO9" s="270">
        <v>196069160</v>
      </c>
      <c r="JP9" s="274">
        <v>2676477896</v>
      </c>
      <c r="JQ9" s="272">
        <v>2676477896</v>
      </c>
      <c r="JR9" s="273">
        <v>177576</v>
      </c>
      <c r="JS9" s="270">
        <v>490634</v>
      </c>
      <c r="JT9" s="271">
        <v>668210</v>
      </c>
      <c r="JU9" s="276">
        <v>0</v>
      </c>
      <c r="JV9" s="270">
        <v>74528703</v>
      </c>
      <c r="JW9" s="270">
        <v>114158536</v>
      </c>
      <c r="JX9" s="270">
        <v>153409957</v>
      </c>
      <c r="JY9" s="270">
        <v>91232304</v>
      </c>
      <c r="JZ9" s="270">
        <v>75908507</v>
      </c>
      <c r="KA9" s="274">
        <v>509238007</v>
      </c>
      <c r="KB9" s="272">
        <v>509906217</v>
      </c>
      <c r="KC9" s="277">
        <v>9593869</v>
      </c>
      <c r="KD9" s="278">
        <v>23584560</v>
      </c>
      <c r="KE9" s="274">
        <v>33178429</v>
      </c>
      <c r="KF9" s="276">
        <v>0</v>
      </c>
      <c r="KG9" s="270">
        <v>216690905</v>
      </c>
      <c r="KH9" s="270">
        <v>323226843</v>
      </c>
      <c r="KI9" s="270">
        <v>359786739</v>
      </c>
      <c r="KJ9" s="270">
        <v>270653610</v>
      </c>
      <c r="KK9" s="270">
        <v>176694292</v>
      </c>
      <c r="KL9" s="274">
        <v>1347052389</v>
      </c>
      <c r="KM9" s="279">
        <v>1380230818</v>
      </c>
      <c r="KN9" s="267">
        <v>0</v>
      </c>
      <c r="KO9" s="268">
        <v>8936913</v>
      </c>
      <c r="KP9" s="269">
        <v>8936913</v>
      </c>
      <c r="KQ9" s="398">
        <v>0</v>
      </c>
      <c r="KR9" s="270">
        <v>709303846</v>
      </c>
      <c r="KS9" s="270">
        <v>929194052</v>
      </c>
      <c r="KT9" s="270">
        <v>1053404466</v>
      </c>
      <c r="KU9" s="270">
        <v>695528314</v>
      </c>
      <c r="KV9" s="270">
        <v>463141037</v>
      </c>
      <c r="KW9" s="274">
        <v>3850571715</v>
      </c>
      <c r="KX9" s="272">
        <v>3859508628</v>
      </c>
      <c r="KY9" s="273">
        <v>0</v>
      </c>
      <c r="KZ9" s="270">
        <v>0</v>
      </c>
      <c r="LA9" s="274">
        <v>0</v>
      </c>
      <c r="LB9" s="398">
        <v>0</v>
      </c>
      <c r="LC9" s="270">
        <v>6324949</v>
      </c>
      <c r="LD9" s="270">
        <v>8067769</v>
      </c>
      <c r="LE9" s="270">
        <v>14737472</v>
      </c>
      <c r="LF9" s="270">
        <v>16077917</v>
      </c>
      <c r="LG9" s="270">
        <v>11893509</v>
      </c>
      <c r="LH9" s="274">
        <v>57101616</v>
      </c>
      <c r="LI9" s="275">
        <v>57101616</v>
      </c>
      <c r="LJ9" s="273">
        <v>0</v>
      </c>
      <c r="LK9" s="270">
        <v>0</v>
      </c>
      <c r="LL9" s="274">
        <v>0</v>
      </c>
      <c r="LM9" s="398">
        <v>0</v>
      </c>
      <c r="LN9" s="270">
        <v>1187805</v>
      </c>
      <c r="LO9" s="270">
        <v>7271276</v>
      </c>
      <c r="LP9" s="270">
        <v>61037712</v>
      </c>
      <c r="LQ9" s="270">
        <v>109103396</v>
      </c>
      <c r="LR9" s="270">
        <v>69377717</v>
      </c>
      <c r="LS9" s="274">
        <v>247977906</v>
      </c>
      <c r="LT9" s="272">
        <v>247977906</v>
      </c>
      <c r="LU9" s="273">
        <v>0</v>
      </c>
      <c r="LV9" s="270">
        <v>0</v>
      </c>
      <c r="LW9" s="274">
        <v>0</v>
      </c>
      <c r="LX9" s="398">
        <v>0</v>
      </c>
      <c r="LY9" s="270">
        <v>39785699</v>
      </c>
      <c r="LZ9" s="270">
        <v>68970771</v>
      </c>
      <c r="MA9" s="270">
        <v>103054423</v>
      </c>
      <c r="MB9" s="270">
        <v>145124249</v>
      </c>
      <c r="MC9" s="270">
        <v>181798997</v>
      </c>
      <c r="MD9" s="274">
        <v>538734139</v>
      </c>
      <c r="ME9" s="275">
        <v>538734139</v>
      </c>
      <c r="MF9" s="273">
        <v>0</v>
      </c>
      <c r="MG9" s="270">
        <v>0</v>
      </c>
      <c r="MH9" s="274">
        <v>0</v>
      </c>
      <c r="MI9" s="398">
        <v>0</v>
      </c>
      <c r="MJ9" s="270">
        <v>543541705</v>
      </c>
      <c r="MK9" s="270">
        <v>1411326254</v>
      </c>
      <c r="ML9" s="270">
        <v>4368103299</v>
      </c>
      <c r="MM9" s="270">
        <v>6489417694</v>
      </c>
      <c r="MN9" s="270">
        <v>4254934453</v>
      </c>
      <c r="MO9" s="274">
        <v>17067323405</v>
      </c>
      <c r="MP9" s="279">
        <v>17067323405</v>
      </c>
      <c r="MQ9" s="273">
        <v>0</v>
      </c>
      <c r="MR9" s="270">
        <v>0</v>
      </c>
      <c r="MS9" s="274">
        <v>0</v>
      </c>
      <c r="MT9" s="398">
        <v>0</v>
      </c>
      <c r="MU9" s="270">
        <v>115099038</v>
      </c>
      <c r="MV9" s="270">
        <v>445191576</v>
      </c>
      <c r="MW9" s="270">
        <v>2860918797</v>
      </c>
      <c r="MX9" s="270">
        <v>4421573534</v>
      </c>
      <c r="MY9" s="270">
        <v>3049827654</v>
      </c>
      <c r="MZ9" s="274">
        <v>10892610599</v>
      </c>
      <c r="NA9" s="279">
        <v>10892610599</v>
      </c>
      <c r="NB9" s="273">
        <v>0</v>
      </c>
      <c r="NC9" s="270">
        <v>0</v>
      </c>
      <c r="ND9" s="274">
        <v>0</v>
      </c>
      <c r="NE9" s="398">
        <v>0</v>
      </c>
      <c r="NF9" s="270">
        <v>425670912</v>
      </c>
      <c r="NG9" s="270">
        <v>959108512</v>
      </c>
      <c r="NH9" s="270">
        <v>1486790404</v>
      </c>
      <c r="NI9" s="270">
        <v>1921057848</v>
      </c>
      <c r="NJ9" s="270">
        <v>998746781</v>
      </c>
      <c r="NK9" s="274">
        <v>5791374457</v>
      </c>
      <c r="NL9" s="272">
        <v>5791374457</v>
      </c>
      <c r="NM9" s="273">
        <v>0</v>
      </c>
      <c r="NN9" s="270">
        <v>0</v>
      </c>
      <c r="NO9" s="274">
        <v>0</v>
      </c>
      <c r="NP9" s="398">
        <v>0</v>
      </c>
      <c r="NQ9" s="270">
        <v>0</v>
      </c>
      <c r="NR9" s="270">
        <v>0</v>
      </c>
      <c r="NS9" s="270">
        <v>0</v>
      </c>
      <c r="NT9" s="270">
        <v>0</v>
      </c>
      <c r="NU9" s="270">
        <v>0</v>
      </c>
      <c r="NV9" s="274">
        <v>0</v>
      </c>
      <c r="NW9" s="275">
        <v>0</v>
      </c>
      <c r="NX9" s="273">
        <v>0</v>
      </c>
      <c r="NY9" s="270">
        <v>0</v>
      </c>
      <c r="NZ9" s="274">
        <v>0</v>
      </c>
      <c r="OA9" s="398">
        <v>0</v>
      </c>
      <c r="OB9" s="270">
        <v>2771755</v>
      </c>
      <c r="OC9" s="270">
        <v>7026166</v>
      </c>
      <c r="OD9" s="270">
        <v>20394098</v>
      </c>
      <c r="OE9" s="270">
        <v>146786312</v>
      </c>
      <c r="OF9" s="270">
        <v>206360018</v>
      </c>
      <c r="OG9" s="274">
        <v>383338349</v>
      </c>
      <c r="OH9" s="275">
        <v>383338349</v>
      </c>
      <c r="OI9" s="273">
        <v>444265429</v>
      </c>
      <c r="OJ9" s="270">
        <v>974512493</v>
      </c>
      <c r="OK9" s="271">
        <v>1418777922</v>
      </c>
      <c r="OL9" s="276">
        <v>0</v>
      </c>
      <c r="OM9" s="270">
        <v>7900923467</v>
      </c>
      <c r="ON9" s="270">
        <v>11584041119</v>
      </c>
      <c r="OO9" s="270">
        <v>13174812900</v>
      </c>
      <c r="OP9" s="270">
        <v>14346483167</v>
      </c>
      <c r="OQ9" s="270">
        <v>10032130105</v>
      </c>
      <c r="OR9" s="274">
        <v>57038390758</v>
      </c>
      <c r="OS9" s="279">
        <v>58457168680</v>
      </c>
    </row>
    <row r="10" spans="1:409" s="393" customFormat="1" ht="21" customHeight="1" x14ac:dyDescent="0.2">
      <c r="A10" s="56"/>
      <c r="B10" s="395" t="s">
        <v>5</v>
      </c>
      <c r="C10" s="281">
        <v>165873115</v>
      </c>
      <c r="D10" s="282">
        <v>448817220</v>
      </c>
      <c r="E10" s="283">
        <v>614690335</v>
      </c>
      <c r="F10" s="284">
        <v>0</v>
      </c>
      <c r="G10" s="282">
        <v>1935657663</v>
      </c>
      <c r="H10" s="282">
        <v>3534024740</v>
      </c>
      <c r="I10" s="282">
        <v>2627257625</v>
      </c>
      <c r="J10" s="282">
        <v>2416357923</v>
      </c>
      <c r="K10" s="282">
        <v>1789557378</v>
      </c>
      <c r="L10" s="284">
        <v>12302855329</v>
      </c>
      <c r="M10" s="285">
        <v>12917545664</v>
      </c>
      <c r="N10" s="281">
        <v>45926469</v>
      </c>
      <c r="O10" s="282">
        <v>158724310</v>
      </c>
      <c r="P10" s="283">
        <v>204650779</v>
      </c>
      <c r="Q10" s="281">
        <v>0</v>
      </c>
      <c r="R10" s="282">
        <v>569670690</v>
      </c>
      <c r="S10" s="282">
        <v>1213772861</v>
      </c>
      <c r="T10" s="282">
        <v>904587952</v>
      </c>
      <c r="U10" s="282">
        <v>939401238</v>
      </c>
      <c r="V10" s="282">
        <v>940732783</v>
      </c>
      <c r="W10" s="283">
        <v>4568165524</v>
      </c>
      <c r="X10" s="285">
        <v>4772816303</v>
      </c>
      <c r="Y10" s="281">
        <v>0</v>
      </c>
      <c r="Z10" s="282">
        <v>0</v>
      </c>
      <c r="AA10" s="283">
        <v>0</v>
      </c>
      <c r="AB10" s="281">
        <v>0</v>
      </c>
      <c r="AC10" s="282">
        <v>249336402</v>
      </c>
      <c r="AD10" s="282">
        <v>541245317</v>
      </c>
      <c r="AE10" s="282">
        <v>455668290</v>
      </c>
      <c r="AF10" s="282">
        <v>513299085</v>
      </c>
      <c r="AG10" s="282">
        <v>523981460</v>
      </c>
      <c r="AH10" s="283">
        <v>2283530554</v>
      </c>
      <c r="AI10" s="285">
        <v>2283530554</v>
      </c>
      <c r="AJ10" s="281">
        <v>46856</v>
      </c>
      <c r="AK10" s="282">
        <v>500048</v>
      </c>
      <c r="AL10" s="283">
        <v>546904</v>
      </c>
      <c r="AM10" s="281">
        <v>0</v>
      </c>
      <c r="AN10" s="282">
        <v>1084251</v>
      </c>
      <c r="AO10" s="282">
        <v>8476558</v>
      </c>
      <c r="AP10" s="282">
        <v>18459938</v>
      </c>
      <c r="AQ10" s="282">
        <v>52503628</v>
      </c>
      <c r="AR10" s="282">
        <v>114171514</v>
      </c>
      <c r="AS10" s="283">
        <v>194695889</v>
      </c>
      <c r="AT10" s="285">
        <v>195242793</v>
      </c>
      <c r="AU10" s="281">
        <v>27222817</v>
      </c>
      <c r="AV10" s="282">
        <v>117000655</v>
      </c>
      <c r="AW10" s="283">
        <v>144223472</v>
      </c>
      <c r="AX10" s="281">
        <v>0</v>
      </c>
      <c r="AY10" s="282">
        <v>196423050</v>
      </c>
      <c r="AZ10" s="282">
        <v>467970822</v>
      </c>
      <c r="BA10" s="282">
        <v>277726623</v>
      </c>
      <c r="BB10" s="282">
        <v>226295379</v>
      </c>
      <c r="BC10" s="282">
        <v>194164715</v>
      </c>
      <c r="BD10" s="283">
        <v>1362580589</v>
      </c>
      <c r="BE10" s="285">
        <v>1506804061</v>
      </c>
      <c r="BF10" s="281">
        <v>2758724</v>
      </c>
      <c r="BG10" s="282">
        <v>12929010</v>
      </c>
      <c r="BH10" s="286">
        <v>15687734</v>
      </c>
      <c r="BI10" s="287">
        <v>0</v>
      </c>
      <c r="BJ10" s="282">
        <v>10878680</v>
      </c>
      <c r="BK10" s="282">
        <v>29960390</v>
      </c>
      <c r="BL10" s="282">
        <v>18803422</v>
      </c>
      <c r="BM10" s="282">
        <v>14625626</v>
      </c>
      <c r="BN10" s="282">
        <v>10162042</v>
      </c>
      <c r="BO10" s="283">
        <v>84430160</v>
      </c>
      <c r="BP10" s="285">
        <v>100117894</v>
      </c>
      <c r="BQ10" s="281">
        <v>15898072</v>
      </c>
      <c r="BR10" s="282">
        <v>28294597</v>
      </c>
      <c r="BS10" s="283">
        <v>44192669</v>
      </c>
      <c r="BT10" s="281">
        <v>0</v>
      </c>
      <c r="BU10" s="282">
        <v>111948307</v>
      </c>
      <c r="BV10" s="282">
        <v>166119774</v>
      </c>
      <c r="BW10" s="282">
        <v>133929679</v>
      </c>
      <c r="BX10" s="282">
        <v>132677520</v>
      </c>
      <c r="BY10" s="282">
        <v>98253052</v>
      </c>
      <c r="BZ10" s="283">
        <v>642928332</v>
      </c>
      <c r="CA10" s="285">
        <v>687121001</v>
      </c>
      <c r="CB10" s="281">
        <v>17710184</v>
      </c>
      <c r="CC10" s="282">
        <v>57648739</v>
      </c>
      <c r="CD10" s="283">
        <v>75358923</v>
      </c>
      <c r="CE10" s="281">
        <v>0</v>
      </c>
      <c r="CF10" s="282">
        <v>483577551</v>
      </c>
      <c r="CG10" s="282">
        <v>846974573</v>
      </c>
      <c r="CH10" s="282">
        <v>540115331</v>
      </c>
      <c r="CI10" s="282">
        <v>342892989</v>
      </c>
      <c r="CJ10" s="282">
        <v>161313845</v>
      </c>
      <c r="CK10" s="283">
        <v>2374874289</v>
      </c>
      <c r="CL10" s="285">
        <v>2450233212</v>
      </c>
      <c r="CM10" s="281">
        <v>0</v>
      </c>
      <c r="CN10" s="282">
        <v>13934</v>
      </c>
      <c r="CO10" s="283">
        <v>13934</v>
      </c>
      <c r="CP10" s="287">
        <v>0</v>
      </c>
      <c r="CQ10" s="282">
        <v>412431107</v>
      </c>
      <c r="CR10" s="282">
        <v>650766013</v>
      </c>
      <c r="CS10" s="282">
        <v>397796657</v>
      </c>
      <c r="CT10" s="282">
        <v>246775905</v>
      </c>
      <c r="CU10" s="282">
        <v>127950264</v>
      </c>
      <c r="CV10" s="283">
        <v>1835719946</v>
      </c>
      <c r="CW10" s="285">
        <v>1835733880</v>
      </c>
      <c r="CX10" s="281">
        <v>17710184</v>
      </c>
      <c r="CY10" s="282">
        <v>57634805</v>
      </c>
      <c r="CZ10" s="283">
        <v>75344989</v>
      </c>
      <c r="DA10" s="281">
        <v>0</v>
      </c>
      <c r="DB10" s="282">
        <v>71146444</v>
      </c>
      <c r="DC10" s="282">
        <v>196208560</v>
      </c>
      <c r="DD10" s="282">
        <v>142318674</v>
      </c>
      <c r="DE10" s="282">
        <v>96117084</v>
      </c>
      <c r="DF10" s="282">
        <v>33363581</v>
      </c>
      <c r="DG10" s="283">
        <v>539154343</v>
      </c>
      <c r="DH10" s="285">
        <v>614499332</v>
      </c>
      <c r="DI10" s="281">
        <v>665106</v>
      </c>
      <c r="DJ10" s="282">
        <v>4081078</v>
      </c>
      <c r="DK10" s="286">
        <v>4746184</v>
      </c>
      <c r="DL10" s="287">
        <v>0</v>
      </c>
      <c r="DM10" s="282">
        <v>45023518</v>
      </c>
      <c r="DN10" s="282">
        <v>127937317</v>
      </c>
      <c r="DO10" s="282">
        <v>229278399</v>
      </c>
      <c r="DP10" s="282">
        <v>186140179</v>
      </c>
      <c r="DQ10" s="282">
        <v>111401261</v>
      </c>
      <c r="DR10" s="283">
        <v>699780674</v>
      </c>
      <c r="DS10" s="285">
        <v>704526858</v>
      </c>
      <c r="DT10" s="281">
        <v>525232</v>
      </c>
      <c r="DU10" s="282">
        <v>3616695</v>
      </c>
      <c r="DV10" s="283">
        <v>4141927</v>
      </c>
      <c r="DW10" s="281">
        <v>0</v>
      </c>
      <c r="DX10" s="282">
        <v>39496410</v>
      </c>
      <c r="DY10" s="282">
        <v>105933321</v>
      </c>
      <c r="DZ10" s="282">
        <v>196514540</v>
      </c>
      <c r="EA10" s="282">
        <v>151588802</v>
      </c>
      <c r="EB10" s="282">
        <v>87817269</v>
      </c>
      <c r="EC10" s="283">
        <v>581350342</v>
      </c>
      <c r="ED10" s="285">
        <v>585492269</v>
      </c>
      <c r="EE10" s="281">
        <v>139874</v>
      </c>
      <c r="EF10" s="286">
        <v>464383</v>
      </c>
      <c r="EG10" s="283">
        <v>604257</v>
      </c>
      <c r="EH10" s="281">
        <v>0</v>
      </c>
      <c r="EI10" s="282">
        <v>5527108</v>
      </c>
      <c r="EJ10" s="282">
        <v>22003996</v>
      </c>
      <c r="EK10" s="282">
        <v>32763859</v>
      </c>
      <c r="EL10" s="282">
        <v>34551377</v>
      </c>
      <c r="EM10" s="282">
        <v>23583992</v>
      </c>
      <c r="EN10" s="286">
        <v>118430332</v>
      </c>
      <c r="EO10" s="285">
        <v>119034589</v>
      </c>
      <c r="EP10" s="281">
        <v>0</v>
      </c>
      <c r="EQ10" s="282">
        <v>0</v>
      </c>
      <c r="ER10" s="286">
        <v>0</v>
      </c>
      <c r="ES10" s="287">
        <v>0</v>
      </c>
      <c r="ET10" s="282">
        <v>0</v>
      </c>
      <c r="EU10" s="282">
        <v>0</v>
      </c>
      <c r="EV10" s="282">
        <v>0</v>
      </c>
      <c r="EW10" s="282">
        <v>0</v>
      </c>
      <c r="EX10" s="282">
        <v>0</v>
      </c>
      <c r="EY10" s="283">
        <v>0</v>
      </c>
      <c r="EZ10" s="285">
        <v>0</v>
      </c>
      <c r="FA10" s="281">
        <v>0</v>
      </c>
      <c r="FB10" s="282">
        <v>0</v>
      </c>
      <c r="FC10" s="286">
        <v>0</v>
      </c>
      <c r="FD10" s="287">
        <v>0</v>
      </c>
      <c r="FE10" s="282">
        <v>0</v>
      </c>
      <c r="FF10" s="282">
        <v>0</v>
      </c>
      <c r="FG10" s="282">
        <v>0</v>
      </c>
      <c r="FH10" s="282">
        <v>0</v>
      </c>
      <c r="FI10" s="282">
        <v>0</v>
      </c>
      <c r="FJ10" s="283">
        <v>0</v>
      </c>
      <c r="FK10" s="285">
        <v>0</v>
      </c>
      <c r="FL10" s="281">
        <v>34428994</v>
      </c>
      <c r="FM10" s="282">
        <v>92190843</v>
      </c>
      <c r="FN10" s="283">
        <v>126619837</v>
      </c>
      <c r="FO10" s="281">
        <v>0</v>
      </c>
      <c r="FP10" s="282">
        <v>73654069</v>
      </c>
      <c r="FQ10" s="282">
        <v>308495929</v>
      </c>
      <c r="FR10" s="282">
        <v>195713425</v>
      </c>
      <c r="FS10" s="282">
        <v>169282111</v>
      </c>
      <c r="FT10" s="282">
        <v>126581133</v>
      </c>
      <c r="FU10" s="283">
        <v>873726667</v>
      </c>
      <c r="FV10" s="285">
        <v>1000346504</v>
      </c>
      <c r="FW10" s="288">
        <v>18317127</v>
      </c>
      <c r="FX10" s="282">
        <v>69665664</v>
      </c>
      <c r="FY10" s="286">
        <v>87982791</v>
      </c>
      <c r="FZ10" s="287">
        <v>0</v>
      </c>
      <c r="GA10" s="282">
        <v>58274011</v>
      </c>
      <c r="GB10" s="282">
        <v>285976037</v>
      </c>
      <c r="GC10" s="282">
        <v>182362272</v>
      </c>
      <c r="GD10" s="282">
        <v>159279193</v>
      </c>
      <c r="GE10" s="282">
        <v>122043266</v>
      </c>
      <c r="GF10" s="283">
        <v>807934779</v>
      </c>
      <c r="GG10" s="289">
        <v>895917570</v>
      </c>
      <c r="GH10" s="288">
        <v>2370426</v>
      </c>
      <c r="GI10" s="282">
        <v>5195483</v>
      </c>
      <c r="GJ10" s="286">
        <v>7565909</v>
      </c>
      <c r="GK10" s="287">
        <v>0</v>
      </c>
      <c r="GL10" s="282">
        <v>4222399</v>
      </c>
      <c r="GM10" s="282">
        <v>8057419</v>
      </c>
      <c r="GN10" s="282">
        <v>5559985</v>
      </c>
      <c r="GO10" s="282">
        <v>4669381</v>
      </c>
      <c r="GP10" s="282">
        <v>1683459</v>
      </c>
      <c r="GQ10" s="283">
        <v>24192643</v>
      </c>
      <c r="GR10" s="285">
        <v>31758552</v>
      </c>
      <c r="GS10" s="281">
        <v>13741441</v>
      </c>
      <c r="GT10" s="282">
        <v>17329696</v>
      </c>
      <c r="GU10" s="283">
        <v>31071137</v>
      </c>
      <c r="GV10" s="281">
        <v>0</v>
      </c>
      <c r="GW10" s="282">
        <v>11157659</v>
      </c>
      <c r="GX10" s="282">
        <v>14462473</v>
      </c>
      <c r="GY10" s="282">
        <v>7791168</v>
      </c>
      <c r="GZ10" s="282">
        <v>5333537</v>
      </c>
      <c r="HA10" s="282">
        <v>2854408</v>
      </c>
      <c r="HB10" s="286">
        <v>41599245</v>
      </c>
      <c r="HC10" s="285">
        <v>72670382</v>
      </c>
      <c r="HD10" s="281">
        <v>38958570</v>
      </c>
      <c r="HE10" s="282">
        <v>65102382</v>
      </c>
      <c r="HF10" s="286">
        <v>104060952</v>
      </c>
      <c r="HG10" s="287">
        <v>0</v>
      </c>
      <c r="HH10" s="282">
        <v>452918295</v>
      </c>
      <c r="HI10" s="282">
        <v>569379386</v>
      </c>
      <c r="HJ10" s="282">
        <v>490272418</v>
      </c>
      <c r="HK10" s="282">
        <v>600911055</v>
      </c>
      <c r="HL10" s="282">
        <v>339581988</v>
      </c>
      <c r="HM10" s="283">
        <v>2453063142</v>
      </c>
      <c r="HN10" s="284">
        <v>2557124094</v>
      </c>
      <c r="HO10" s="288">
        <v>28183792</v>
      </c>
      <c r="HP10" s="282">
        <v>71069868</v>
      </c>
      <c r="HQ10" s="283">
        <v>99253660</v>
      </c>
      <c r="HR10" s="281">
        <v>0</v>
      </c>
      <c r="HS10" s="282">
        <v>310813540</v>
      </c>
      <c r="HT10" s="282">
        <v>467464674</v>
      </c>
      <c r="HU10" s="282">
        <v>267290100</v>
      </c>
      <c r="HV10" s="282">
        <v>177730351</v>
      </c>
      <c r="HW10" s="282">
        <v>109946368</v>
      </c>
      <c r="HX10" s="286">
        <v>1333245033</v>
      </c>
      <c r="HY10" s="285">
        <v>1432498693</v>
      </c>
      <c r="HZ10" s="290">
        <v>3918547</v>
      </c>
      <c r="IA10" s="291">
        <v>13993983</v>
      </c>
      <c r="IB10" s="292">
        <v>17912530</v>
      </c>
      <c r="IC10" s="293">
        <v>0</v>
      </c>
      <c r="ID10" s="294">
        <v>687058946</v>
      </c>
      <c r="IE10" s="295">
        <v>1059869806</v>
      </c>
      <c r="IF10" s="296">
        <v>1027908376</v>
      </c>
      <c r="IG10" s="294">
        <v>762419630</v>
      </c>
      <c r="IH10" s="296">
        <v>569455567</v>
      </c>
      <c r="II10" s="297">
        <v>4106712325</v>
      </c>
      <c r="IJ10" s="298">
        <v>4124624855</v>
      </c>
      <c r="IK10" s="299">
        <v>0</v>
      </c>
      <c r="IL10" s="300">
        <v>0</v>
      </c>
      <c r="IM10" s="301">
        <v>0</v>
      </c>
      <c r="IN10" s="389">
        <v>0</v>
      </c>
      <c r="IO10" s="302">
        <v>11758905</v>
      </c>
      <c r="IP10" s="302">
        <v>26698114</v>
      </c>
      <c r="IQ10" s="302">
        <v>36157240</v>
      </c>
      <c r="IR10" s="302">
        <v>53249409</v>
      </c>
      <c r="IS10" s="302">
        <v>53525343</v>
      </c>
      <c r="IT10" s="303">
        <v>181389011</v>
      </c>
      <c r="IU10" s="304">
        <v>181389011</v>
      </c>
      <c r="IV10" s="305">
        <v>0</v>
      </c>
      <c r="IW10" s="302">
        <v>0</v>
      </c>
      <c r="IX10" s="306">
        <v>0</v>
      </c>
      <c r="IY10" s="399">
        <v>0</v>
      </c>
      <c r="IZ10" s="302">
        <v>2168784</v>
      </c>
      <c r="JA10" s="302">
        <v>7433860</v>
      </c>
      <c r="JB10" s="302">
        <v>7623535</v>
      </c>
      <c r="JC10" s="302">
        <v>10123338</v>
      </c>
      <c r="JD10" s="302">
        <v>13915108</v>
      </c>
      <c r="JE10" s="306">
        <v>41264625</v>
      </c>
      <c r="JF10" s="307">
        <v>41264625</v>
      </c>
      <c r="JG10" s="305">
        <v>0</v>
      </c>
      <c r="JH10" s="302">
        <v>0</v>
      </c>
      <c r="JI10" s="303">
        <v>0</v>
      </c>
      <c r="JJ10" s="308">
        <v>0</v>
      </c>
      <c r="JK10" s="302">
        <v>239211726</v>
      </c>
      <c r="JL10" s="302">
        <v>390526799</v>
      </c>
      <c r="JM10" s="302">
        <v>283866920</v>
      </c>
      <c r="JN10" s="302">
        <v>164500322</v>
      </c>
      <c r="JO10" s="302">
        <v>92964293</v>
      </c>
      <c r="JP10" s="306">
        <v>1171070060</v>
      </c>
      <c r="JQ10" s="304">
        <v>1171070060</v>
      </c>
      <c r="JR10" s="305">
        <v>106310</v>
      </c>
      <c r="JS10" s="302">
        <v>13590</v>
      </c>
      <c r="JT10" s="303">
        <v>119900</v>
      </c>
      <c r="JU10" s="308">
        <v>0</v>
      </c>
      <c r="JV10" s="302">
        <v>37429993</v>
      </c>
      <c r="JW10" s="302">
        <v>60114536</v>
      </c>
      <c r="JX10" s="302">
        <v>80859328</v>
      </c>
      <c r="JY10" s="302">
        <v>50700297</v>
      </c>
      <c r="JZ10" s="302">
        <v>41376735</v>
      </c>
      <c r="KA10" s="306">
        <v>270480889</v>
      </c>
      <c r="KB10" s="304">
        <v>270600789</v>
      </c>
      <c r="KC10" s="309">
        <v>3812237</v>
      </c>
      <c r="KD10" s="310">
        <v>9757940</v>
      </c>
      <c r="KE10" s="306">
        <v>13570177</v>
      </c>
      <c r="KF10" s="308">
        <v>0</v>
      </c>
      <c r="KG10" s="302">
        <v>84568997</v>
      </c>
      <c r="KH10" s="302">
        <v>154415986</v>
      </c>
      <c r="KI10" s="302">
        <v>149933565</v>
      </c>
      <c r="KJ10" s="302">
        <v>126542448</v>
      </c>
      <c r="KK10" s="302">
        <v>86468379</v>
      </c>
      <c r="KL10" s="306">
        <v>601929375</v>
      </c>
      <c r="KM10" s="311">
        <v>615499552</v>
      </c>
      <c r="KN10" s="299">
        <v>0</v>
      </c>
      <c r="KO10" s="300">
        <v>4222453</v>
      </c>
      <c r="KP10" s="301">
        <v>4222453</v>
      </c>
      <c r="KQ10" s="399">
        <v>0</v>
      </c>
      <c r="KR10" s="302">
        <v>306846894</v>
      </c>
      <c r="KS10" s="302">
        <v>402354374</v>
      </c>
      <c r="KT10" s="302">
        <v>444293310</v>
      </c>
      <c r="KU10" s="302">
        <v>300436063</v>
      </c>
      <c r="KV10" s="302">
        <v>206491329</v>
      </c>
      <c r="KW10" s="306">
        <v>1660421970</v>
      </c>
      <c r="KX10" s="304">
        <v>1664644423</v>
      </c>
      <c r="KY10" s="305">
        <v>0</v>
      </c>
      <c r="KZ10" s="302">
        <v>0</v>
      </c>
      <c r="LA10" s="306">
        <v>0</v>
      </c>
      <c r="LB10" s="399">
        <v>0</v>
      </c>
      <c r="LC10" s="302">
        <v>177310</v>
      </c>
      <c r="LD10" s="302">
        <v>598185</v>
      </c>
      <c r="LE10" s="302">
        <v>1030701</v>
      </c>
      <c r="LF10" s="302">
        <v>243563</v>
      </c>
      <c r="LG10" s="302">
        <v>568090</v>
      </c>
      <c r="LH10" s="306">
        <v>2617849</v>
      </c>
      <c r="LI10" s="307">
        <v>2617849</v>
      </c>
      <c r="LJ10" s="305">
        <v>0</v>
      </c>
      <c r="LK10" s="302">
        <v>0</v>
      </c>
      <c r="LL10" s="306">
        <v>0</v>
      </c>
      <c r="LM10" s="399">
        <v>0</v>
      </c>
      <c r="LN10" s="302">
        <v>764042</v>
      </c>
      <c r="LO10" s="302">
        <v>2924471</v>
      </c>
      <c r="LP10" s="302">
        <v>5908895</v>
      </c>
      <c r="LQ10" s="302">
        <v>13845920</v>
      </c>
      <c r="LR10" s="302">
        <v>12443042</v>
      </c>
      <c r="LS10" s="306">
        <v>35886370</v>
      </c>
      <c r="LT10" s="304">
        <v>35886370</v>
      </c>
      <c r="LU10" s="305">
        <v>0</v>
      </c>
      <c r="LV10" s="302">
        <v>0</v>
      </c>
      <c r="LW10" s="306">
        <v>0</v>
      </c>
      <c r="LX10" s="399">
        <v>0</v>
      </c>
      <c r="LY10" s="302">
        <v>4132295</v>
      </c>
      <c r="LZ10" s="302">
        <v>14803481</v>
      </c>
      <c r="MA10" s="302">
        <v>18234882</v>
      </c>
      <c r="MB10" s="302">
        <v>42778270</v>
      </c>
      <c r="MC10" s="302">
        <v>61703248</v>
      </c>
      <c r="MD10" s="306">
        <v>141652176</v>
      </c>
      <c r="ME10" s="307">
        <v>141652176</v>
      </c>
      <c r="MF10" s="305">
        <v>0</v>
      </c>
      <c r="MG10" s="302">
        <v>0</v>
      </c>
      <c r="MH10" s="306">
        <v>0</v>
      </c>
      <c r="MI10" s="399">
        <v>0</v>
      </c>
      <c r="MJ10" s="302">
        <v>222075250</v>
      </c>
      <c r="MK10" s="302">
        <v>751619475</v>
      </c>
      <c r="ML10" s="302">
        <v>1971097113</v>
      </c>
      <c r="MM10" s="302">
        <v>2790869653</v>
      </c>
      <c r="MN10" s="302">
        <v>1824917792</v>
      </c>
      <c r="MO10" s="306">
        <v>7560579283</v>
      </c>
      <c r="MP10" s="311">
        <v>7560579283</v>
      </c>
      <c r="MQ10" s="305">
        <v>0</v>
      </c>
      <c r="MR10" s="302">
        <v>0</v>
      </c>
      <c r="MS10" s="306">
        <v>0</v>
      </c>
      <c r="MT10" s="399">
        <v>0</v>
      </c>
      <c r="MU10" s="302">
        <v>68664540</v>
      </c>
      <c r="MV10" s="302">
        <v>305186342</v>
      </c>
      <c r="MW10" s="302">
        <v>1303158872</v>
      </c>
      <c r="MX10" s="302">
        <v>1871617879</v>
      </c>
      <c r="MY10" s="302">
        <v>1288956040</v>
      </c>
      <c r="MZ10" s="306">
        <v>4837583673</v>
      </c>
      <c r="NA10" s="311">
        <v>4837583673</v>
      </c>
      <c r="NB10" s="305">
        <v>0</v>
      </c>
      <c r="NC10" s="302">
        <v>0</v>
      </c>
      <c r="ND10" s="306">
        <v>0</v>
      </c>
      <c r="NE10" s="399">
        <v>0</v>
      </c>
      <c r="NF10" s="302">
        <v>153163442</v>
      </c>
      <c r="NG10" s="302">
        <v>445483727</v>
      </c>
      <c r="NH10" s="302">
        <v>664028992</v>
      </c>
      <c r="NI10" s="302">
        <v>878705031</v>
      </c>
      <c r="NJ10" s="302">
        <v>481344522</v>
      </c>
      <c r="NK10" s="306">
        <v>2622725714</v>
      </c>
      <c r="NL10" s="304">
        <v>2622725714</v>
      </c>
      <c r="NM10" s="305">
        <v>0</v>
      </c>
      <c r="NN10" s="302">
        <v>0</v>
      </c>
      <c r="NO10" s="306">
        <v>0</v>
      </c>
      <c r="NP10" s="399">
        <v>0</v>
      </c>
      <c r="NQ10" s="302">
        <v>0</v>
      </c>
      <c r="NR10" s="302">
        <v>0</v>
      </c>
      <c r="NS10" s="302">
        <v>0</v>
      </c>
      <c r="NT10" s="302">
        <v>0</v>
      </c>
      <c r="NU10" s="302">
        <v>0</v>
      </c>
      <c r="NV10" s="306">
        <v>0</v>
      </c>
      <c r="NW10" s="307">
        <v>0</v>
      </c>
      <c r="NX10" s="305">
        <v>0</v>
      </c>
      <c r="NY10" s="302">
        <v>0</v>
      </c>
      <c r="NZ10" s="306">
        <v>0</v>
      </c>
      <c r="OA10" s="399">
        <v>0</v>
      </c>
      <c r="OB10" s="302">
        <v>247268</v>
      </c>
      <c r="OC10" s="302">
        <v>949406</v>
      </c>
      <c r="OD10" s="302">
        <v>3909249</v>
      </c>
      <c r="OE10" s="302">
        <v>40546743</v>
      </c>
      <c r="OF10" s="302">
        <v>54617230</v>
      </c>
      <c r="OG10" s="306">
        <v>100269896</v>
      </c>
      <c r="OH10" s="307">
        <v>100269896</v>
      </c>
      <c r="OI10" s="305">
        <v>169791662</v>
      </c>
      <c r="OJ10" s="302">
        <v>462811203</v>
      </c>
      <c r="OK10" s="303">
        <v>632602865</v>
      </c>
      <c r="OL10" s="308">
        <v>0</v>
      </c>
      <c r="OM10" s="302">
        <v>2844791859</v>
      </c>
      <c r="ON10" s="302">
        <v>5345514021</v>
      </c>
      <c r="OO10" s="302">
        <v>5626263114</v>
      </c>
      <c r="OP10" s="302">
        <v>5969647206</v>
      </c>
      <c r="OQ10" s="302">
        <v>4183930737</v>
      </c>
      <c r="OR10" s="306">
        <v>23970146937</v>
      </c>
      <c r="OS10" s="311">
        <v>24602749802</v>
      </c>
    </row>
    <row r="11" spans="1:409" s="56" customFormat="1" ht="21" customHeight="1" x14ac:dyDescent="0.2">
      <c r="B11" s="396" t="s">
        <v>6</v>
      </c>
      <c r="C11" s="312">
        <v>61388144</v>
      </c>
      <c r="D11" s="313">
        <v>103836525</v>
      </c>
      <c r="E11" s="314">
        <v>165224669</v>
      </c>
      <c r="F11" s="315">
        <v>0</v>
      </c>
      <c r="G11" s="313">
        <v>921075921</v>
      </c>
      <c r="H11" s="313">
        <v>1071389463</v>
      </c>
      <c r="I11" s="313">
        <v>867797550</v>
      </c>
      <c r="J11" s="313">
        <v>874374467</v>
      </c>
      <c r="K11" s="313">
        <v>676948749</v>
      </c>
      <c r="L11" s="315">
        <v>4411586150</v>
      </c>
      <c r="M11" s="316">
        <v>4576810819</v>
      </c>
      <c r="N11" s="312">
        <v>17924497</v>
      </c>
      <c r="O11" s="313">
        <v>34160988</v>
      </c>
      <c r="P11" s="314">
        <v>52085485</v>
      </c>
      <c r="Q11" s="312">
        <v>0</v>
      </c>
      <c r="R11" s="313">
        <v>299999013</v>
      </c>
      <c r="S11" s="313">
        <v>380656233</v>
      </c>
      <c r="T11" s="313">
        <v>323264940</v>
      </c>
      <c r="U11" s="313">
        <v>375509001</v>
      </c>
      <c r="V11" s="313">
        <v>364431604</v>
      </c>
      <c r="W11" s="314">
        <v>1743860791</v>
      </c>
      <c r="X11" s="316">
        <v>1795946276</v>
      </c>
      <c r="Y11" s="312">
        <v>0</v>
      </c>
      <c r="Z11" s="313">
        <v>0</v>
      </c>
      <c r="AA11" s="314">
        <v>0</v>
      </c>
      <c r="AB11" s="312">
        <v>0</v>
      </c>
      <c r="AC11" s="313">
        <v>134238608</v>
      </c>
      <c r="AD11" s="313">
        <v>186610527</v>
      </c>
      <c r="AE11" s="313">
        <v>187053568</v>
      </c>
      <c r="AF11" s="313">
        <v>234200011</v>
      </c>
      <c r="AG11" s="313">
        <v>220591756</v>
      </c>
      <c r="AH11" s="314">
        <v>962694470</v>
      </c>
      <c r="AI11" s="316">
        <v>962694470</v>
      </c>
      <c r="AJ11" s="312">
        <v>65601</v>
      </c>
      <c r="AK11" s="313">
        <v>0</v>
      </c>
      <c r="AL11" s="314">
        <v>65601</v>
      </c>
      <c r="AM11" s="312">
        <v>0</v>
      </c>
      <c r="AN11" s="313">
        <v>639449</v>
      </c>
      <c r="AO11" s="313">
        <v>2022536</v>
      </c>
      <c r="AP11" s="313">
        <v>6760731</v>
      </c>
      <c r="AQ11" s="313">
        <v>17918682</v>
      </c>
      <c r="AR11" s="313">
        <v>34384527</v>
      </c>
      <c r="AS11" s="314">
        <v>61725925</v>
      </c>
      <c r="AT11" s="316">
        <v>61791526</v>
      </c>
      <c r="AU11" s="312">
        <v>9987420</v>
      </c>
      <c r="AV11" s="313">
        <v>24400452</v>
      </c>
      <c r="AW11" s="314">
        <v>34387872</v>
      </c>
      <c r="AX11" s="312">
        <v>0</v>
      </c>
      <c r="AY11" s="313">
        <v>102790544</v>
      </c>
      <c r="AZ11" s="313">
        <v>120309987</v>
      </c>
      <c r="BA11" s="313">
        <v>71313806</v>
      </c>
      <c r="BB11" s="313">
        <v>65608128</v>
      </c>
      <c r="BC11" s="313">
        <v>63520513</v>
      </c>
      <c r="BD11" s="314">
        <v>423542978</v>
      </c>
      <c r="BE11" s="316">
        <v>457930850</v>
      </c>
      <c r="BF11" s="312">
        <v>714733</v>
      </c>
      <c r="BG11" s="313">
        <v>2167554</v>
      </c>
      <c r="BH11" s="317">
        <v>2882287</v>
      </c>
      <c r="BI11" s="318">
        <v>0</v>
      </c>
      <c r="BJ11" s="313">
        <v>7537207</v>
      </c>
      <c r="BK11" s="313">
        <v>8348838</v>
      </c>
      <c r="BL11" s="313">
        <v>4978826</v>
      </c>
      <c r="BM11" s="313">
        <v>5303549</v>
      </c>
      <c r="BN11" s="313">
        <v>2897512</v>
      </c>
      <c r="BO11" s="314">
        <v>29065932</v>
      </c>
      <c r="BP11" s="316">
        <v>31948219</v>
      </c>
      <c r="BQ11" s="312">
        <v>7156743</v>
      </c>
      <c r="BR11" s="313">
        <v>7592982</v>
      </c>
      <c r="BS11" s="314">
        <v>14749725</v>
      </c>
      <c r="BT11" s="312">
        <v>0</v>
      </c>
      <c r="BU11" s="313">
        <v>54793205</v>
      </c>
      <c r="BV11" s="313">
        <v>63364345</v>
      </c>
      <c r="BW11" s="313">
        <v>53158009</v>
      </c>
      <c r="BX11" s="313">
        <v>52478631</v>
      </c>
      <c r="BY11" s="313">
        <v>43037296</v>
      </c>
      <c r="BZ11" s="314">
        <v>266831486</v>
      </c>
      <c r="CA11" s="316">
        <v>281581211</v>
      </c>
      <c r="CB11" s="312">
        <v>2872676</v>
      </c>
      <c r="CC11" s="313">
        <v>9078923</v>
      </c>
      <c r="CD11" s="314">
        <v>11951599</v>
      </c>
      <c r="CE11" s="312">
        <v>0</v>
      </c>
      <c r="CF11" s="313">
        <v>237244457</v>
      </c>
      <c r="CG11" s="313">
        <v>272788131</v>
      </c>
      <c r="CH11" s="313">
        <v>183169363</v>
      </c>
      <c r="CI11" s="313">
        <v>130842247</v>
      </c>
      <c r="CJ11" s="313">
        <v>64398933</v>
      </c>
      <c r="CK11" s="314">
        <v>888443131</v>
      </c>
      <c r="CL11" s="316">
        <v>900394730</v>
      </c>
      <c r="CM11" s="312">
        <v>0</v>
      </c>
      <c r="CN11" s="313">
        <v>0</v>
      </c>
      <c r="CO11" s="314">
        <v>0</v>
      </c>
      <c r="CP11" s="318">
        <v>0</v>
      </c>
      <c r="CQ11" s="313">
        <v>202604628</v>
      </c>
      <c r="CR11" s="313">
        <v>221574301</v>
      </c>
      <c r="CS11" s="313">
        <v>147492151</v>
      </c>
      <c r="CT11" s="313">
        <v>104985435</v>
      </c>
      <c r="CU11" s="313">
        <v>51448219</v>
      </c>
      <c r="CV11" s="314">
        <v>728104734</v>
      </c>
      <c r="CW11" s="316">
        <v>728104734</v>
      </c>
      <c r="CX11" s="312">
        <v>2872676</v>
      </c>
      <c r="CY11" s="313">
        <v>9078923</v>
      </c>
      <c r="CZ11" s="314">
        <v>11951599</v>
      </c>
      <c r="DA11" s="312">
        <v>0</v>
      </c>
      <c r="DB11" s="313">
        <v>34639829</v>
      </c>
      <c r="DC11" s="313">
        <v>51213830</v>
      </c>
      <c r="DD11" s="313">
        <v>35677212</v>
      </c>
      <c r="DE11" s="313">
        <v>25856812</v>
      </c>
      <c r="DF11" s="313">
        <v>12950714</v>
      </c>
      <c r="DG11" s="314">
        <v>160338397</v>
      </c>
      <c r="DH11" s="316">
        <v>172289996</v>
      </c>
      <c r="DI11" s="312">
        <v>94602</v>
      </c>
      <c r="DJ11" s="313">
        <v>797581</v>
      </c>
      <c r="DK11" s="317">
        <v>892183</v>
      </c>
      <c r="DL11" s="318">
        <v>0</v>
      </c>
      <c r="DM11" s="313">
        <v>16178969</v>
      </c>
      <c r="DN11" s="313">
        <v>35936708</v>
      </c>
      <c r="DO11" s="313">
        <v>59275726</v>
      </c>
      <c r="DP11" s="313">
        <v>50025097</v>
      </c>
      <c r="DQ11" s="313">
        <v>30782210</v>
      </c>
      <c r="DR11" s="314">
        <v>192198710</v>
      </c>
      <c r="DS11" s="316">
        <v>193090893</v>
      </c>
      <c r="DT11" s="312">
        <v>94602</v>
      </c>
      <c r="DU11" s="313">
        <v>743206</v>
      </c>
      <c r="DV11" s="314">
        <v>837808</v>
      </c>
      <c r="DW11" s="312">
        <v>0</v>
      </c>
      <c r="DX11" s="313">
        <v>14504712</v>
      </c>
      <c r="DY11" s="313">
        <v>30716654</v>
      </c>
      <c r="DZ11" s="313">
        <v>52348027</v>
      </c>
      <c r="EA11" s="313">
        <v>43035741</v>
      </c>
      <c r="EB11" s="313">
        <v>23815317</v>
      </c>
      <c r="EC11" s="314">
        <v>164420451</v>
      </c>
      <c r="ED11" s="316">
        <v>165258259</v>
      </c>
      <c r="EE11" s="312">
        <v>0</v>
      </c>
      <c r="EF11" s="317">
        <v>54375</v>
      </c>
      <c r="EG11" s="314">
        <v>54375</v>
      </c>
      <c r="EH11" s="312">
        <v>0</v>
      </c>
      <c r="EI11" s="313">
        <v>1674257</v>
      </c>
      <c r="EJ11" s="313">
        <v>5220054</v>
      </c>
      <c r="EK11" s="313">
        <v>6927699</v>
      </c>
      <c r="EL11" s="313">
        <v>6989356</v>
      </c>
      <c r="EM11" s="313">
        <v>6966893</v>
      </c>
      <c r="EN11" s="317">
        <v>27778259</v>
      </c>
      <c r="EO11" s="316">
        <v>27832634</v>
      </c>
      <c r="EP11" s="312">
        <v>0</v>
      </c>
      <c r="EQ11" s="313">
        <v>0</v>
      </c>
      <c r="ER11" s="317">
        <v>0</v>
      </c>
      <c r="ES11" s="318">
        <v>0</v>
      </c>
      <c r="ET11" s="313">
        <v>0</v>
      </c>
      <c r="EU11" s="313">
        <v>0</v>
      </c>
      <c r="EV11" s="313">
        <v>0</v>
      </c>
      <c r="EW11" s="313">
        <v>0</v>
      </c>
      <c r="EX11" s="313">
        <v>0</v>
      </c>
      <c r="EY11" s="314">
        <v>0</v>
      </c>
      <c r="EZ11" s="316">
        <v>0</v>
      </c>
      <c r="FA11" s="312">
        <v>0</v>
      </c>
      <c r="FB11" s="313">
        <v>0</v>
      </c>
      <c r="FC11" s="317">
        <v>0</v>
      </c>
      <c r="FD11" s="318">
        <v>0</v>
      </c>
      <c r="FE11" s="313">
        <v>0</v>
      </c>
      <c r="FF11" s="313">
        <v>0</v>
      </c>
      <c r="FG11" s="313">
        <v>0</v>
      </c>
      <c r="FH11" s="313">
        <v>0</v>
      </c>
      <c r="FI11" s="313">
        <v>0</v>
      </c>
      <c r="FJ11" s="314">
        <v>0</v>
      </c>
      <c r="FK11" s="316">
        <v>0</v>
      </c>
      <c r="FL11" s="312">
        <v>13816574</v>
      </c>
      <c r="FM11" s="313">
        <v>24864524</v>
      </c>
      <c r="FN11" s="314">
        <v>38681098</v>
      </c>
      <c r="FO11" s="312">
        <v>0</v>
      </c>
      <c r="FP11" s="313">
        <v>52291080</v>
      </c>
      <c r="FQ11" s="313">
        <v>94061603</v>
      </c>
      <c r="FR11" s="313">
        <v>65533904</v>
      </c>
      <c r="FS11" s="313">
        <v>64476315</v>
      </c>
      <c r="FT11" s="313">
        <v>48022993</v>
      </c>
      <c r="FU11" s="314">
        <v>324385895</v>
      </c>
      <c r="FV11" s="316">
        <v>363066993</v>
      </c>
      <c r="FW11" s="319">
        <v>8875926</v>
      </c>
      <c r="FX11" s="313">
        <v>19589167</v>
      </c>
      <c r="FY11" s="317">
        <v>28465093</v>
      </c>
      <c r="FZ11" s="318">
        <v>0</v>
      </c>
      <c r="GA11" s="313">
        <v>43156471</v>
      </c>
      <c r="GB11" s="313">
        <v>88399481</v>
      </c>
      <c r="GC11" s="313">
        <v>62449420</v>
      </c>
      <c r="GD11" s="313">
        <v>61463736</v>
      </c>
      <c r="GE11" s="313">
        <v>46786322</v>
      </c>
      <c r="GF11" s="314">
        <v>302255430</v>
      </c>
      <c r="GG11" s="320">
        <v>330720523</v>
      </c>
      <c r="GH11" s="319">
        <v>983885</v>
      </c>
      <c r="GI11" s="313">
        <v>1441320</v>
      </c>
      <c r="GJ11" s="317">
        <v>2425205</v>
      </c>
      <c r="GK11" s="318">
        <v>0</v>
      </c>
      <c r="GL11" s="313">
        <v>3694574</v>
      </c>
      <c r="GM11" s="313">
        <v>3444691</v>
      </c>
      <c r="GN11" s="313">
        <v>1532806</v>
      </c>
      <c r="GO11" s="313">
        <v>1617438</v>
      </c>
      <c r="GP11" s="313">
        <v>775988</v>
      </c>
      <c r="GQ11" s="314">
        <v>11065497</v>
      </c>
      <c r="GR11" s="316">
        <v>13490702</v>
      </c>
      <c r="GS11" s="312">
        <v>3956763</v>
      </c>
      <c r="GT11" s="313">
        <v>3834037</v>
      </c>
      <c r="GU11" s="314">
        <v>7790800</v>
      </c>
      <c r="GV11" s="312">
        <v>0</v>
      </c>
      <c r="GW11" s="313">
        <v>5440035</v>
      </c>
      <c r="GX11" s="313">
        <v>2217431</v>
      </c>
      <c r="GY11" s="313">
        <v>1551678</v>
      </c>
      <c r="GZ11" s="313">
        <v>1395141</v>
      </c>
      <c r="HA11" s="313">
        <v>460683</v>
      </c>
      <c r="HB11" s="317">
        <v>11064968</v>
      </c>
      <c r="HC11" s="316">
        <v>18855768</v>
      </c>
      <c r="HD11" s="312">
        <v>15473780</v>
      </c>
      <c r="HE11" s="313">
        <v>16562928</v>
      </c>
      <c r="HF11" s="317">
        <v>32036708</v>
      </c>
      <c r="HG11" s="318">
        <v>0</v>
      </c>
      <c r="HH11" s="313">
        <v>167823556</v>
      </c>
      <c r="HI11" s="313">
        <v>161823959</v>
      </c>
      <c r="HJ11" s="313">
        <v>156199478</v>
      </c>
      <c r="HK11" s="313">
        <v>192495749</v>
      </c>
      <c r="HL11" s="313">
        <v>130595143</v>
      </c>
      <c r="HM11" s="314">
        <v>808937885</v>
      </c>
      <c r="HN11" s="315">
        <v>840974593</v>
      </c>
      <c r="HO11" s="319">
        <v>11206015</v>
      </c>
      <c r="HP11" s="313">
        <v>18371581</v>
      </c>
      <c r="HQ11" s="314">
        <v>29577596</v>
      </c>
      <c r="HR11" s="312">
        <v>0</v>
      </c>
      <c r="HS11" s="313">
        <v>147538846</v>
      </c>
      <c r="HT11" s="313">
        <v>126122829</v>
      </c>
      <c r="HU11" s="313">
        <v>80354139</v>
      </c>
      <c r="HV11" s="313">
        <v>61026058</v>
      </c>
      <c r="HW11" s="313">
        <v>38717866</v>
      </c>
      <c r="HX11" s="317">
        <v>453759738</v>
      </c>
      <c r="HY11" s="316">
        <v>483337334</v>
      </c>
      <c r="HZ11" s="321">
        <v>1227330</v>
      </c>
      <c r="IA11" s="322">
        <v>4708400</v>
      </c>
      <c r="IB11" s="323">
        <v>5935730</v>
      </c>
      <c r="IC11" s="324">
        <v>0</v>
      </c>
      <c r="ID11" s="322">
        <v>295455284</v>
      </c>
      <c r="IE11" s="325">
        <v>367965763</v>
      </c>
      <c r="IF11" s="323">
        <v>380784667</v>
      </c>
      <c r="IG11" s="322">
        <v>299198393</v>
      </c>
      <c r="IH11" s="323">
        <v>241681472</v>
      </c>
      <c r="II11" s="326">
        <v>1585085579</v>
      </c>
      <c r="IJ11" s="327">
        <v>1591021309</v>
      </c>
      <c r="IK11" s="328">
        <v>0</v>
      </c>
      <c r="IL11" s="329">
        <v>0</v>
      </c>
      <c r="IM11" s="330">
        <v>0</v>
      </c>
      <c r="IN11" s="390">
        <v>0</v>
      </c>
      <c r="IO11" s="331">
        <v>5381630</v>
      </c>
      <c r="IP11" s="331">
        <v>10919553</v>
      </c>
      <c r="IQ11" s="331">
        <v>10018070</v>
      </c>
      <c r="IR11" s="331">
        <v>30756817</v>
      </c>
      <c r="IS11" s="331">
        <v>33041943</v>
      </c>
      <c r="IT11" s="332">
        <v>90118013</v>
      </c>
      <c r="IU11" s="333">
        <v>90118013</v>
      </c>
      <c r="IV11" s="334">
        <v>0</v>
      </c>
      <c r="IW11" s="331">
        <v>0</v>
      </c>
      <c r="IX11" s="335">
        <v>0</v>
      </c>
      <c r="IY11" s="399">
        <v>0</v>
      </c>
      <c r="IZ11" s="331">
        <v>1457464</v>
      </c>
      <c r="JA11" s="331">
        <v>1959652</v>
      </c>
      <c r="JB11" s="331">
        <v>2485981</v>
      </c>
      <c r="JC11" s="331">
        <v>2451103</v>
      </c>
      <c r="JD11" s="331">
        <v>3771476</v>
      </c>
      <c r="JE11" s="335">
        <v>12125676</v>
      </c>
      <c r="JF11" s="336">
        <v>12125676</v>
      </c>
      <c r="JG11" s="334">
        <v>0</v>
      </c>
      <c r="JH11" s="331">
        <v>0</v>
      </c>
      <c r="JI11" s="332">
        <v>0</v>
      </c>
      <c r="JJ11" s="337">
        <v>0</v>
      </c>
      <c r="JK11" s="331">
        <v>92370250</v>
      </c>
      <c r="JL11" s="331">
        <v>95711325</v>
      </c>
      <c r="JM11" s="331">
        <v>68344954</v>
      </c>
      <c r="JN11" s="331">
        <v>45466443</v>
      </c>
      <c r="JO11" s="331">
        <v>26054222</v>
      </c>
      <c r="JP11" s="335">
        <v>327947194</v>
      </c>
      <c r="JQ11" s="333">
        <v>327947194</v>
      </c>
      <c r="JR11" s="334">
        <v>10663</v>
      </c>
      <c r="JS11" s="331">
        <v>0</v>
      </c>
      <c r="JT11" s="332">
        <v>10663</v>
      </c>
      <c r="JU11" s="337">
        <v>0</v>
      </c>
      <c r="JV11" s="331">
        <v>16210528</v>
      </c>
      <c r="JW11" s="331">
        <v>27034155</v>
      </c>
      <c r="JX11" s="331">
        <v>34490831</v>
      </c>
      <c r="JY11" s="331">
        <v>20685394</v>
      </c>
      <c r="JZ11" s="331">
        <v>16617267</v>
      </c>
      <c r="KA11" s="335">
        <v>115038175</v>
      </c>
      <c r="KB11" s="333">
        <v>115048838</v>
      </c>
      <c r="KC11" s="338">
        <v>1216667</v>
      </c>
      <c r="KD11" s="339">
        <v>3428239</v>
      </c>
      <c r="KE11" s="335">
        <v>4644906</v>
      </c>
      <c r="KF11" s="337">
        <v>0</v>
      </c>
      <c r="KG11" s="331">
        <v>33971667</v>
      </c>
      <c r="KH11" s="331">
        <v>43253080</v>
      </c>
      <c r="KI11" s="331">
        <v>48671719</v>
      </c>
      <c r="KJ11" s="331">
        <v>33167096</v>
      </c>
      <c r="KK11" s="331">
        <v>17650482</v>
      </c>
      <c r="KL11" s="335">
        <v>176714044</v>
      </c>
      <c r="KM11" s="340">
        <v>181358950</v>
      </c>
      <c r="KN11" s="328">
        <v>0</v>
      </c>
      <c r="KO11" s="329">
        <v>1280161</v>
      </c>
      <c r="KP11" s="330">
        <v>1280161</v>
      </c>
      <c r="KQ11" s="399">
        <v>0</v>
      </c>
      <c r="KR11" s="331">
        <v>130933105</v>
      </c>
      <c r="KS11" s="331">
        <v>166167648</v>
      </c>
      <c r="KT11" s="331">
        <v>167748337</v>
      </c>
      <c r="KU11" s="331">
        <v>108100509</v>
      </c>
      <c r="KV11" s="331">
        <v>79790894</v>
      </c>
      <c r="KW11" s="335">
        <v>652740493</v>
      </c>
      <c r="KX11" s="333">
        <v>654020654</v>
      </c>
      <c r="KY11" s="334">
        <v>0</v>
      </c>
      <c r="KZ11" s="331">
        <v>0</v>
      </c>
      <c r="LA11" s="335">
        <v>0</v>
      </c>
      <c r="LB11" s="399">
        <v>0</v>
      </c>
      <c r="LC11" s="331">
        <v>0</v>
      </c>
      <c r="LD11" s="331">
        <v>0</v>
      </c>
      <c r="LE11" s="331">
        <v>0</v>
      </c>
      <c r="LF11" s="331">
        <v>0</v>
      </c>
      <c r="LG11" s="331">
        <v>0</v>
      </c>
      <c r="LH11" s="335">
        <v>0</v>
      </c>
      <c r="LI11" s="336">
        <v>0</v>
      </c>
      <c r="LJ11" s="334">
        <v>0</v>
      </c>
      <c r="LK11" s="331">
        <v>0</v>
      </c>
      <c r="LL11" s="335">
        <v>0</v>
      </c>
      <c r="LM11" s="399">
        <v>0</v>
      </c>
      <c r="LN11" s="331">
        <v>234214</v>
      </c>
      <c r="LO11" s="331">
        <v>2713952</v>
      </c>
      <c r="LP11" s="331">
        <v>19554908</v>
      </c>
      <c r="LQ11" s="331">
        <v>31849200</v>
      </c>
      <c r="LR11" s="331">
        <v>21223540</v>
      </c>
      <c r="LS11" s="335">
        <v>75575814</v>
      </c>
      <c r="LT11" s="333">
        <v>75575814</v>
      </c>
      <c r="LU11" s="334">
        <v>0</v>
      </c>
      <c r="LV11" s="331">
        <v>0</v>
      </c>
      <c r="LW11" s="335">
        <v>0</v>
      </c>
      <c r="LX11" s="399">
        <v>0</v>
      </c>
      <c r="LY11" s="331">
        <v>14896426</v>
      </c>
      <c r="LZ11" s="331">
        <v>20206398</v>
      </c>
      <c r="MA11" s="331">
        <v>29469867</v>
      </c>
      <c r="MB11" s="331">
        <v>26721831</v>
      </c>
      <c r="MC11" s="331">
        <v>43531648</v>
      </c>
      <c r="MD11" s="335">
        <v>134826170</v>
      </c>
      <c r="ME11" s="336">
        <v>134826170</v>
      </c>
      <c r="MF11" s="334">
        <v>0</v>
      </c>
      <c r="MG11" s="331">
        <v>0</v>
      </c>
      <c r="MH11" s="335">
        <v>0</v>
      </c>
      <c r="MI11" s="399">
        <v>0</v>
      </c>
      <c r="MJ11" s="331">
        <v>82848042</v>
      </c>
      <c r="MK11" s="331">
        <v>141728364</v>
      </c>
      <c r="ML11" s="331">
        <v>510045267</v>
      </c>
      <c r="MM11" s="331">
        <v>741047373</v>
      </c>
      <c r="MN11" s="331">
        <v>541937670</v>
      </c>
      <c r="MO11" s="335">
        <v>2017606716</v>
      </c>
      <c r="MP11" s="340">
        <v>2017606716</v>
      </c>
      <c r="MQ11" s="334">
        <v>0</v>
      </c>
      <c r="MR11" s="331">
        <v>0</v>
      </c>
      <c r="MS11" s="335">
        <v>0</v>
      </c>
      <c r="MT11" s="399">
        <v>0</v>
      </c>
      <c r="MU11" s="331">
        <v>21694769</v>
      </c>
      <c r="MV11" s="331">
        <v>53265765</v>
      </c>
      <c r="MW11" s="331">
        <v>341821219</v>
      </c>
      <c r="MX11" s="331">
        <v>516024251</v>
      </c>
      <c r="MY11" s="331">
        <v>398143759</v>
      </c>
      <c r="MZ11" s="335">
        <v>1330949763</v>
      </c>
      <c r="NA11" s="340">
        <v>1330949763</v>
      </c>
      <c r="NB11" s="334">
        <v>0</v>
      </c>
      <c r="NC11" s="331">
        <v>0</v>
      </c>
      <c r="ND11" s="335">
        <v>0</v>
      </c>
      <c r="NE11" s="399">
        <v>0</v>
      </c>
      <c r="NF11" s="331">
        <v>61153273</v>
      </c>
      <c r="NG11" s="331">
        <v>88143485</v>
      </c>
      <c r="NH11" s="331">
        <v>167533288</v>
      </c>
      <c r="NI11" s="331">
        <v>209715122</v>
      </c>
      <c r="NJ11" s="331">
        <v>119550251</v>
      </c>
      <c r="NK11" s="335">
        <v>646095419</v>
      </c>
      <c r="NL11" s="333">
        <v>646095419</v>
      </c>
      <c r="NM11" s="334">
        <v>0</v>
      </c>
      <c r="NN11" s="331">
        <v>0</v>
      </c>
      <c r="NO11" s="335">
        <v>0</v>
      </c>
      <c r="NP11" s="399">
        <v>0</v>
      </c>
      <c r="NQ11" s="331">
        <v>0</v>
      </c>
      <c r="NR11" s="331">
        <v>0</v>
      </c>
      <c r="NS11" s="331">
        <v>0</v>
      </c>
      <c r="NT11" s="331">
        <v>0</v>
      </c>
      <c r="NU11" s="331">
        <v>0</v>
      </c>
      <c r="NV11" s="335">
        <v>0</v>
      </c>
      <c r="NW11" s="336">
        <v>0</v>
      </c>
      <c r="NX11" s="334">
        <v>0</v>
      </c>
      <c r="NY11" s="331">
        <v>0</v>
      </c>
      <c r="NZ11" s="335">
        <v>0</v>
      </c>
      <c r="OA11" s="399">
        <v>0</v>
      </c>
      <c r="OB11" s="331">
        <v>0</v>
      </c>
      <c r="OC11" s="331">
        <v>319114</v>
      </c>
      <c r="OD11" s="331">
        <v>690760</v>
      </c>
      <c r="OE11" s="331">
        <v>15308000</v>
      </c>
      <c r="OF11" s="331">
        <v>24243660</v>
      </c>
      <c r="OG11" s="335">
        <v>40561534</v>
      </c>
      <c r="OH11" s="336">
        <v>40561534</v>
      </c>
      <c r="OI11" s="334">
        <v>62615474</v>
      </c>
      <c r="OJ11" s="331">
        <v>108544925</v>
      </c>
      <c r="OK11" s="332">
        <v>171160399</v>
      </c>
      <c r="OL11" s="337">
        <v>0</v>
      </c>
      <c r="OM11" s="331">
        <v>1299379247</v>
      </c>
      <c r="ON11" s="331">
        <v>1581083590</v>
      </c>
      <c r="OO11" s="331">
        <v>1758627484</v>
      </c>
      <c r="OP11" s="331">
        <v>1914620233</v>
      </c>
      <c r="OQ11" s="331">
        <v>1460567891</v>
      </c>
      <c r="OR11" s="335">
        <v>8014278445</v>
      </c>
      <c r="OS11" s="340">
        <v>8185438844</v>
      </c>
    </row>
    <row r="12" spans="1:409" s="56" customFormat="1" ht="21" customHeight="1" x14ac:dyDescent="0.2">
      <c r="B12" s="396" t="s">
        <v>14</v>
      </c>
      <c r="C12" s="312">
        <v>30155915</v>
      </c>
      <c r="D12" s="313">
        <v>76571005</v>
      </c>
      <c r="E12" s="314">
        <v>106726920</v>
      </c>
      <c r="F12" s="315">
        <v>0</v>
      </c>
      <c r="G12" s="313">
        <v>354810196</v>
      </c>
      <c r="H12" s="313">
        <v>587018031</v>
      </c>
      <c r="I12" s="313">
        <v>541877759</v>
      </c>
      <c r="J12" s="313">
        <v>468405874</v>
      </c>
      <c r="K12" s="313">
        <v>321984565</v>
      </c>
      <c r="L12" s="317">
        <v>2274096425</v>
      </c>
      <c r="M12" s="316">
        <v>2380823345</v>
      </c>
      <c r="N12" s="312">
        <v>6156974</v>
      </c>
      <c r="O12" s="313">
        <v>19657905</v>
      </c>
      <c r="P12" s="314">
        <v>25814879</v>
      </c>
      <c r="Q12" s="312">
        <v>0</v>
      </c>
      <c r="R12" s="313">
        <v>100273559</v>
      </c>
      <c r="S12" s="313">
        <v>186706311</v>
      </c>
      <c r="T12" s="313">
        <v>188766581</v>
      </c>
      <c r="U12" s="313">
        <v>193598697</v>
      </c>
      <c r="V12" s="313">
        <v>168800022</v>
      </c>
      <c r="W12" s="314">
        <v>838145170</v>
      </c>
      <c r="X12" s="316">
        <v>863960049</v>
      </c>
      <c r="Y12" s="312">
        <v>0</v>
      </c>
      <c r="Z12" s="313">
        <v>0</v>
      </c>
      <c r="AA12" s="314">
        <v>0</v>
      </c>
      <c r="AB12" s="312">
        <v>0</v>
      </c>
      <c r="AC12" s="313">
        <v>48532570</v>
      </c>
      <c r="AD12" s="313">
        <v>94189627</v>
      </c>
      <c r="AE12" s="313">
        <v>111032760</v>
      </c>
      <c r="AF12" s="313">
        <v>120793691</v>
      </c>
      <c r="AG12" s="313">
        <v>101491273</v>
      </c>
      <c r="AH12" s="314">
        <v>476039921</v>
      </c>
      <c r="AI12" s="316">
        <v>476039921</v>
      </c>
      <c r="AJ12" s="312">
        <v>0</v>
      </c>
      <c r="AK12" s="313">
        <v>36545</v>
      </c>
      <c r="AL12" s="314">
        <v>36545</v>
      </c>
      <c r="AM12" s="312">
        <v>0</v>
      </c>
      <c r="AN12" s="313">
        <v>123743</v>
      </c>
      <c r="AO12" s="313">
        <v>1299938</v>
      </c>
      <c r="AP12" s="313">
        <v>2500930</v>
      </c>
      <c r="AQ12" s="313">
        <v>9153942</v>
      </c>
      <c r="AR12" s="313">
        <v>15487253</v>
      </c>
      <c r="AS12" s="314">
        <v>28565806</v>
      </c>
      <c r="AT12" s="316">
        <v>28602351</v>
      </c>
      <c r="AU12" s="312">
        <v>2785990</v>
      </c>
      <c r="AV12" s="313">
        <v>13811294</v>
      </c>
      <c r="AW12" s="314">
        <v>16597284</v>
      </c>
      <c r="AX12" s="312">
        <v>0</v>
      </c>
      <c r="AY12" s="313">
        <v>29824806</v>
      </c>
      <c r="AZ12" s="313">
        <v>57560734</v>
      </c>
      <c r="BA12" s="313">
        <v>41781289</v>
      </c>
      <c r="BB12" s="313">
        <v>35012888</v>
      </c>
      <c r="BC12" s="313">
        <v>32193183</v>
      </c>
      <c r="BD12" s="314">
        <v>196372900</v>
      </c>
      <c r="BE12" s="316">
        <v>212970184</v>
      </c>
      <c r="BF12" s="312">
        <v>269304</v>
      </c>
      <c r="BG12" s="313">
        <v>1092670</v>
      </c>
      <c r="BH12" s="317">
        <v>1361974</v>
      </c>
      <c r="BI12" s="318">
        <v>0</v>
      </c>
      <c r="BJ12" s="313">
        <v>615271</v>
      </c>
      <c r="BK12" s="313">
        <v>2793028</v>
      </c>
      <c r="BL12" s="313">
        <v>1831786</v>
      </c>
      <c r="BM12" s="313">
        <v>1629700</v>
      </c>
      <c r="BN12" s="313">
        <v>548372</v>
      </c>
      <c r="BO12" s="314">
        <v>7418157</v>
      </c>
      <c r="BP12" s="316">
        <v>8780131</v>
      </c>
      <c r="BQ12" s="312">
        <v>3101680</v>
      </c>
      <c r="BR12" s="313">
        <v>4717396</v>
      </c>
      <c r="BS12" s="314">
        <v>7819076</v>
      </c>
      <c r="BT12" s="312">
        <v>0</v>
      </c>
      <c r="BU12" s="313">
        <v>21177169</v>
      </c>
      <c r="BV12" s="313">
        <v>30862984</v>
      </c>
      <c r="BW12" s="313">
        <v>31619816</v>
      </c>
      <c r="BX12" s="313">
        <v>27008476</v>
      </c>
      <c r="BY12" s="313">
        <v>19079941</v>
      </c>
      <c r="BZ12" s="314">
        <v>129748386</v>
      </c>
      <c r="CA12" s="316">
        <v>137567462</v>
      </c>
      <c r="CB12" s="312">
        <v>2071096</v>
      </c>
      <c r="CC12" s="313">
        <v>6889273</v>
      </c>
      <c r="CD12" s="314">
        <v>8960369</v>
      </c>
      <c r="CE12" s="312">
        <v>0</v>
      </c>
      <c r="CF12" s="313">
        <v>104720917</v>
      </c>
      <c r="CG12" s="313">
        <v>170464427</v>
      </c>
      <c r="CH12" s="313">
        <v>137259146</v>
      </c>
      <c r="CI12" s="313">
        <v>84960478</v>
      </c>
      <c r="CJ12" s="313">
        <v>39642576</v>
      </c>
      <c r="CK12" s="314">
        <v>537047544</v>
      </c>
      <c r="CL12" s="316">
        <v>546007913</v>
      </c>
      <c r="CM12" s="312">
        <v>0</v>
      </c>
      <c r="CN12" s="313">
        <v>0</v>
      </c>
      <c r="CO12" s="314">
        <v>0</v>
      </c>
      <c r="CP12" s="318">
        <v>0</v>
      </c>
      <c r="CQ12" s="313">
        <v>97975058</v>
      </c>
      <c r="CR12" s="313">
        <v>144713433</v>
      </c>
      <c r="CS12" s="313">
        <v>115442712</v>
      </c>
      <c r="CT12" s="313">
        <v>71692912</v>
      </c>
      <c r="CU12" s="313">
        <v>33979825</v>
      </c>
      <c r="CV12" s="314">
        <v>463803940</v>
      </c>
      <c r="CW12" s="316">
        <v>463803940</v>
      </c>
      <c r="CX12" s="312">
        <v>2071096</v>
      </c>
      <c r="CY12" s="313">
        <v>6889273</v>
      </c>
      <c r="CZ12" s="314">
        <v>8960369</v>
      </c>
      <c r="DA12" s="312">
        <v>0</v>
      </c>
      <c r="DB12" s="313">
        <v>6745859</v>
      </c>
      <c r="DC12" s="313">
        <v>25750994</v>
      </c>
      <c r="DD12" s="313">
        <v>21816434</v>
      </c>
      <c r="DE12" s="313">
        <v>13267566</v>
      </c>
      <c r="DF12" s="313">
        <v>5662751</v>
      </c>
      <c r="DG12" s="314">
        <v>73243604</v>
      </c>
      <c r="DH12" s="316">
        <v>82203973</v>
      </c>
      <c r="DI12" s="312">
        <v>37740</v>
      </c>
      <c r="DJ12" s="313">
        <v>969972</v>
      </c>
      <c r="DK12" s="317">
        <v>1007712</v>
      </c>
      <c r="DL12" s="318">
        <v>0</v>
      </c>
      <c r="DM12" s="313">
        <v>6517716</v>
      </c>
      <c r="DN12" s="313">
        <v>20445322</v>
      </c>
      <c r="DO12" s="313">
        <v>49031601</v>
      </c>
      <c r="DP12" s="313">
        <v>43065819</v>
      </c>
      <c r="DQ12" s="313">
        <v>23158873</v>
      </c>
      <c r="DR12" s="314">
        <v>142219331</v>
      </c>
      <c r="DS12" s="316">
        <v>143227043</v>
      </c>
      <c r="DT12" s="312">
        <v>37740</v>
      </c>
      <c r="DU12" s="313">
        <v>811397</v>
      </c>
      <c r="DV12" s="314">
        <v>849137</v>
      </c>
      <c r="DW12" s="312">
        <v>0</v>
      </c>
      <c r="DX12" s="313">
        <v>6404221</v>
      </c>
      <c r="DY12" s="313">
        <v>19920972</v>
      </c>
      <c r="DZ12" s="313">
        <v>48181419</v>
      </c>
      <c r="EA12" s="313">
        <v>42557377</v>
      </c>
      <c r="EB12" s="313">
        <v>22242282</v>
      </c>
      <c r="EC12" s="314">
        <v>139306271</v>
      </c>
      <c r="ED12" s="316">
        <v>140155408</v>
      </c>
      <c r="EE12" s="312">
        <v>0</v>
      </c>
      <c r="EF12" s="317">
        <v>158575</v>
      </c>
      <c r="EG12" s="314">
        <v>158575</v>
      </c>
      <c r="EH12" s="312">
        <v>0</v>
      </c>
      <c r="EI12" s="313">
        <v>113495</v>
      </c>
      <c r="EJ12" s="313">
        <v>524350</v>
      </c>
      <c r="EK12" s="313">
        <v>850182</v>
      </c>
      <c r="EL12" s="313">
        <v>508442</v>
      </c>
      <c r="EM12" s="313">
        <v>916591</v>
      </c>
      <c r="EN12" s="317">
        <v>2913060</v>
      </c>
      <c r="EO12" s="316">
        <v>3071635</v>
      </c>
      <c r="EP12" s="312">
        <v>0</v>
      </c>
      <c r="EQ12" s="313">
        <v>0</v>
      </c>
      <c r="ER12" s="317">
        <v>0</v>
      </c>
      <c r="ES12" s="318">
        <v>0</v>
      </c>
      <c r="ET12" s="313">
        <v>0</v>
      </c>
      <c r="EU12" s="313">
        <v>0</v>
      </c>
      <c r="EV12" s="313">
        <v>0</v>
      </c>
      <c r="EW12" s="313">
        <v>0</v>
      </c>
      <c r="EX12" s="313">
        <v>0</v>
      </c>
      <c r="EY12" s="314">
        <v>0</v>
      </c>
      <c r="EZ12" s="316">
        <v>0</v>
      </c>
      <c r="FA12" s="312">
        <v>0</v>
      </c>
      <c r="FB12" s="313">
        <v>0</v>
      </c>
      <c r="FC12" s="317">
        <v>0</v>
      </c>
      <c r="FD12" s="318">
        <v>0</v>
      </c>
      <c r="FE12" s="313">
        <v>0</v>
      </c>
      <c r="FF12" s="313">
        <v>0</v>
      </c>
      <c r="FG12" s="313">
        <v>0</v>
      </c>
      <c r="FH12" s="313">
        <v>0</v>
      </c>
      <c r="FI12" s="313">
        <v>0</v>
      </c>
      <c r="FJ12" s="314">
        <v>0</v>
      </c>
      <c r="FK12" s="316">
        <v>0</v>
      </c>
      <c r="FL12" s="312">
        <v>9521993</v>
      </c>
      <c r="FM12" s="313">
        <v>24321279</v>
      </c>
      <c r="FN12" s="314">
        <v>33843272</v>
      </c>
      <c r="FO12" s="312">
        <v>0</v>
      </c>
      <c r="FP12" s="313">
        <v>20924492</v>
      </c>
      <c r="FQ12" s="313">
        <v>63975786</v>
      </c>
      <c r="FR12" s="313">
        <v>46050641</v>
      </c>
      <c r="FS12" s="313">
        <v>38795979</v>
      </c>
      <c r="FT12" s="313">
        <v>25545987</v>
      </c>
      <c r="FU12" s="314">
        <v>195292885</v>
      </c>
      <c r="FV12" s="316">
        <v>229136157</v>
      </c>
      <c r="FW12" s="319">
        <v>5346454</v>
      </c>
      <c r="FX12" s="313">
        <v>19267968</v>
      </c>
      <c r="FY12" s="317">
        <v>24614422</v>
      </c>
      <c r="FZ12" s="318">
        <v>0</v>
      </c>
      <c r="GA12" s="313">
        <v>16969937</v>
      </c>
      <c r="GB12" s="313">
        <v>57602680</v>
      </c>
      <c r="GC12" s="313">
        <v>41920328</v>
      </c>
      <c r="GD12" s="313">
        <v>36064210</v>
      </c>
      <c r="GE12" s="313">
        <v>24557348</v>
      </c>
      <c r="GF12" s="314">
        <v>177114503</v>
      </c>
      <c r="GG12" s="320">
        <v>201728925</v>
      </c>
      <c r="GH12" s="319">
        <v>708884</v>
      </c>
      <c r="GI12" s="313">
        <v>1310163</v>
      </c>
      <c r="GJ12" s="317">
        <v>2019047</v>
      </c>
      <c r="GK12" s="318">
        <v>0</v>
      </c>
      <c r="GL12" s="313">
        <v>1293063</v>
      </c>
      <c r="GM12" s="313">
        <v>2229326</v>
      </c>
      <c r="GN12" s="313">
        <v>1363646</v>
      </c>
      <c r="GO12" s="313">
        <v>1610895</v>
      </c>
      <c r="GP12" s="313">
        <v>564886</v>
      </c>
      <c r="GQ12" s="314">
        <v>7061816</v>
      </c>
      <c r="GR12" s="316">
        <v>9080863</v>
      </c>
      <c r="GS12" s="312">
        <v>3466655</v>
      </c>
      <c r="GT12" s="313">
        <v>3743148</v>
      </c>
      <c r="GU12" s="314">
        <v>7209803</v>
      </c>
      <c r="GV12" s="312">
        <v>0</v>
      </c>
      <c r="GW12" s="313">
        <v>2661492</v>
      </c>
      <c r="GX12" s="313">
        <v>4143780</v>
      </c>
      <c r="GY12" s="313">
        <v>2766667</v>
      </c>
      <c r="GZ12" s="313">
        <v>1120874</v>
      </c>
      <c r="HA12" s="313">
        <v>423753</v>
      </c>
      <c r="HB12" s="317">
        <v>11116566</v>
      </c>
      <c r="HC12" s="316">
        <v>18326369</v>
      </c>
      <c r="HD12" s="312">
        <v>6934365</v>
      </c>
      <c r="HE12" s="313">
        <v>10717114</v>
      </c>
      <c r="HF12" s="317">
        <v>17651479</v>
      </c>
      <c r="HG12" s="318">
        <v>0</v>
      </c>
      <c r="HH12" s="313">
        <v>58065835</v>
      </c>
      <c r="HI12" s="313">
        <v>62817708</v>
      </c>
      <c r="HJ12" s="313">
        <v>64536530</v>
      </c>
      <c r="HK12" s="313">
        <v>70744602</v>
      </c>
      <c r="HL12" s="313">
        <v>44232957</v>
      </c>
      <c r="HM12" s="314">
        <v>300397632</v>
      </c>
      <c r="HN12" s="315">
        <v>318049111</v>
      </c>
      <c r="HO12" s="319">
        <v>5433747</v>
      </c>
      <c r="HP12" s="313">
        <v>14015462</v>
      </c>
      <c r="HQ12" s="314">
        <v>19449209</v>
      </c>
      <c r="HR12" s="312">
        <v>0</v>
      </c>
      <c r="HS12" s="313">
        <v>64307677</v>
      </c>
      <c r="HT12" s="313">
        <v>82608477</v>
      </c>
      <c r="HU12" s="313">
        <v>56233260</v>
      </c>
      <c r="HV12" s="313">
        <v>37240299</v>
      </c>
      <c r="HW12" s="313">
        <v>20604150</v>
      </c>
      <c r="HX12" s="317">
        <v>260993863</v>
      </c>
      <c r="HY12" s="316">
        <v>280443072</v>
      </c>
      <c r="HZ12" s="321">
        <v>783659</v>
      </c>
      <c r="IA12" s="322">
        <v>2575098</v>
      </c>
      <c r="IB12" s="323">
        <v>3358757</v>
      </c>
      <c r="IC12" s="341">
        <v>0</v>
      </c>
      <c r="ID12" s="342">
        <v>132436200</v>
      </c>
      <c r="IE12" s="343">
        <v>202510747</v>
      </c>
      <c r="IF12" s="344">
        <v>234052429</v>
      </c>
      <c r="IG12" s="342">
        <v>156736743</v>
      </c>
      <c r="IH12" s="344">
        <v>98485323</v>
      </c>
      <c r="II12" s="345">
        <v>824221442</v>
      </c>
      <c r="IJ12" s="327">
        <v>827580199</v>
      </c>
      <c r="IK12" s="328">
        <v>0</v>
      </c>
      <c r="IL12" s="329">
        <v>0</v>
      </c>
      <c r="IM12" s="330">
        <v>0</v>
      </c>
      <c r="IN12" s="390">
        <v>0</v>
      </c>
      <c r="IO12" s="331">
        <v>2002823</v>
      </c>
      <c r="IP12" s="331">
        <v>6105028</v>
      </c>
      <c r="IQ12" s="331">
        <v>6663995</v>
      </c>
      <c r="IR12" s="331">
        <v>9942707</v>
      </c>
      <c r="IS12" s="331">
        <v>12389456</v>
      </c>
      <c r="IT12" s="332">
        <v>37104009</v>
      </c>
      <c r="IU12" s="333">
        <v>37104009</v>
      </c>
      <c r="IV12" s="334">
        <v>0</v>
      </c>
      <c r="IW12" s="331">
        <v>0</v>
      </c>
      <c r="IX12" s="335">
        <v>0</v>
      </c>
      <c r="IY12" s="399">
        <v>0</v>
      </c>
      <c r="IZ12" s="331">
        <v>0</v>
      </c>
      <c r="JA12" s="331">
        <v>0</v>
      </c>
      <c r="JB12" s="331">
        <v>0</v>
      </c>
      <c r="JC12" s="331">
        <v>0</v>
      </c>
      <c r="JD12" s="331">
        <v>0</v>
      </c>
      <c r="JE12" s="335">
        <v>0</v>
      </c>
      <c r="JF12" s="336">
        <v>0</v>
      </c>
      <c r="JG12" s="334">
        <v>0</v>
      </c>
      <c r="JH12" s="331">
        <v>0</v>
      </c>
      <c r="JI12" s="332">
        <v>0</v>
      </c>
      <c r="JJ12" s="337">
        <v>0</v>
      </c>
      <c r="JK12" s="331">
        <v>51717277</v>
      </c>
      <c r="JL12" s="331">
        <v>71473127</v>
      </c>
      <c r="JM12" s="331">
        <v>52827252</v>
      </c>
      <c r="JN12" s="331">
        <v>35065872</v>
      </c>
      <c r="JO12" s="331">
        <v>17249285</v>
      </c>
      <c r="JP12" s="335">
        <v>228332813</v>
      </c>
      <c r="JQ12" s="333">
        <v>228332813</v>
      </c>
      <c r="JR12" s="334">
        <v>0</v>
      </c>
      <c r="JS12" s="331">
        <v>0</v>
      </c>
      <c r="JT12" s="332">
        <v>0</v>
      </c>
      <c r="JU12" s="337">
        <v>0</v>
      </c>
      <c r="JV12" s="331">
        <v>1162018</v>
      </c>
      <c r="JW12" s="331">
        <v>1758174</v>
      </c>
      <c r="JX12" s="331">
        <v>3584650</v>
      </c>
      <c r="JY12" s="331">
        <v>2606461</v>
      </c>
      <c r="JZ12" s="331">
        <v>3678673</v>
      </c>
      <c r="KA12" s="335">
        <v>12789976</v>
      </c>
      <c r="KB12" s="333">
        <v>12789976</v>
      </c>
      <c r="KC12" s="338">
        <v>783659</v>
      </c>
      <c r="KD12" s="339">
        <v>2083107</v>
      </c>
      <c r="KE12" s="335">
        <v>2866766</v>
      </c>
      <c r="KF12" s="337">
        <v>0</v>
      </c>
      <c r="KG12" s="331">
        <v>15643089</v>
      </c>
      <c r="KH12" s="331">
        <v>27792659</v>
      </c>
      <c r="KI12" s="331">
        <v>32927866</v>
      </c>
      <c r="KJ12" s="331">
        <v>19666880</v>
      </c>
      <c r="KK12" s="331">
        <v>12485288</v>
      </c>
      <c r="KL12" s="335">
        <v>108515782</v>
      </c>
      <c r="KM12" s="340">
        <v>111382548</v>
      </c>
      <c r="KN12" s="328">
        <v>0</v>
      </c>
      <c r="KO12" s="329">
        <v>491991</v>
      </c>
      <c r="KP12" s="330">
        <v>491991</v>
      </c>
      <c r="KQ12" s="399">
        <v>0</v>
      </c>
      <c r="KR12" s="331">
        <v>58791638</v>
      </c>
      <c r="KS12" s="331">
        <v>87874333</v>
      </c>
      <c r="KT12" s="331">
        <v>121110184</v>
      </c>
      <c r="KU12" s="331">
        <v>62616407</v>
      </c>
      <c r="KV12" s="331">
        <v>35313014</v>
      </c>
      <c r="KW12" s="335">
        <v>365705576</v>
      </c>
      <c r="KX12" s="333">
        <v>366197567</v>
      </c>
      <c r="KY12" s="334">
        <v>0</v>
      </c>
      <c r="KZ12" s="331">
        <v>0</v>
      </c>
      <c r="LA12" s="335">
        <v>0</v>
      </c>
      <c r="LB12" s="399">
        <v>0</v>
      </c>
      <c r="LC12" s="331">
        <v>0</v>
      </c>
      <c r="LD12" s="331">
        <v>0</v>
      </c>
      <c r="LE12" s="331">
        <v>0</v>
      </c>
      <c r="LF12" s="331">
        <v>0</v>
      </c>
      <c r="LG12" s="331">
        <v>0</v>
      </c>
      <c r="LH12" s="335">
        <v>0</v>
      </c>
      <c r="LI12" s="336">
        <v>0</v>
      </c>
      <c r="LJ12" s="334">
        <v>0</v>
      </c>
      <c r="LK12" s="331">
        <v>0</v>
      </c>
      <c r="LL12" s="335">
        <v>0</v>
      </c>
      <c r="LM12" s="399">
        <v>0</v>
      </c>
      <c r="LN12" s="331">
        <v>0</v>
      </c>
      <c r="LO12" s="331">
        <v>0</v>
      </c>
      <c r="LP12" s="331">
        <v>3606318</v>
      </c>
      <c r="LQ12" s="331">
        <v>9191054</v>
      </c>
      <c r="LR12" s="331">
        <v>3151672</v>
      </c>
      <c r="LS12" s="335">
        <v>15949044</v>
      </c>
      <c r="LT12" s="333">
        <v>15949044</v>
      </c>
      <c r="LU12" s="334">
        <v>0</v>
      </c>
      <c r="LV12" s="331">
        <v>0</v>
      </c>
      <c r="LW12" s="335">
        <v>0</v>
      </c>
      <c r="LX12" s="399">
        <v>0</v>
      </c>
      <c r="LY12" s="331">
        <v>3119355</v>
      </c>
      <c r="LZ12" s="331">
        <v>7507426</v>
      </c>
      <c r="MA12" s="331">
        <v>13332164</v>
      </c>
      <c r="MB12" s="331">
        <v>17647362</v>
      </c>
      <c r="MC12" s="331">
        <v>14217935</v>
      </c>
      <c r="MD12" s="335">
        <v>55824242</v>
      </c>
      <c r="ME12" s="336">
        <v>55824242</v>
      </c>
      <c r="MF12" s="334">
        <v>0</v>
      </c>
      <c r="MG12" s="331">
        <v>0</v>
      </c>
      <c r="MH12" s="335">
        <v>0</v>
      </c>
      <c r="MI12" s="399">
        <v>0</v>
      </c>
      <c r="MJ12" s="331">
        <v>20947609</v>
      </c>
      <c r="MK12" s="331">
        <v>65420036</v>
      </c>
      <c r="ML12" s="331">
        <v>333267387</v>
      </c>
      <c r="MM12" s="331">
        <v>535212051</v>
      </c>
      <c r="MN12" s="331">
        <v>328405277</v>
      </c>
      <c r="MO12" s="335">
        <v>1283252360</v>
      </c>
      <c r="MP12" s="340">
        <v>1283252360</v>
      </c>
      <c r="MQ12" s="334">
        <v>0</v>
      </c>
      <c r="MR12" s="331">
        <v>0</v>
      </c>
      <c r="MS12" s="335">
        <v>0</v>
      </c>
      <c r="MT12" s="399">
        <v>0</v>
      </c>
      <c r="MU12" s="331">
        <v>1908948</v>
      </c>
      <c r="MV12" s="331">
        <v>9399983</v>
      </c>
      <c r="MW12" s="331">
        <v>233632979</v>
      </c>
      <c r="MX12" s="331">
        <v>364228194</v>
      </c>
      <c r="MY12" s="331">
        <v>235184094</v>
      </c>
      <c r="MZ12" s="335">
        <v>844354198</v>
      </c>
      <c r="NA12" s="340">
        <v>844354198</v>
      </c>
      <c r="NB12" s="334">
        <v>0</v>
      </c>
      <c r="NC12" s="331">
        <v>0</v>
      </c>
      <c r="ND12" s="335">
        <v>0</v>
      </c>
      <c r="NE12" s="399">
        <v>0</v>
      </c>
      <c r="NF12" s="331">
        <v>18797604</v>
      </c>
      <c r="NG12" s="331">
        <v>56020053</v>
      </c>
      <c r="NH12" s="331">
        <v>96252413</v>
      </c>
      <c r="NI12" s="331">
        <v>130995265</v>
      </c>
      <c r="NJ12" s="331">
        <v>55251859</v>
      </c>
      <c r="NK12" s="335">
        <v>357317194</v>
      </c>
      <c r="NL12" s="333">
        <v>357317194</v>
      </c>
      <c r="NM12" s="334">
        <v>0</v>
      </c>
      <c r="NN12" s="331">
        <v>0</v>
      </c>
      <c r="NO12" s="335">
        <v>0</v>
      </c>
      <c r="NP12" s="399">
        <v>0</v>
      </c>
      <c r="NQ12" s="331">
        <v>0</v>
      </c>
      <c r="NR12" s="331">
        <v>0</v>
      </c>
      <c r="NS12" s="331">
        <v>0</v>
      </c>
      <c r="NT12" s="331">
        <v>0</v>
      </c>
      <c r="NU12" s="331">
        <v>0</v>
      </c>
      <c r="NV12" s="335">
        <v>0</v>
      </c>
      <c r="NW12" s="336">
        <v>0</v>
      </c>
      <c r="NX12" s="334">
        <v>0</v>
      </c>
      <c r="NY12" s="331">
        <v>0</v>
      </c>
      <c r="NZ12" s="335">
        <v>0</v>
      </c>
      <c r="OA12" s="399">
        <v>0</v>
      </c>
      <c r="OB12" s="331">
        <v>241057</v>
      </c>
      <c r="OC12" s="331">
        <v>0</v>
      </c>
      <c r="OD12" s="331">
        <v>3381995</v>
      </c>
      <c r="OE12" s="331">
        <v>39988592</v>
      </c>
      <c r="OF12" s="331">
        <v>37969324</v>
      </c>
      <c r="OG12" s="335">
        <v>81580968</v>
      </c>
      <c r="OH12" s="336">
        <v>81580968</v>
      </c>
      <c r="OI12" s="334">
        <v>30939574</v>
      </c>
      <c r="OJ12" s="331">
        <v>79146103</v>
      </c>
      <c r="OK12" s="332">
        <v>110085677</v>
      </c>
      <c r="OL12" s="337">
        <v>0</v>
      </c>
      <c r="OM12" s="331">
        <v>508194005</v>
      </c>
      <c r="ON12" s="331">
        <v>854948814</v>
      </c>
      <c r="OO12" s="331">
        <v>1109197575</v>
      </c>
      <c r="OP12" s="331">
        <v>1160354668</v>
      </c>
      <c r="OQ12" s="331">
        <v>748875165</v>
      </c>
      <c r="OR12" s="335">
        <v>4381570227</v>
      </c>
      <c r="OS12" s="340">
        <v>4491655904</v>
      </c>
    </row>
    <row r="13" spans="1:409" s="56" customFormat="1" ht="21" customHeight="1" x14ac:dyDescent="0.2">
      <c r="B13" s="396" t="s">
        <v>7</v>
      </c>
      <c r="C13" s="312">
        <v>17170717</v>
      </c>
      <c r="D13" s="313">
        <v>22950546</v>
      </c>
      <c r="E13" s="314">
        <v>40121263</v>
      </c>
      <c r="F13" s="315">
        <v>0</v>
      </c>
      <c r="G13" s="313">
        <v>400618644</v>
      </c>
      <c r="H13" s="313">
        <v>347486915</v>
      </c>
      <c r="I13" s="313">
        <v>288182523</v>
      </c>
      <c r="J13" s="313">
        <v>308173870</v>
      </c>
      <c r="K13" s="313">
        <v>212824886</v>
      </c>
      <c r="L13" s="315">
        <v>1557286838</v>
      </c>
      <c r="M13" s="316">
        <v>1597408101</v>
      </c>
      <c r="N13" s="312">
        <v>2810243</v>
      </c>
      <c r="O13" s="313">
        <v>3016467</v>
      </c>
      <c r="P13" s="314">
        <v>5826710</v>
      </c>
      <c r="Q13" s="312">
        <v>0</v>
      </c>
      <c r="R13" s="313">
        <v>98122042</v>
      </c>
      <c r="S13" s="313">
        <v>100485922</v>
      </c>
      <c r="T13" s="313">
        <v>93489287</v>
      </c>
      <c r="U13" s="313">
        <v>127397102</v>
      </c>
      <c r="V13" s="313">
        <v>110030051</v>
      </c>
      <c r="W13" s="314">
        <v>529524404</v>
      </c>
      <c r="X13" s="316">
        <v>535351114</v>
      </c>
      <c r="Y13" s="312">
        <v>0</v>
      </c>
      <c r="Z13" s="313">
        <v>0</v>
      </c>
      <c r="AA13" s="314">
        <v>0</v>
      </c>
      <c r="AB13" s="312">
        <v>0</v>
      </c>
      <c r="AC13" s="313">
        <v>51720607</v>
      </c>
      <c r="AD13" s="313">
        <v>55389827</v>
      </c>
      <c r="AE13" s="313">
        <v>60797624</v>
      </c>
      <c r="AF13" s="313">
        <v>80997658</v>
      </c>
      <c r="AG13" s="313">
        <v>64266838</v>
      </c>
      <c r="AH13" s="314">
        <v>313172554</v>
      </c>
      <c r="AI13" s="316">
        <v>313172554</v>
      </c>
      <c r="AJ13" s="312">
        <v>0</v>
      </c>
      <c r="AK13" s="313">
        <v>0</v>
      </c>
      <c r="AL13" s="314">
        <v>0</v>
      </c>
      <c r="AM13" s="312">
        <v>0</v>
      </c>
      <c r="AN13" s="313">
        <v>505712</v>
      </c>
      <c r="AO13" s="313">
        <v>2103295</v>
      </c>
      <c r="AP13" s="313">
        <v>2788737</v>
      </c>
      <c r="AQ13" s="313">
        <v>9745381</v>
      </c>
      <c r="AR13" s="313">
        <v>14644002</v>
      </c>
      <c r="AS13" s="314">
        <v>29787127</v>
      </c>
      <c r="AT13" s="316">
        <v>29787127</v>
      </c>
      <c r="AU13" s="312">
        <v>481203</v>
      </c>
      <c r="AV13" s="313">
        <v>1275272</v>
      </c>
      <c r="AW13" s="314">
        <v>1756475</v>
      </c>
      <c r="AX13" s="312">
        <v>0</v>
      </c>
      <c r="AY13" s="313">
        <v>25252413</v>
      </c>
      <c r="AZ13" s="313">
        <v>24938366</v>
      </c>
      <c r="BA13" s="313">
        <v>14413211</v>
      </c>
      <c r="BB13" s="313">
        <v>19342590</v>
      </c>
      <c r="BC13" s="313">
        <v>20255701</v>
      </c>
      <c r="BD13" s="314">
        <v>104202281</v>
      </c>
      <c r="BE13" s="316">
        <v>105958756</v>
      </c>
      <c r="BF13" s="312">
        <v>58977</v>
      </c>
      <c r="BG13" s="313">
        <v>413377</v>
      </c>
      <c r="BH13" s="317">
        <v>472354</v>
      </c>
      <c r="BI13" s="318">
        <v>0</v>
      </c>
      <c r="BJ13" s="313">
        <v>2333120</v>
      </c>
      <c r="BK13" s="313">
        <v>2621831</v>
      </c>
      <c r="BL13" s="313">
        <v>1532859</v>
      </c>
      <c r="BM13" s="313">
        <v>1518074</v>
      </c>
      <c r="BN13" s="313">
        <v>893543</v>
      </c>
      <c r="BO13" s="314">
        <v>8899427</v>
      </c>
      <c r="BP13" s="316">
        <v>9371781</v>
      </c>
      <c r="BQ13" s="312">
        <v>2270063</v>
      </c>
      <c r="BR13" s="313">
        <v>1327818</v>
      </c>
      <c r="BS13" s="314">
        <v>3597881</v>
      </c>
      <c r="BT13" s="312">
        <v>0</v>
      </c>
      <c r="BU13" s="313">
        <v>18310190</v>
      </c>
      <c r="BV13" s="313">
        <v>15432603</v>
      </c>
      <c r="BW13" s="313">
        <v>13956856</v>
      </c>
      <c r="BX13" s="313">
        <v>15793399</v>
      </c>
      <c r="BY13" s="313">
        <v>9969967</v>
      </c>
      <c r="BZ13" s="314">
        <v>73463015</v>
      </c>
      <c r="CA13" s="316">
        <v>77060896</v>
      </c>
      <c r="CB13" s="312">
        <v>1453564</v>
      </c>
      <c r="CC13" s="313">
        <v>3135234</v>
      </c>
      <c r="CD13" s="314">
        <v>4588798</v>
      </c>
      <c r="CE13" s="312">
        <v>0</v>
      </c>
      <c r="CF13" s="313">
        <v>112179317</v>
      </c>
      <c r="CG13" s="313">
        <v>89618746</v>
      </c>
      <c r="CH13" s="313">
        <v>58412763</v>
      </c>
      <c r="CI13" s="313">
        <v>40166433</v>
      </c>
      <c r="CJ13" s="313">
        <v>20886663</v>
      </c>
      <c r="CK13" s="314">
        <v>321263922</v>
      </c>
      <c r="CL13" s="316">
        <v>325852720</v>
      </c>
      <c r="CM13" s="312">
        <v>5491</v>
      </c>
      <c r="CN13" s="313">
        <v>0</v>
      </c>
      <c r="CO13" s="314">
        <v>5491</v>
      </c>
      <c r="CP13" s="318">
        <v>0</v>
      </c>
      <c r="CQ13" s="313">
        <v>94891978</v>
      </c>
      <c r="CR13" s="313">
        <v>73917674</v>
      </c>
      <c r="CS13" s="313">
        <v>47954628</v>
      </c>
      <c r="CT13" s="313">
        <v>31285627</v>
      </c>
      <c r="CU13" s="313">
        <v>17001015</v>
      </c>
      <c r="CV13" s="314">
        <v>265050922</v>
      </c>
      <c r="CW13" s="316">
        <v>265056413</v>
      </c>
      <c r="CX13" s="312">
        <v>1448073</v>
      </c>
      <c r="CY13" s="313">
        <v>3135234</v>
      </c>
      <c r="CZ13" s="314">
        <v>4583307</v>
      </c>
      <c r="DA13" s="312">
        <v>0</v>
      </c>
      <c r="DB13" s="313">
        <v>17287339</v>
      </c>
      <c r="DC13" s="313">
        <v>15701072</v>
      </c>
      <c r="DD13" s="313">
        <v>10458135</v>
      </c>
      <c r="DE13" s="313">
        <v>8880806</v>
      </c>
      <c r="DF13" s="313">
        <v>3885648</v>
      </c>
      <c r="DG13" s="314">
        <v>56213000</v>
      </c>
      <c r="DH13" s="316">
        <v>60796307</v>
      </c>
      <c r="DI13" s="312">
        <v>108542</v>
      </c>
      <c r="DJ13" s="313">
        <v>348216</v>
      </c>
      <c r="DK13" s="317">
        <v>456758</v>
      </c>
      <c r="DL13" s="318">
        <v>0</v>
      </c>
      <c r="DM13" s="313">
        <v>17120059</v>
      </c>
      <c r="DN13" s="313">
        <v>19825361</v>
      </c>
      <c r="DO13" s="313">
        <v>29589022</v>
      </c>
      <c r="DP13" s="313">
        <v>22294046</v>
      </c>
      <c r="DQ13" s="313">
        <v>16257976</v>
      </c>
      <c r="DR13" s="314">
        <v>105086464</v>
      </c>
      <c r="DS13" s="316">
        <v>105543222</v>
      </c>
      <c r="DT13" s="312">
        <v>108542</v>
      </c>
      <c r="DU13" s="313">
        <v>348216</v>
      </c>
      <c r="DV13" s="314">
        <v>456758</v>
      </c>
      <c r="DW13" s="312">
        <v>0</v>
      </c>
      <c r="DX13" s="313">
        <v>16415078</v>
      </c>
      <c r="DY13" s="313">
        <v>18935912</v>
      </c>
      <c r="DZ13" s="313">
        <v>28063288</v>
      </c>
      <c r="EA13" s="313">
        <v>20961743</v>
      </c>
      <c r="EB13" s="313">
        <v>15364307</v>
      </c>
      <c r="EC13" s="314">
        <v>99740328</v>
      </c>
      <c r="ED13" s="316">
        <v>100197086</v>
      </c>
      <c r="EE13" s="312">
        <v>0</v>
      </c>
      <c r="EF13" s="317">
        <v>0</v>
      </c>
      <c r="EG13" s="314">
        <v>0</v>
      </c>
      <c r="EH13" s="312">
        <v>0</v>
      </c>
      <c r="EI13" s="313">
        <v>704981</v>
      </c>
      <c r="EJ13" s="313">
        <v>889449</v>
      </c>
      <c r="EK13" s="313">
        <v>1525734</v>
      </c>
      <c r="EL13" s="313">
        <v>1332303</v>
      </c>
      <c r="EM13" s="313">
        <v>893669</v>
      </c>
      <c r="EN13" s="317">
        <v>5346136</v>
      </c>
      <c r="EO13" s="316">
        <v>5346136</v>
      </c>
      <c r="EP13" s="312">
        <v>0</v>
      </c>
      <c r="EQ13" s="313">
        <v>0</v>
      </c>
      <c r="ER13" s="317">
        <v>0</v>
      </c>
      <c r="ES13" s="318">
        <v>0</v>
      </c>
      <c r="ET13" s="313">
        <v>0</v>
      </c>
      <c r="EU13" s="313">
        <v>0</v>
      </c>
      <c r="EV13" s="313">
        <v>0</v>
      </c>
      <c r="EW13" s="313">
        <v>0</v>
      </c>
      <c r="EX13" s="313">
        <v>0</v>
      </c>
      <c r="EY13" s="314">
        <v>0</v>
      </c>
      <c r="EZ13" s="316">
        <v>0</v>
      </c>
      <c r="FA13" s="312">
        <v>0</v>
      </c>
      <c r="FB13" s="313">
        <v>0</v>
      </c>
      <c r="FC13" s="317">
        <v>0</v>
      </c>
      <c r="FD13" s="318">
        <v>0</v>
      </c>
      <c r="FE13" s="313">
        <v>0</v>
      </c>
      <c r="FF13" s="313">
        <v>0</v>
      </c>
      <c r="FG13" s="313">
        <v>0</v>
      </c>
      <c r="FH13" s="313">
        <v>0</v>
      </c>
      <c r="FI13" s="313">
        <v>0</v>
      </c>
      <c r="FJ13" s="314">
        <v>0</v>
      </c>
      <c r="FK13" s="316">
        <v>0</v>
      </c>
      <c r="FL13" s="312">
        <v>3690445</v>
      </c>
      <c r="FM13" s="313">
        <v>6875419</v>
      </c>
      <c r="FN13" s="314">
        <v>10565864</v>
      </c>
      <c r="FO13" s="312">
        <v>0</v>
      </c>
      <c r="FP13" s="313">
        <v>19317521</v>
      </c>
      <c r="FQ13" s="313">
        <v>32012890</v>
      </c>
      <c r="FR13" s="313">
        <v>21289388</v>
      </c>
      <c r="FS13" s="313">
        <v>21167796</v>
      </c>
      <c r="FT13" s="313">
        <v>14132509</v>
      </c>
      <c r="FU13" s="314">
        <v>107920104</v>
      </c>
      <c r="FV13" s="316">
        <v>118485968</v>
      </c>
      <c r="FW13" s="319">
        <v>2055929</v>
      </c>
      <c r="FX13" s="313">
        <v>4226177</v>
      </c>
      <c r="FY13" s="317">
        <v>6282106</v>
      </c>
      <c r="FZ13" s="318">
        <v>0</v>
      </c>
      <c r="GA13" s="313">
        <v>14514489</v>
      </c>
      <c r="GB13" s="313">
        <v>29374081</v>
      </c>
      <c r="GC13" s="313">
        <v>19450255</v>
      </c>
      <c r="GD13" s="313">
        <v>19541393</v>
      </c>
      <c r="GE13" s="313">
        <v>13908391</v>
      </c>
      <c r="GF13" s="314">
        <v>96788609</v>
      </c>
      <c r="GG13" s="320">
        <v>103070715</v>
      </c>
      <c r="GH13" s="319">
        <v>262186</v>
      </c>
      <c r="GI13" s="313">
        <v>540697</v>
      </c>
      <c r="GJ13" s="317">
        <v>802883</v>
      </c>
      <c r="GK13" s="318">
        <v>0</v>
      </c>
      <c r="GL13" s="313">
        <v>1015550</v>
      </c>
      <c r="GM13" s="313">
        <v>879709</v>
      </c>
      <c r="GN13" s="313">
        <v>736283</v>
      </c>
      <c r="GO13" s="313">
        <v>494393</v>
      </c>
      <c r="GP13" s="313">
        <v>159138</v>
      </c>
      <c r="GQ13" s="314">
        <v>3285073</v>
      </c>
      <c r="GR13" s="316">
        <v>4087956</v>
      </c>
      <c r="GS13" s="312">
        <v>1372330</v>
      </c>
      <c r="GT13" s="313">
        <v>2108545</v>
      </c>
      <c r="GU13" s="314">
        <v>3480875</v>
      </c>
      <c r="GV13" s="312">
        <v>0</v>
      </c>
      <c r="GW13" s="313">
        <v>3787482</v>
      </c>
      <c r="GX13" s="313">
        <v>1759100</v>
      </c>
      <c r="GY13" s="313">
        <v>1102850</v>
      </c>
      <c r="GZ13" s="313">
        <v>1132010</v>
      </c>
      <c r="HA13" s="313">
        <v>64980</v>
      </c>
      <c r="HB13" s="317">
        <v>7846422</v>
      </c>
      <c r="HC13" s="316">
        <v>11327297</v>
      </c>
      <c r="HD13" s="312">
        <v>6481678</v>
      </c>
      <c r="HE13" s="313">
        <v>4969787</v>
      </c>
      <c r="HF13" s="317">
        <v>11451465</v>
      </c>
      <c r="HG13" s="318">
        <v>0</v>
      </c>
      <c r="HH13" s="313">
        <v>78998340</v>
      </c>
      <c r="HI13" s="313">
        <v>57565233</v>
      </c>
      <c r="HJ13" s="313">
        <v>55882367</v>
      </c>
      <c r="HK13" s="313">
        <v>74892473</v>
      </c>
      <c r="HL13" s="313">
        <v>38151845</v>
      </c>
      <c r="HM13" s="314">
        <v>305490258</v>
      </c>
      <c r="HN13" s="315">
        <v>316941723</v>
      </c>
      <c r="HO13" s="319">
        <v>2626245</v>
      </c>
      <c r="HP13" s="313">
        <v>4605423</v>
      </c>
      <c r="HQ13" s="314">
        <v>7231668</v>
      </c>
      <c r="HR13" s="312">
        <v>0</v>
      </c>
      <c r="HS13" s="313">
        <v>74881365</v>
      </c>
      <c r="HT13" s="313">
        <v>47978763</v>
      </c>
      <c r="HU13" s="313">
        <v>29519696</v>
      </c>
      <c r="HV13" s="313">
        <v>22256020</v>
      </c>
      <c r="HW13" s="313">
        <v>13365842</v>
      </c>
      <c r="HX13" s="317">
        <v>188001686</v>
      </c>
      <c r="HY13" s="316">
        <v>195233354</v>
      </c>
      <c r="HZ13" s="321">
        <v>126186</v>
      </c>
      <c r="IA13" s="322">
        <v>350973</v>
      </c>
      <c r="IB13" s="323">
        <v>477159</v>
      </c>
      <c r="IC13" s="324">
        <v>0</v>
      </c>
      <c r="ID13" s="322">
        <v>114708810</v>
      </c>
      <c r="IE13" s="325">
        <v>112047793</v>
      </c>
      <c r="IF13" s="323">
        <v>101226850</v>
      </c>
      <c r="IG13" s="322">
        <v>70800564</v>
      </c>
      <c r="IH13" s="323">
        <v>41446402</v>
      </c>
      <c r="II13" s="326">
        <v>440230419</v>
      </c>
      <c r="IJ13" s="327">
        <v>440707578</v>
      </c>
      <c r="IK13" s="328">
        <v>0</v>
      </c>
      <c r="IL13" s="329">
        <v>0</v>
      </c>
      <c r="IM13" s="330">
        <v>0</v>
      </c>
      <c r="IN13" s="390">
        <v>0</v>
      </c>
      <c r="IO13" s="331">
        <v>934270</v>
      </c>
      <c r="IP13" s="331">
        <v>1485875</v>
      </c>
      <c r="IQ13" s="331">
        <v>1283123</v>
      </c>
      <c r="IR13" s="331">
        <v>1810542</v>
      </c>
      <c r="IS13" s="331">
        <v>1516831</v>
      </c>
      <c r="IT13" s="332">
        <v>7030641</v>
      </c>
      <c r="IU13" s="333">
        <v>7030641</v>
      </c>
      <c r="IV13" s="334">
        <v>0</v>
      </c>
      <c r="IW13" s="331">
        <v>0</v>
      </c>
      <c r="IX13" s="335">
        <v>0</v>
      </c>
      <c r="IY13" s="399">
        <v>0</v>
      </c>
      <c r="IZ13" s="331">
        <v>0</v>
      </c>
      <c r="JA13" s="331">
        <v>0</v>
      </c>
      <c r="JB13" s="331">
        <v>0</v>
      </c>
      <c r="JC13" s="331">
        <v>0</v>
      </c>
      <c r="JD13" s="331">
        <v>0</v>
      </c>
      <c r="JE13" s="335">
        <v>0</v>
      </c>
      <c r="JF13" s="336">
        <v>0</v>
      </c>
      <c r="JG13" s="334">
        <v>0</v>
      </c>
      <c r="JH13" s="331">
        <v>0</v>
      </c>
      <c r="JI13" s="332">
        <v>0</v>
      </c>
      <c r="JJ13" s="337">
        <v>0</v>
      </c>
      <c r="JK13" s="331">
        <v>57472713</v>
      </c>
      <c r="JL13" s="331">
        <v>45990152</v>
      </c>
      <c r="JM13" s="331">
        <v>27208928</v>
      </c>
      <c r="JN13" s="331">
        <v>13195499</v>
      </c>
      <c r="JO13" s="331">
        <v>5931391</v>
      </c>
      <c r="JP13" s="335">
        <v>149798683</v>
      </c>
      <c r="JQ13" s="333">
        <v>149798683</v>
      </c>
      <c r="JR13" s="334">
        <v>0</v>
      </c>
      <c r="JS13" s="331">
        <v>177803</v>
      </c>
      <c r="JT13" s="332">
        <v>177803</v>
      </c>
      <c r="JU13" s="337">
        <v>0</v>
      </c>
      <c r="JV13" s="331">
        <v>7937091</v>
      </c>
      <c r="JW13" s="331">
        <v>11267171</v>
      </c>
      <c r="JX13" s="331">
        <v>13643695</v>
      </c>
      <c r="JY13" s="331">
        <v>5709306</v>
      </c>
      <c r="JZ13" s="331">
        <v>3969618</v>
      </c>
      <c r="KA13" s="335">
        <v>42526881</v>
      </c>
      <c r="KB13" s="333">
        <v>42704684</v>
      </c>
      <c r="KC13" s="338">
        <v>126186</v>
      </c>
      <c r="KD13" s="339">
        <v>173170</v>
      </c>
      <c r="KE13" s="335">
        <v>299356</v>
      </c>
      <c r="KF13" s="337">
        <v>0</v>
      </c>
      <c r="KG13" s="331">
        <v>6804558</v>
      </c>
      <c r="KH13" s="331">
        <v>6457972</v>
      </c>
      <c r="KI13" s="331">
        <v>7542521</v>
      </c>
      <c r="KJ13" s="331">
        <v>6911034</v>
      </c>
      <c r="KK13" s="331">
        <v>2918912</v>
      </c>
      <c r="KL13" s="335">
        <v>30634997</v>
      </c>
      <c r="KM13" s="340">
        <v>30934353</v>
      </c>
      <c r="KN13" s="328">
        <v>0</v>
      </c>
      <c r="KO13" s="329">
        <v>0</v>
      </c>
      <c r="KP13" s="330">
        <v>0</v>
      </c>
      <c r="KQ13" s="399">
        <v>0</v>
      </c>
      <c r="KR13" s="331">
        <v>38808346</v>
      </c>
      <c r="KS13" s="331">
        <v>44705872</v>
      </c>
      <c r="KT13" s="331">
        <v>48305610</v>
      </c>
      <c r="KU13" s="331">
        <v>36294277</v>
      </c>
      <c r="KV13" s="331">
        <v>20538957</v>
      </c>
      <c r="KW13" s="335">
        <v>188653062</v>
      </c>
      <c r="KX13" s="333">
        <v>188653062</v>
      </c>
      <c r="KY13" s="334">
        <v>0</v>
      </c>
      <c r="KZ13" s="331">
        <v>0</v>
      </c>
      <c r="LA13" s="335">
        <v>0</v>
      </c>
      <c r="LB13" s="399">
        <v>0</v>
      </c>
      <c r="LC13" s="331">
        <v>0</v>
      </c>
      <c r="LD13" s="331">
        <v>0</v>
      </c>
      <c r="LE13" s="331">
        <v>0</v>
      </c>
      <c r="LF13" s="331">
        <v>0</v>
      </c>
      <c r="LG13" s="331">
        <v>0</v>
      </c>
      <c r="LH13" s="335">
        <v>0</v>
      </c>
      <c r="LI13" s="336">
        <v>0</v>
      </c>
      <c r="LJ13" s="334">
        <v>0</v>
      </c>
      <c r="LK13" s="331">
        <v>0</v>
      </c>
      <c r="LL13" s="335">
        <v>0</v>
      </c>
      <c r="LM13" s="399">
        <v>0</v>
      </c>
      <c r="LN13" s="331">
        <v>0</v>
      </c>
      <c r="LO13" s="331">
        <v>0</v>
      </c>
      <c r="LP13" s="331">
        <v>0</v>
      </c>
      <c r="LQ13" s="331">
        <v>0</v>
      </c>
      <c r="LR13" s="331">
        <v>0</v>
      </c>
      <c r="LS13" s="335">
        <v>0</v>
      </c>
      <c r="LT13" s="333">
        <v>0</v>
      </c>
      <c r="LU13" s="334">
        <v>0</v>
      </c>
      <c r="LV13" s="331">
        <v>0</v>
      </c>
      <c r="LW13" s="335">
        <v>0</v>
      </c>
      <c r="LX13" s="399">
        <v>0</v>
      </c>
      <c r="LY13" s="331">
        <v>2751832</v>
      </c>
      <c r="LZ13" s="331">
        <v>2140751</v>
      </c>
      <c r="MA13" s="331">
        <v>3242973</v>
      </c>
      <c r="MB13" s="331">
        <v>6879906</v>
      </c>
      <c r="MC13" s="331">
        <v>6570693</v>
      </c>
      <c r="MD13" s="335">
        <v>21586155</v>
      </c>
      <c r="ME13" s="336">
        <v>21586155</v>
      </c>
      <c r="MF13" s="334">
        <v>0</v>
      </c>
      <c r="MG13" s="331">
        <v>0</v>
      </c>
      <c r="MH13" s="335">
        <v>0</v>
      </c>
      <c r="MI13" s="399">
        <v>0</v>
      </c>
      <c r="MJ13" s="331">
        <v>54612895</v>
      </c>
      <c r="MK13" s="331">
        <v>65211307</v>
      </c>
      <c r="ML13" s="331">
        <v>252926526</v>
      </c>
      <c r="MM13" s="331">
        <v>364729605</v>
      </c>
      <c r="MN13" s="331">
        <v>205727483</v>
      </c>
      <c r="MO13" s="335">
        <v>943207816</v>
      </c>
      <c r="MP13" s="340">
        <v>943207816</v>
      </c>
      <c r="MQ13" s="334">
        <v>0</v>
      </c>
      <c r="MR13" s="331">
        <v>0</v>
      </c>
      <c r="MS13" s="335">
        <v>0</v>
      </c>
      <c r="MT13" s="399">
        <v>0</v>
      </c>
      <c r="MU13" s="331">
        <v>5695300</v>
      </c>
      <c r="MV13" s="331">
        <v>11126337</v>
      </c>
      <c r="MW13" s="331">
        <v>166467944</v>
      </c>
      <c r="MX13" s="331">
        <v>266426886</v>
      </c>
      <c r="MY13" s="331">
        <v>168836950</v>
      </c>
      <c r="MZ13" s="335">
        <v>618553417</v>
      </c>
      <c r="NA13" s="340">
        <v>618553417</v>
      </c>
      <c r="NB13" s="334">
        <v>0</v>
      </c>
      <c r="NC13" s="331">
        <v>0</v>
      </c>
      <c r="ND13" s="335">
        <v>0</v>
      </c>
      <c r="NE13" s="399">
        <v>0</v>
      </c>
      <c r="NF13" s="331">
        <v>48917595</v>
      </c>
      <c r="NG13" s="331">
        <v>54084970</v>
      </c>
      <c r="NH13" s="331">
        <v>85420721</v>
      </c>
      <c r="NI13" s="331">
        <v>96363763</v>
      </c>
      <c r="NJ13" s="331">
        <v>35726999</v>
      </c>
      <c r="NK13" s="335">
        <v>320514048</v>
      </c>
      <c r="NL13" s="333">
        <v>320514048</v>
      </c>
      <c r="NM13" s="334">
        <v>0</v>
      </c>
      <c r="NN13" s="331">
        <v>0</v>
      </c>
      <c r="NO13" s="335">
        <v>0</v>
      </c>
      <c r="NP13" s="399">
        <v>0</v>
      </c>
      <c r="NQ13" s="331">
        <v>0</v>
      </c>
      <c r="NR13" s="331">
        <v>0</v>
      </c>
      <c r="NS13" s="331">
        <v>0</v>
      </c>
      <c r="NT13" s="331">
        <v>0</v>
      </c>
      <c r="NU13" s="331">
        <v>0</v>
      </c>
      <c r="NV13" s="335">
        <v>0</v>
      </c>
      <c r="NW13" s="336">
        <v>0</v>
      </c>
      <c r="NX13" s="334">
        <v>0</v>
      </c>
      <c r="NY13" s="331">
        <v>0</v>
      </c>
      <c r="NZ13" s="335">
        <v>0</v>
      </c>
      <c r="OA13" s="399">
        <v>0</v>
      </c>
      <c r="OB13" s="331">
        <v>0</v>
      </c>
      <c r="OC13" s="331">
        <v>0</v>
      </c>
      <c r="OD13" s="331">
        <v>1037861</v>
      </c>
      <c r="OE13" s="331">
        <v>1938956</v>
      </c>
      <c r="OF13" s="331">
        <v>1163534</v>
      </c>
      <c r="OG13" s="335">
        <v>4140351</v>
      </c>
      <c r="OH13" s="336">
        <v>4140351</v>
      </c>
      <c r="OI13" s="334">
        <v>17296903</v>
      </c>
      <c r="OJ13" s="331">
        <v>23301519</v>
      </c>
      <c r="OK13" s="332">
        <v>40598422</v>
      </c>
      <c r="OL13" s="337">
        <v>0</v>
      </c>
      <c r="OM13" s="331">
        <v>569940349</v>
      </c>
      <c r="ON13" s="331">
        <v>524746015</v>
      </c>
      <c r="OO13" s="331">
        <v>642335899</v>
      </c>
      <c r="OP13" s="331">
        <v>743704039</v>
      </c>
      <c r="OQ13" s="331">
        <v>459998771</v>
      </c>
      <c r="OR13" s="335">
        <v>2940725073</v>
      </c>
      <c r="OS13" s="340">
        <v>2981323495</v>
      </c>
    </row>
    <row r="14" spans="1:409" s="56" customFormat="1" ht="21" customHeight="1" x14ac:dyDescent="0.2">
      <c r="B14" s="396" t="s">
        <v>8</v>
      </c>
      <c r="C14" s="312">
        <v>15167684</v>
      </c>
      <c r="D14" s="313">
        <v>17457452</v>
      </c>
      <c r="E14" s="314">
        <v>32625136</v>
      </c>
      <c r="F14" s="315">
        <v>0</v>
      </c>
      <c r="G14" s="313">
        <v>171169949</v>
      </c>
      <c r="H14" s="313">
        <v>225345545</v>
      </c>
      <c r="I14" s="313">
        <v>201482751</v>
      </c>
      <c r="J14" s="313">
        <v>183162829</v>
      </c>
      <c r="K14" s="313">
        <v>149074737</v>
      </c>
      <c r="L14" s="315">
        <v>930235811</v>
      </c>
      <c r="M14" s="316">
        <v>962860947</v>
      </c>
      <c r="N14" s="312">
        <v>2740579</v>
      </c>
      <c r="O14" s="313">
        <v>3901376</v>
      </c>
      <c r="P14" s="314">
        <v>6641955</v>
      </c>
      <c r="Q14" s="312">
        <v>0</v>
      </c>
      <c r="R14" s="313">
        <v>45878602</v>
      </c>
      <c r="S14" s="313">
        <v>71659074</v>
      </c>
      <c r="T14" s="313">
        <v>67493827</v>
      </c>
      <c r="U14" s="313">
        <v>75298382</v>
      </c>
      <c r="V14" s="313">
        <v>80627565</v>
      </c>
      <c r="W14" s="314">
        <v>340957450</v>
      </c>
      <c r="X14" s="316">
        <v>347599405</v>
      </c>
      <c r="Y14" s="312">
        <v>0</v>
      </c>
      <c r="Z14" s="313">
        <v>0</v>
      </c>
      <c r="AA14" s="314">
        <v>0</v>
      </c>
      <c r="AB14" s="312">
        <v>0</v>
      </c>
      <c r="AC14" s="313">
        <v>21897076</v>
      </c>
      <c r="AD14" s="313">
        <v>39096785</v>
      </c>
      <c r="AE14" s="313">
        <v>42225356</v>
      </c>
      <c r="AF14" s="313">
        <v>47331058</v>
      </c>
      <c r="AG14" s="313">
        <v>51054842</v>
      </c>
      <c r="AH14" s="314">
        <v>201605117</v>
      </c>
      <c r="AI14" s="316">
        <v>201605117</v>
      </c>
      <c r="AJ14" s="312">
        <v>0</v>
      </c>
      <c r="AK14" s="313">
        <v>0</v>
      </c>
      <c r="AL14" s="314">
        <v>0</v>
      </c>
      <c r="AM14" s="312">
        <v>0</v>
      </c>
      <c r="AN14" s="313">
        <v>384372</v>
      </c>
      <c r="AO14" s="313">
        <v>979317</v>
      </c>
      <c r="AP14" s="313">
        <v>1724552</v>
      </c>
      <c r="AQ14" s="313">
        <v>4434689</v>
      </c>
      <c r="AR14" s="313">
        <v>8473807</v>
      </c>
      <c r="AS14" s="314">
        <v>15996737</v>
      </c>
      <c r="AT14" s="316">
        <v>15996737</v>
      </c>
      <c r="AU14" s="312">
        <v>1200452</v>
      </c>
      <c r="AV14" s="313">
        <v>2444345</v>
      </c>
      <c r="AW14" s="314">
        <v>3644797</v>
      </c>
      <c r="AX14" s="312">
        <v>0</v>
      </c>
      <c r="AY14" s="313">
        <v>12965557</v>
      </c>
      <c r="AZ14" s="313">
        <v>18834415</v>
      </c>
      <c r="BA14" s="313">
        <v>13160376</v>
      </c>
      <c r="BB14" s="313">
        <v>13858370</v>
      </c>
      <c r="BC14" s="313">
        <v>13304471</v>
      </c>
      <c r="BD14" s="314">
        <v>72123189</v>
      </c>
      <c r="BE14" s="316">
        <v>75767986</v>
      </c>
      <c r="BF14" s="312">
        <v>362406</v>
      </c>
      <c r="BG14" s="313">
        <v>763944</v>
      </c>
      <c r="BH14" s="317">
        <v>1126350</v>
      </c>
      <c r="BI14" s="318">
        <v>0</v>
      </c>
      <c r="BJ14" s="313">
        <v>3004853</v>
      </c>
      <c r="BK14" s="313">
        <v>3822745</v>
      </c>
      <c r="BL14" s="313">
        <v>1548765</v>
      </c>
      <c r="BM14" s="313">
        <v>1626301</v>
      </c>
      <c r="BN14" s="313">
        <v>967274</v>
      </c>
      <c r="BO14" s="314">
        <v>10969938</v>
      </c>
      <c r="BP14" s="316">
        <v>12096288</v>
      </c>
      <c r="BQ14" s="312">
        <v>1177721</v>
      </c>
      <c r="BR14" s="313">
        <v>693087</v>
      </c>
      <c r="BS14" s="314">
        <v>1870808</v>
      </c>
      <c r="BT14" s="312">
        <v>0</v>
      </c>
      <c r="BU14" s="313">
        <v>7626744</v>
      </c>
      <c r="BV14" s="313">
        <v>8925812</v>
      </c>
      <c r="BW14" s="313">
        <v>8834778</v>
      </c>
      <c r="BX14" s="313">
        <v>8047964</v>
      </c>
      <c r="BY14" s="313">
        <v>6827171</v>
      </c>
      <c r="BZ14" s="314">
        <v>40262469</v>
      </c>
      <c r="CA14" s="316">
        <v>42133277</v>
      </c>
      <c r="CB14" s="312">
        <v>1751221</v>
      </c>
      <c r="CC14" s="313">
        <v>2760394</v>
      </c>
      <c r="CD14" s="314">
        <v>4511615</v>
      </c>
      <c r="CE14" s="312">
        <v>0</v>
      </c>
      <c r="CF14" s="313">
        <v>48084820</v>
      </c>
      <c r="CG14" s="313">
        <v>60214469</v>
      </c>
      <c r="CH14" s="313">
        <v>46372310</v>
      </c>
      <c r="CI14" s="313">
        <v>32807940</v>
      </c>
      <c r="CJ14" s="313">
        <v>17817488</v>
      </c>
      <c r="CK14" s="314">
        <v>205297027</v>
      </c>
      <c r="CL14" s="316">
        <v>209808642</v>
      </c>
      <c r="CM14" s="312">
        <v>0</v>
      </c>
      <c r="CN14" s="313">
        <v>0</v>
      </c>
      <c r="CO14" s="314">
        <v>0</v>
      </c>
      <c r="CP14" s="318">
        <v>0</v>
      </c>
      <c r="CQ14" s="313">
        <v>40268134</v>
      </c>
      <c r="CR14" s="313">
        <v>48900740</v>
      </c>
      <c r="CS14" s="313">
        <v>36536428</v>
      </c>
      <c r="CT14" s="313">
        <v>27254245</v>
      </c>
      <c r="CU14" s="313">
        <v>16072451</v>
      </c>
      <c r="CV14" s="314">
        <v>169031998</v>
      </c>
      <c r="CW14" s="316">
        <v>169031998</v>
      </c>
      <c r="CX14" s="312">
        <v>1751221</v>
      </c>
      <c r="CY14" s="313">
        <v>2760394</v>
      </c>
      <c r="CZ14" s="314">
        <v>4511615</v>
      </c>
      <c r="DA14" s="312">
        <v>0</v>
      </c>
      <c r="DB14" s="313">
        <v>7816686</v>
      </c>
      <c r="DC14" s="313">
        <v>11313729</v>
      </c>
      <c r="DD14" s="313">
        <v>9835882</v>
      </c>
      <c r="DE14" s="313">
        <v>5553695</v>
      </c>
      <c r="DF14" s="313">
        <v>1745037</v>
      </c>
      <c r="DG14" s="314">
        <v>36265029</v>
      </c>
      <c r="DH14" s="316">
        <v>40776644</v>
      </c>
      <c r="DI14" s="312">
        <v>177818</v>
      </c>
      <c r="DJ14" s="313">
        <v>319612</v>
      </c>
      <c r="DK14" s="317">
        <v>497430</v>
      </c>
      <c r="DL14" s="318">
        <v>0</v>
      </c>
      <c r="DM14" s="313">
        <v>5476855</v>
      </c>
      <c r="DN14" s="313">
        <v>11710604</v>
      </c>
      <c r="DO14" s="313">
        <v>24434123</v>
      </c>
      <c r="DP14" s="313">
        <v>19244468</v>
      </c>
      <c r="DQ14" s="313">
        <v>9830871</v>
      </c>
      <c r="DR14" s="314">
        <v>70696921</v>
      </c>
      <c r="DS14" s="316">
        <v>71194351</v>
      </c>
      <c r="DT14" s="312">
        <v>144745</v>
      </c>
      <c r="DU14" s="313">
        <v>319612</v>
      </c>
      <c r="DV14" s="314">
        <v>464357</v>
      </c>
      <c r="DW14" s="312">
        <v>0</v>
      </c>
      <c r="DX14" s="313">
        <v>5248609</v>
      </c>
      <c r="DY14" s="313">
        <v>11168775</v>
      </c>
      <c r="DZ14" s="313">
        <v>23930598</v>
      </c>
      <c r="EA14" s="313">
        <v>18364921</v>
      </c>
      <c r="EB14" s="313">
        <v>9233658</v>
      </c>
      <c r="EC14" s="314">
        <v>67946561</v>
      </c>
      <c r="ED14" s="316">
        <v>68410918</v>
      </c>
      <c r="EE14" s="312">
        <v>33073</v>
      </c>
      <c r="EF14" s="317">
        <v>0</v>
      </c>
      <c r="EG14" s="314">
        <v>33073</v>
      </c>
      <c r="EH14" s="312">
        <v>0</v>
      </c>
      <c r="EI14" s="313">
        <v>228246</v>
      </c>
      <c r="EJ14" s="313">
        <v>541829</v>
      </c>
      <c r="EK14" s="313">
        <v>503525</v>
      </c>
      <c r="EL14" s="313">
        <v>879547</v>
      </c>
      <c r="EM14" s="313">
        <v>597213</v>
      </c>
      <c r="EN14" s="317">
        <v>2750360</v>
      </c>
      <c r="EO14" s="316">
        <v>2783433</v>
      </c>
      <c r="EP14" s="312">
        <v>0</v>
      </c>
      <c r="EQ14" s="313">
        <v>0</v>
      </c>
      <c r="ER14" s="317">
        <v>0</v>
      </c>
      <c r="ES14" s="318">
        <v>0</v>
      </c>
      <c r="ET14" s="313">
        <v>0</v>
      </c>
      <c r="EU14" s="313">
        <v>0</v>
      </c>
      <c r="EV14" s="313">
        <v>0</v>
      </c>
      <c r="EW14" s="313">
        <v>0</v>
      </c>
      <c r="EX14" s="313">
        <v>0</v>
      </c>
      <c r="EY14" s="314">
        <v>0</v>
      </c>
      <c r="EZ14" s="316">
        <v>0</v>
      </c>
      <c r="FA14" s="312">
        <v>0</v>
      </c>
      <c r="FB14" s="313">
        <v>0</v>
      </c>
      <c r="FC14" s="317">
        <v>0</v>
      </c>
      <c r="FD14" s="318">
        <v>0</v>
      </c>
      <c r="FE14" s="313">
        <v>0</v>
      </c>
      <c r="FF14" s="313">
        <v>0</v>
      </c>
      <c r="FG14" s="313">
        <v>0</v>
      </c>
      <c r="FH14" s="313">
        <v>0</v>
      </c>
      <c r="FI14" s="313">
        <v>0</v>
      </c>
      <c r="FJ14" s="314">
        <v>0</v>
      </c>
      <c r="FK14" s="316">
        <v>0</v>
      </c>
      <c r="FL14" s="312">
        <v>4180383</v>
      </c>
      <c r="FM14" s="313">
        <v>5173229</v>
      </c>
      <c r="FN14" s="314">
        <v>9353612</v>
      </c>
      <c r="FO14" s="312">
        <v>0</v>
      </c>
      <c r="FP14" s="313">
        <v>10799109</v>
      </c>
      <c r="FQ14" s="313">
        <v>25204737</v>
      </c>
      <c r="FR14" s="313">
        <v>16241313</v>
      </c>
      <c r="FS14" s="313">
        <v>13546112</v>
      </c>
      <c r="FT14" s="313">
        <v>10207369</v>
      </c>
      <c r="FU14" s="314">
        <v>75998640</v>
      </c>
      <c r="FV14" s="316">
        <v>85352252</v>
      </c>
      <c r="FW14" s="319">
        <v>2682597</v>
      </c>
      <c r="FX14" s="313">
        <v>4206323</v>
      </c>
      <c r="FY14" s="317">
        <v>6888920</v>
      </c>
      <c r="FZ14" s="318">
        <v>0</v>
      </c>
      <c r="GA14" s="313">
        <v>8455602</v>
      </c>
      <c r="GB14" s="313">
        <v>22675199</v>
      </c>
      <c r="GC14" s="313">
        <v>15178524</v>
      </c>
      <c r="GD14" s="313">
        <v>12714917</v>
      </c>
      <c r="GE14" s="313">
        <v>9958638</v>
      </c>
      <c r="GF14" s="314">
        <v>68982880</v>
      </c>
      <c r="GG14" s="320">
        <v>75871800</v>
      </c>
      <c r="GH14" s="319">
        <v>180963</v>
      </c>
      <c r="GI14" s="313">
        <v>127929</v>
      </c>
      <c r="GJ14" s="317">
        <v>308892</v>
      </c>
      <c r="GK14" s="318">
        <v>0</v>
      </c>
      <c r="GL14" s="313">
        <v>743993</v>
      </c>
      <c r="GM14" s="313">
        <v>746326</v>
      </c>
      <c r="GN14" s="313">
        <v>448559</v>
      </c>
      <c r="GO14" s="313">
        <v>401684</v>
      </c>
      <c r="GP14" s="313">
        <v>126456</v>
      </c>
      <c r="GQ14" s="314">
        <v>2467018</v>
      </c>
      <c r="GR14" s="316">
        <v>2775910</v>
      </c>
      <c r="GS14" s="312">
        <v>1316823</v>
      </c>
      <c r="GT14" s="313">
        <v>838977</v>
      </c>
      <c r="GU14" s="314">
        <v>2155800</v>
      </c>
      <c r="GV14" s="312">
        <v>0</v>
      </c>
      <c r="GW14" s="313">
        <v>1599514</v>
      </c>
      <c r="GX14" s="313">
        <v>1783212</v>
      </c>
      <c r="GY14" s="313">
        <v>614230</v>
      </c>
      <c r="GZ14" s="313">
        <v>429511</v>
      </c>
      <c r="HA14" s="313">
        <v>122275</v>
      </c>
      <c r="HB14" s="317">
        <v>4548742</v>
      </c>
      <c r="HC14" s="316">
        <v>6704542</v>
      </c>
      <c r="HD14" s="312">
        <v>3265494</v>
      </c>
      <c r="HE14" s="313">
        <v>1787048</v>
      </c>
      <c r="HF14" s="317">
        <v>5052542</v>
      </c>
      <c r="HG14" s="318">
        <v>0</v>
      </c>
      <c r="HH14" s="313">
        <v>29664193</v>
      </c>
      <c r="HI14" s="313">
        <v>25472917</v>
      </c>
      <c r="HJ14" s="313">
        <v>26668310</v>
      </c>
      <c r="HK14" s="313">
        <v>28480950</v>
      </c>
      <c r="HL14" s="313">
        <v>21865619</v>
      </c>
      <c r="HM14" s="314">
        <v>132151989</v>
      </c>
      <c r="HN14" s="315">
        <v>137204531</v>
      </c>
      <c r="HO14" s="319">
        <v>3052189</v>
      </c>
      <c r="HP14" s="313">
        <v>3515793</v>
      </c>
      <c r="HQ14" s="314">
        <v>6567982</v>
      </c>
      <c r="HR14" s="312">
        <v>0</v>
      </c>
      <c r="HS14" s="313">
        <v>31266370</v>
      </c>
      <c r="HT14" s="313">
        <v>31083744</v>
      </c>
      <c r="HU14" s="313">
        <v>20272868</v>
      </c>
      <c r="HV14" s="313">
        <v>13784977</v>
      </c>
      <c r="HW14" s="313">
        <v>8725825</v>
      </c>
      <c r="HX14" s="317">
        <v>105133784</v>
      </c>
      <c r="HY14" s="316">
        <v>111701766</v>
      </c>
      <c r="HZ14" s="321">
        <v>494796</v>
      </c>
      <c r="IA14" s="322">
        <v>1438439</v>
      </c>
      <c r="IB14" s="323">
        <v>1933235</v>
      </c>
      <c r="IC14" s="341">
        <v>0</v>
      </c>
      <c r="ID14" s="342">
        <v>61896656</v>
      </c>
      <c r="IE14" s="343">
        <v>68891938</v>
      </c>
      <c r="IF14" s="344">
        <v>75226525</v>
      </c>
      <c r="IG14" s="342">
        <v>54303938</v>
      </c>
      <c r="IH14" s="344">
        <v>33725152</v>
      </c>
      <c r="II14" s="345">
        <v>294044209</v>
      </c>
      <c r="IJ14" s="327">
        <v>295977444</v>
      </c>
      <c r="IK14" s="328">
        <v>0</v>
      </c>
      <c r="IL14" s="329">
        <v>0</v>
      </c>
      <c r="IM14" s="330">
        <v>0</v>
      </c>
      <c r="IN14" s="390">
        <v>0</v>
      </c>
      <c r="IO14" s="331">
        <v>720366</v>
      </c>
      <c r="IP14" s="331">
        <v>255627</v>
      </c>
      <c r="IQ14" s="331">
        <v>832086</v>
      </c>
      <c r="IR14" s="331">
        <v>1085807</v>
      </c>
      <c r="IS14" s="331">
        <v>918237</v>
      </c>
      <c r="IT14" s="332">
        <v>3812123</v>
      </c>
      <c r="IU14" s="333">
        <v>3812123</v>
      </c>
      <c r="IV14" s="334">
        <v>0</v>
      </c>
      <c r="IW14" s="331">
        <v>0</v>
      </c>
      <c r="IX14" s="335">
        <v>0</v>
      </c>
      <c r="IY14" s="399">
        <v>0</v>
      </c>
      <c r="IZ14" s="331">
        <v>37959</v>
      </c>
      <c r="JA14" s="331">
        <v>38344</v>
      </c>
      <c r="JB14" s="331">
        <v>0</v>
      </c>
      <c r="JC14" s="331">
        <v>57516</v>
      </c>
      <c r="JD14" s="331">
        <v>19172</v>
      </c>
      <c r="JE14" s="335">
        <v>152991</v>
      </c>
      <c r="JF14" s="336">
        <v>152991</v>
      </c>
      <c r="JG14" s="334">
        <v>0</v>
      </c>
      <c r="JH14" s="331">
        <v>0</v>
      </c>
      <c r="JI14" s="332">
        <v>0</v>
      </c>
      <c r="JJ14" s="337">
        <v>0</v>
      </c>
      <c r="JK14" s="331">
        <v>30616084</v>
      </c>
      <c r="JL14" s="331">
        <v>37248701</v>
      </c>
      <c r="JM14" s="331">
        <v>21216107</v>
      </c>
      <c r="JN14" s="331">
        <v>13034812</v>
      </c>
      <c r="JO14" s="331">
        <v>7564117</v>
      </c>
      <c r="JP14" s="335">
        <v>109679821</v>
      </c>
      <c r="JQ14" s="333">
        <v>109679821</v>
      </c>
      <c r="JR14" s="334">
        <v>0</v>
      </c>
      <c r="JS14" s="331">
        <v>0</v>
      </c>
      <c r="JT14" s="332">
        <v>0</v>
      </c>
      <c r="JU14" s="337">
        <v>0</v>
      </c>
      <c r="JV14" s="331">
        <v>600891</v>
      </c>
      <c r="JW14" s="331">
        <v>726580</v>
      </c>
      <c r="JX14" s="331">
        <v>1363188</v>
      </c>
      <c r="JY14" s="331">
        <v>1282502</v>
      </c>
      <c r="JZ14" s="331">
        <v>1574171</v>
      </c>
      <c r="KA14" s="335">
        <v>5547332</v>
      </c>
      <c r="KB14" s="333">
        <v>5547332</v>
      </c>
      <c r="KC14" s="338">
        <v>494796</v>
      </c>
      <c r="KD14" s="339">
        <v>1438439</v>
      </c>
      <c r="KE14" s="335">
        <v>1933235</v>
      </c>
      <c r="KF14" s="337">
        <v>0</v>
      </c>
      <c r="KG14" s="331">
        <v>8834766</v>
      </c>
      <c r="KH14" s="331">
        <v>9413747</v>
      </c>
      <c r="KI14" s="331">
        <v>12001370</v>
      </c>
      <c r="KJ14" s="331">
        <v>7053184</v>
      </c>
      <c r="KK14" s="331">
        <v>4297496</v>
      </c>
      <c r="KL14" s="335">
        <v>41600563</v>
      </c>
      <c r="KM14" s="340">
        <v>43533798</v>
      </c>
      <c r="KN14" s="328">
        <v>0</v>
      </c>
      <c r="KO14" s="329">
        <v>0</v>
      </c>
      <c r="KP14" s="330">
        <v>0</v>
      </c>
      <c r="KQ14" s="399">
        <v>0</v>
      </c>
      <c r="KR14" s="331">
        <v>19027385</v>
      </c>
      <c r="KS14" s="331">
        <v>15849057</v>
      </c>
      <c r="KT14" s="331">
        <v>27644479</v>
      </c>
      <c r="KU14" s="331">
        <v>15784938</v>
      </c>
      <c r="KV14" s="331">
        <v>13305624</v>
      </c>
      <c r="KW14" s="335">
        <v>91611483</v>
      </c>
      <c r="KX14" s="333">
        <v>91611483</v>
      </c>
      <c r="KY14" s="334">
        <v>0</v>
      </c>
      <c r="KZ14" s="331">
        <v>0</v>
      </c>
      <c r="LA14" s="335">
        <v>0</v>
      </c>
      <c r="LB14" s="399">
        <v>0</v>
      </c>
      <c r="LC14" s="331">
        <v>174321</v>
      </c>
      <c r="LD14" s="331">
        <v>1880009</v>
      </c>
      <c r="LE14" s="331">
        <v>3231041</v>
      </c>
      <c r="LF14" s="331">
        <v>2912080</v>
      </c>
      <c r="LG14" s="331">
        <v>1995993</v>
      </c>
      <c r="LH14" s="335">
        <v>10193444</v>
      </c>
      <c r="LI14" s="336">
        <v>10193444</v>
      </c>
      <c r="LJ14" s="334">
        <v>0</v>
      </c>
      <c r="LK14" s="331">
        <v>0</v>
      </c>
      <c r="LL14" s="335">
        <v>0</v>
      </c>
      <c r="LM14" s="399">
        <v>0</v>
      </c>
      <c r="LN14" s="331">
        <v>0</v>
      </c>
      <c r="LO14" s="331">
        <v>0</v>
      </c>
      <c r="LP14" s="331">
        <v>3402481</v>
      </c>
      <c r="LQ14" s="331">
        <v>7246495</v>
      </c>
      <c r="LR14" s="331">
        <v>1317222</v>
      </c>
      <c r="LS14" s="335">
        <v>11966198</v>
      </c>
      <c r="LT14" s="333">
        <v>11966198</v>
      </c>
      <c r="LU14" s="334">
        <v>0</v>
      </c>
      <c r="LV14" s="331">
        <v>0</v>
      </c>
      <c r="LW14" s="335">
        <v>0</v>
      </c>
      <c r="LX14" s="399">
        <v>0</v>
      </c>
      <c r="LY14" s="331">
        <v>1884884</v>
      </c>
      <c r="LZ14" s="331">
        <v>3479873</v>
      </c>
      <c r="MA14" s="331">
        <v>5535773</v>
      </c>
      <c r="MB14" s="331">
        <v>5846604</v>
      </c>
      <c r="MC14" s="331">
        <v>2733120</v>
      </c>
      <c r="MD14" s="335">
        <v>19480254</v>
      </c>
      <c r="ME14" s="336">
        <v>19480254</v>
      </c>
      <c r="MF14" s="334">
        <v>0</v>
      </c>
      <c r="MG14" s="331">
        <v>0</v>
      </c>
      <c r="MH14" s="335">
        <v>0</v>
      </c>
      <c r="MI14" s="399">
        <v>0</v>
      </c>
      <c r="MJ14" s="331">
        <v>13859031</v>
      </c>
      <c r="MK14" s="331">
        <v>36959998</v>
      </c>
      <c r="ML14" s="331">
        <v>143137901</v>
      </c>
      <c r="MM14" s="331">
        <v>182342159</v>
      </c>
      <c r="MN14" s="331">
        <v>112454005</v>
      </c>
      <c r="MO14" s="335">
        <v>488753094</v>
      </c>
      <c r="MP14" s="340">
        <v>488753094</v>
      </c>
      <c r="MQ14" s="334">
        <v>0</v>
      </c>
      <c r="MR14" s="331">
        <v>0</v>
      </c>
      <c r="MS14" s="335">
        <v>0</v>
      </c>
      <c r="MT14" s="399">
        <v>0</v>
      </c>
      <c r="MU14" s="331">
        <v>2356619</v>
      </c>
      <c r="MV14" s="331">
        <v>13860653</v>
      </c>
      <c r="MW14" s="331">
        <v>103348071</v>
      </c>
      <c r="MX14" s="331">
        <v>127575446</v>
      </c>
      <c r="MY14" s="331">
        <v>79497688</v>
      </c>
      <c r="MZ14" s="335">
        <v>326638477</v>
      </c>
      <c r="NA14" s="340">
        <v>326638477</v>
      </c>
      <c r="NB14" s="334">
        <v>0</v>
      </c>
      <c r="NC14" s="331">
        <v>0</v>
      </c>
      <c r="ND14" s="335">
        <v>0</v>
      </c>
      <c r="NE14" s="399">
        <v>0</v>
      </c>
      <c r="NF14" s="331">
        <v>11502412</v>
      </c>
      <c r="NG14" s="331">
        <v>23099345</v>
      </c>
      <c r="NH14" s="331">
        <v>39392334</v>
      </c>
      <c r="NI14" s="331">
        <v>51840686</v>
      </c>
      <c r="NJ14" s="331">
        <v>29678845</v>
      </c>
      <c r="NK14" s="335">
        <v>155513622</v>
      </c>
      <c r="NL14" s="333">
        <v>155513622</v>
      </c>
      <c r="NM14" s="334">
        <v>0</v>
      </c>
      <c r="NN14" s="331">
        <v>0</v>
      </c>
      <c r="NO14" s="335">
        <v>0</v>
      </c>
      <c r="NP14" s="399">
        <v>0</v>
      </c>
      <c r="NQ14" s="331">
        <v>0</v>
      </c>
      <c r="NR14" s="331">
        <v>0</v>
      </c>
      <c r="NS14" s="331">
        <v>0</v>
      </c>
      <c r="NT14" s="331">
        <v>0</v>
      </c>
      <c r="NU14" s="331">
        <v>0</v>
      </c>
      <c r="NV14" s="335">
        <v>0</v>
      </c>
      <c r="NW14" s="336">
        <v>0</v>
      </c>
      <c r="NX14" s="334">
        <v>0</v>
      </c>
      <c r="NY14" s="331">
        <v>0</v>
      </c>
      <c r="NZ14" s="335">
        <v>0</v>
      </c>
      <c r="OA14" s="399">
        <v>0</v>
      </c>
      <c r="OB14" s="331">
        <v>0</v>
      </c>
      <c r="OC14" s="331">
        <v>0</v>
      </c>
      <c r="OD14" s="331">
        <v>397496</v>
      </c>
      <c r="OE14" s="331">
        <v>2926027</v>
      </c>
      <c r="OF14" s="331">
        <v>3277472</v>
      </c>
      <c r="OG14" s="335">
        <v>6600995</v>
      </c>
      <c r="OH14" s="336">
        <v>6600995</v>
      </c>
      <c r="OI14" s="334">
        <v>15662480</v>
      </c>
      <c r="OJ14" s="331">
        <v>18895891</v>
      </c>
      <c r="OK14" s="332">
        <v>34558371</v>
      </c>
      <c r="OL14" s="337">
        <v>0</v>
      </c>
      <c r="OM14" s="331">
        <v>246925636</v>
      </c>
      <c r="ON14" s="331">
        <v>331197481</v>
      </c>
      <c r="OO14" s="331">
        <v>419847177</v>
      </c>
      <c r="OP14" s="331">
        <v>419808926</v>
      </c>
      <c r="OQ14" s="331">
        <v>295253894</v>
      </c>
      <c r="OR14" s="335">
        <v>1713033114</v>
      </c>
      <c r="OS14" s="340">
        <v>1747591485</v>
      </c>
    </row>
    <row r="15" spans="1:409" s="56" customFormat="1" ht="21" customHeight="1" x14ac:dyDescent="0.2">
      <c r="B15" s="396" t="s">
        <v>9</v>
      </c>
      <c r="C15" s="312">
        <v>12746132</v>
      </c>
      <c r="D15" s="313">
        <v>16884861</v>
      </c>
      <c r="E15" s="314">
        <v>29630993</v>
      </c>
      <c r="F15" s="318">
        <v>0</v>
      </c>
      <c r="G15" s="313">
        <v>161143193</v>
      </c>
      <c r="H15" s="313">
        <v>158488970</v>
      </c>
      <c r="I15" s="313">
        <v>169834643</v>
      </c>
      <c r="J15" s="313">
        <v>176695826</v>
      </c>
      <c r="K15" s="313">
        <v>134200458</v>
      </c>
      <c r="L15" s="315">
        <v>800363090</v>
      </c>
      <c r="M15" s="316">
        <v>829994083</v>
      </c>
      <c r="N15" s="312">
        <v>2862313</v>
      </c>
      <c r="O15" s="313">
        <v>4122105</v>
      </c>
      <c r="P15" s="314">
        <v>6984418</v>
      </c>
      <c r="Q15" s="312">
        <v>0</v>
      </c>
      <c r="R15" s="313">
        <v>46113540</v>
      </c>
      <c r="S15" s="313">
        <v>52049657</v>
      </c>
      <c r="T15" s="313">
        <v>61853448</v>
      </c>
      <c r="U15" s="313">
        <v>73749276</v>
      </c>
      <c r="V15" s="313">
        <v>70890995</v>
      </c>
      <c r="W15" s="314">
        <v>304656916</v>
      </c>
      <c r="X15" s="316">
        <v>311641334</v>
      </c>
      <c r="Y15" s="312">
        <v>0</v>
      </c>
      <c r="Z15" s="313">
        <v>0</v>
      </c>
      <c r="AA15" s="314">
        <v>0</v>
      </c>
      <c r="AB15" s="312">
        <v>0</v>
      </c>
      <c r="AC15" s="313">
        <v>20954709</v>
      </c>
      <c r="AD15" s="313">
        <v>25833260</v>
      </c>
      <c r="AE15" s="313">
        <v>36767507</v>
      </c>
      <c r="AF15" s="313">
        <v>46492134</v>
      </c>
      <c r="AG15" s="313">
        <v>42617591</v>
      </c>
      <c r="AH15" s="314">
        <v>172665201</v>
      </c>
      <c r="AI15" s="316">
        <v>172665201</v>
      </c>
      <c r="AJ15" s="312">
        <v>0</v>
      </c>
      <c r="AK15" s="313">
        <v>0</v>
      </c>
      <c r="AL15" s="314">
        <v>0</v>
      </c>
      <c r="AM15" s="312">
        <v>0</v>
      </c>
      <c r="AN15" s="313">
        <v>58802</v>
      </c>
      <c r="AO15" s="313">
        <v>280671</v>
      </c>
      <c r="AP15" s="313">
        <v>1517837</v>
      </c>
      <c r="AQ15" s="313">
        <v>2968748</v>
      </c>
      <c r="AR15" s="313">
        <v>6533465</v>
      </c>
      <c r="AS15" s="314">
        <v>11359523</v>
      </c>
      <c r="AT15" s="316">
        <v>11359523</v>
      </c>
      <c r="AU15" s="312">
        <v>1593681</v>
      </c>
      <c r="AV15" s="313">
        <v>3065625</v>
      </c>
      <c r="AW15" s="314">
        <v>4659306</v>
      </c>
      <c r="AX15" s="312">
        <v>0</v>
      </c>
      <c r="AY15" s="313">
        <v>15752954</v>
      </c>
      <c r="AZ15" s="313">
        <v>16125063</v>
      </c>
      <c r="BA15" s="313">
        <v>13224178</v>
      </c>
      <c r="BB15" s="313">
        <v>13689609</v>
      </c>
      <c r="BC15" s="313">
        <v>13772914</v>
      </c>
      <c r="BD15" s="314">
        <v>72564718</v>
      </c>
      <c r="BE15" s="316">
        <v>77224024</v>
      </c>
      <c r="BF15" s="312">
        <v>79823</v>
      </c>
      <c r="BG15" s="313">
        <v>204221</v>
      </c>
      <c r="BH15" s="317">
        <v>284044</v>
      </c>
      <c r="BI15" s="318">
        <v>0</v>
      </c>
      <c r="BJ15" s="313">
        <v>1231768</v>
      </c>
      <c r="BK15" s="313">
        <v>1505018</v>
      </c>
      <c r="BL15" s="313">
        <v>1169851</v>
      </c>
      <c r="BM15" s="313">
        <v>924843</v>
      </c>
      <c r="BN15" s="313">
        <v>828185</v>
      </c>
      <c r="BO15" s="314">
        <v>5659665</v>
      </c>
      <c r="BP15" s="316">
        <v>5943709</v>
      </c>
      <c r="BQ15" s="312">
        <v>1188809</v>
      </c>
      <c r="BR15" s="313">
        <v>852259</v>
      </c>
      <c r="BS15" s="314">
        <v>2041068</v>
      </c>
      <c r="BT15" s="312">
        <v>0</v>
      </c>
      <c r="BU15" s="313">
        <v>8115307</v>
      </c>
      <c r="BV15" s="313">
        <v>8305645</v>
      </c>
      <c r="BW15" s="313">
        <v>9174075</v>
      </c>
      <c r="BX15" s="313">
        <v>9673942</v>
      </c>
      <c r="BY15" s="313">
        <v>7138840</v>
      </c>
      <c r="BZ15" s="314">
        <v>42407809</v>
      </c>
      <c r="CA15" s="316">
        <v>44448877</v>
      </c>
      <c r="CB15" s="312">
        <v>1312145</v>
      </c>
      <c r="CC15" s="313">
        <v>3282125</v>
      </c>
      <c r="CD15" s="314">
        <v>4594270</v>
      </c>
      <c r="CE15" s="312">
        <v>0</v>
      </c>
      <c r="CF15" s="313">
        <v>34885839</v>
      </c>
      <c r="CG15" s="313">
        <v>35001467</v>
      </c>
      <c r="CH15" s="313">
        <v>32711152</v>
      </c>
      <c r="CI15" s="313">
        <v>23877294</v>
      </c>
      <c r="CJ15" s="313">
        <v>8322698</v>
      </c>
      <c r="CK15" s="314">
        <v>134798450</v>
      </c>
      <c r="CL15" s="316">
        <v>139392720</v>
      </c>
      <c r="CM15" s="312">
        <v>0</v>
      </c>
      <c r="CN15" s="313">
        <v>0</v>
      </c>
      <c r="CO15" s="314">
        <v>0</v>
      </c>
      <c r="CP15" s="318">
        <v>0</v>
      </c>
      <c r="CQ15" s="313">
        <v>28773554</v>
      </c>
      <c r="CR15" s="313">
        <v>28215446</v>
      </c>
      <c r="CS15" s="313">
        <v>27066687</v>
      </c>
      <c r="CT15" s="313">
        <v>17176651</v>
      </c>
      <c r="CU15" s="313">
        <v>6970474</v>
      </c>
      <c r="CV15" s="314">
        <v>108202812</v>
      </c>
      <c r="CW15" s="316">
        <v>108202812</v>
      </c>
      <c r="CX15" s="312">
        <v>1312145</v>
      </c>
      <c r="CY15" s="313">
        <v>3282125</v>
      </c>
      <c r="CZ15" s="314">
        <v>4594270</v>
      </c>
      <c r="DA15" s="312">
        <v>0</v>
      </c>
      <c r="DB15" s="313">
        <v>6112285</v>
      </c>
      <c r="DC15" s="313">
        <v>6786021</v>
      </c>
      <c r="DD15" s="313">
        <v>5644465</v>
      </c>
      <c r="DE15" s="313">
        <v>6700643</v>
      </c>
      <c r="DF15" s="313">
        <v>1352224</v>
      </c>
      <c r="DG15" s="314">
        <v>26595638</v>
      </c>
      <c r="DH15" s="316">
        <v>31189908</v>
      </c>
      <c r="DI15" s="312">
        <v>66188</v>
      </c>
      <c r="DJ15" s="313">
        <v>89045</v>
      </c>
      <c r="DK15" s="317">
        <v>155233</v>
      </c>
      <c r="DL15" s="318">
        <v>0</v>
      </c>
      <c r="DM15" s="313">
        <v>3613667</v>
      </c>
      <c r="DN15" s="313">
        <v>8292857</v>
      </c>
      <c r="DO15" s="313">
        <v>13174570</v>
      </c>
      <c r="DP15" s="313">
        <v>15140865</v>
      </c>
      <c r="DQ15" s="313">
        <v>9176319</v>
      </c>
      <c r="DR15" s="314">
        <v>49398278</v>
      </c>
      <c r="DS15" s="316">
        <v>49553511</v>
      </c>
      <c r="DT15" s="312">
        <v>66188</v>
      </c>
      <c r="DU15" s="313">
        <v>89045</v>
      </c>
      <c r="DV15" s="314">
        <v>155233</v>
      </c>
      <c r="DW15" s="312">
        <v>0</v>
      </c>
      <c r="DX15" s="313">
        <v>2905586</v>
      </c>
      <c r="DY15" s="313">
        <v>7578147</v>
      </c>
      <c r="DZ15" s="313">
        <v>11679856</v>
      </c>
      <c r="EA15" s="313">
        <v>13571865</v>
      </c>
      <c r="EB15" s="313">
        <v>7255671</v>
      </c>
      <c r="EC15" s="314">
        <v>42991125</v>
      </c>
      <c r="ED15" s="316">
        <v>43146358</v>
      </c>
      <c r="EE15" s="312">
        <v>0</v>
      </c>
      <c r="EF15" s="317">
        <v>0</v>
      </c>
      <c r="EG15" s="314">
        <v>0</v>
      </c>
      <c r="EH15" s="312">
        <v>0</v>
      </c>
      <c r="EI15" s="313">
        <v>708081</v>
      </c>
      <c r="EJ15" s="313">
        <v>714710</v>
      </c>
      <c r="EK15" s="313">
        <v>1494714</v>
      </c>
      <c r="EL15" s="313">
        <v>1569000</v>
      </c>
      <c r="EM15" s="313">
        <v>1920648</v>
      </c>
      <c r="EN15" s="317">
        <v>6407153</v>
      </c>
      <c r="EO15" s="316">
        <v>6407153</v>
      </c>
      <c r="EP15" s="312">
        <v>0</v>
      </c>
      <c r="EQ15" s="313">
        <v>0</v>
      </c>
      <c r="ER15" s="317">
        <v>0</v>
      </c>
      <c r="ES15" s="318">
        <v>0</v>
      </c>
      <c r="ET15" s="313">
        <v>0</v>
      </c>
      <c r="EU15" s="313">
        <v>0</v>
      </c>
      <c r="EV15" s="313">
        <v>0</v>
      </c>
      <c r="EW15" s="313">
        <v>0</v>
      </c>
      <c r="EX15" s="313">
        <v>0</v>
      </c>
      <c r="EY15" s="314">
        <v>0</v>
      </c>
      <c r="EZ15" s="316">
        <v>0</v>
      </c>
      <c r="FA15" s="312">
        <v>0</v>
      </c>
      <c r="FB15" s="313">
        <v>0</v>
      </c>
      <c r="FC15" s="317">
        <v>0</v>
      </c>
      <c r="FD15" s="318">
        <v>0</v>
      </c>
      <c r="FE15" s="313">
        <v>0</v>
      </c>
      <c r="FF15" s="313">
        <v>0</v>
      </c>
      <c r="FG15" s="313">
        <v>0</v>
      </c>
      <c r="FH15" s="313">
        <v>0</v>
      </c>
      <c r="FI15" s="313">
        <v>0</v>
      </c>
      <c r="FJ15" s="314">
        <v>0</v>
      </c>
      <c r="FK15" s="316">
        <v>0</v>
      </c>
      <c r="FL15" s="312">
        <v>3663431</v>
      </c>
      <c r="FM15" s="313">
        <v>4163932</v>
      </c>
      <c r="FN15" s="314">
        <v>7827363</v>
      </c>
      <c r="FO15" s="312">
        <v>0</v>
      </c>
      <c r="FP15" s="313">
        <v>9877960</v>
      </c>
      <c r="FQ15" s="313">
        <v>13616950</v>
      </c>
      <c r="FR15" s="313">
        <v>12539569</v>
      </c>
      <c r="FS15" s="313">
        <v>12302369</v>
      </c>
      <c r="FT15" s="313">
        <v>9491569</v>
      </c>
      <c r="FU15" s="314">
        <v>57828417</v>
      </c>
      <c r="FV15" s="316">
        <v>65655780</v>
      </c>
      <c r="FW15" s="319">
        <v>2175198</v>
      </c>
      <c r="FX15" s="313">
        <v>2617997</v>
      </c>
      <c r="FY15" s="317">
        <v>4793195</v>
      </c>
      <c r="FZ15" s="318">
        <v>0</v>
      </c>
      <c r="GA15" s="313">
        <v>8318286</v>
      </c>
      <c r="GB15" s="313">
        <v>12711398</v>
      </c>
      <c r="GC15" s="313">
        <v>11527279</v>
      </c>
      <c r="GD15" s="313">
        <v>11570034</v>
      </c>
      <c r="GE15" s="313">
        <v>9345437</v>
      </c>
      <c r="GF15" s="314">
        <v>53472434</v>
      </c>
      <c r="GG15" s="320">
        <v>58265629</v>
      </c>
      <c r="GH15" s="319">
        <v>236670</v>
      </c>
      <c r="GI15" s="313">
        <v>430765</v>
      </c>
      <c r="GJ15" s="317">
        <v>667435</v>
      </c>
      <c r="GK15" s="318">
        <v>0</v>
      </c>
      <c r="GL15" s="313">
        <v>364033</v>
      </c>
      <c r="GM15" s="313">
        <v>434052</v>
      </c>
      <c r="GN15" s="313">
        <v>270645</v>
      </c>
      <c r="GO15" s="313">
        <v>484330</v>
      </c>
      <c r="GP15" s="313">
        <v>57372</v>
      </c>
      <c r="GQ15" s="314">
        <v>1610432</v>
      </c>
      <c r="GR15" s="316">
        <v>2277867</v>
      </c>
      <c r="GS15" s="312">
        <v>1251563</v>
      </c>
      <c r="GT15" s="313">
        <v>1115170</v>
      </c>
      <c r="GU15" s="314">
        <v>2366733</v>
      </c>
      <c r="GV15" s="312">
        <v>0</v>
      </c>
      <c r="GW15" s="313">
        <v>1195641</v>
      </c>
      <c r="GX15" s="313">
        <v>471500</v>
      </c>
      <c r="GY15" s="313">
        <v>741645</v>
      </c>
      <c r="GZ15" s="313">
        <v>248005</v>
      </c>
      <c r="HA15" s="313">
        <v>88760</v>
      </c>
      <c r="HB15" s="317">
        <v>2745551</v>
      </c>
      <c r="HC15" s="316">
        <v>5112284</v>
      </c>
      <c r="HD15" s="312">
        <v>2352920</v>
      </c>
      <c r="HE15" s="313">
        <v>2274578</v>
      </c>
      <c r="HF15" s="317">
        <v>4627498</v>
      </c>
      <c r="HG15" s="318">
        <v>0</v>
      </c>
      <c r="HH15" s="313">
        <v>38240271</v>
      </c>
      <c r="HI15" s="313">
        <v>29196727</v>
      </c>
      <c r="HJ15" s="313">
        <v>34079910</v>
      </c>
      <c r="HK15" s="313">
        <v>39830940</v>
      </c>
      <c r="HL15" s="313">
        <v>28861371</v>
      </c>
      <c r="HM15" s="314">
        <v>170209219</v>
      </c>
      <c r="HN15" s="315">
        <v>174836717</v>
      </c>
      <c r="HO15" s="319">
        <v>2489135</v>
      </c>
      <c r="HP15" s="313">
        <v>2953076</v>
      </c>
      <c r="HQ15" s="314">
        <v>5442211</v>
      </c>
      <c r="HR15" s="312">
        <v>0</v>
      </c>
      <c r="HS15" s="313">
        <v>28411916</v>
      </c>
      <c r="HT15" s="313">
        <v>20331312</v>
      </c>
      <c r="HU15" s="313">
        <v>15475994</v>
      </c>
      <c r="HV15" s="313">
        <v>11795082</v>
      </c>
      <c r="HW15" s="313">
        <v>7457506</v>
      </c>
      <c r="HX15" s="317">
        <v>83471810</v>
      </c>
      <c r="HY15" s="316">
        <v>88914021</v>
      </c>
      <c r="HZ15" s="346">
        <v>357204</v>
      </c>
      <c r="IA15" s="347">
        <v>355632</v>
      </c>
      <c r="IB15" s="348">
        <v>712836</v>
      </c>
      <c r="IC15" s="324">
        <v>0</v>
      </c>
      <c r="ID15" s="322">
        <v>34526025</v>
      </c>
      <c r="IE15" s="325">
        <v>41166404</v>
      </c>
      <c r="IF15" s="323">
        <v>46640483</v>
      </c>
      <c r="IG15" s="322">
        <v>45826841</v>
      </c>
      <c r="IH15" s="323">
        <v>28422786</v>
      </c>
      <c r="II15" s="326">
        <v>196582539</v>
      </c>
      <c r="IJ15" s="349">
        <v>197295375</v>
      </c>
      <c r="IK15" s="328">
        <v>0</v>
      </c>
      <c r="IL15" s="329">
        <v>0</v>
      </c>
      <c r="IM15" s="330">
        <v>0</v>
      </c>
      <c r="IN15" s="390">
        <v>0</v>
      </c>
      <c r="IO15" s="331">
        <v>162828</v>
      </c>
      <c r="IP15" s="331">
        <v>417693</v>
      </c>
      <c r="IQ15" s="331">
        <v>539918</v>
      </c>
      <c r="IR15" s="331">
        <v>1248430</v>
      </c>
      <c r="IS15" s="331">
        <v>1528861</v>
      </c>
      <c r="IT15" s="332">
        <v>3897730</v>
      </c>
      <c r="IU15" s="333">
        <v>3897730</v>
      </c>
      <c r="IV15" s="334">
        <v>0</v>
      </c>
      <c r="IW15" s="331">
        <v>0</v>
      </c>
      <c r="IX15" s="335">
        <v>0</v>
      </c>
      <c r="IY15" s="399">
        <v>0</v>
      </c>
      <c r="IZ15" s="331">
        <v>0</v>
      </c>
      <c r="JA15" s="331">
        <v>0</v>
      </c>
      <c r="JB15" s="331">
        <v>0</v>
      </c>
      <c r="JC15" s="331">
        <v>0</v>
      </c>
      <c r="JD15" s="331">
        <v>0</v>
      </c>
      <c r="JE15" s="335">
        <v>0</v>
      </c>
      <c r="JF15" s="336">
        <v>0</v>
      </c>
      <c r="JG15" s="334">
        <v>0</v>
      </c>
      <c r="JH15" s="331">
        <v>0</v>
      </c>
      <c r="JI15" s="332">
        <v>0</v>
      </c>
      <c r="JJ15" s="337">
        <v>0</v>
      </c>
      <c r="JK15" s="331">
        <v>18715776</v>
      </c>
      <c r="JL15" s="331">
        <v>17233652</v>
      </c>
      <c r="JM15" s="331">
        <v>12680686</v>
      </c>
      <c r="JN15" s="331">
        <v>11326226</v>
      </c>
      <c r="JO15" s="331">
        <v>5334521</v>
      </c>
      <c r="JP15" s="335">
        <v>65290861</v>
      </c>
      <c r="JQ15" s="333">
        <v>65290861</v>
      </c>
      <c r="JR15" s="334">
        <v>0</v>
      </c>
      <c r="JS15" s="331">
        <v>0</v>
      </c>
      <c r="JT15" s="332">
        <v>0</v>
      </c>
      <c r="JU15" s="337">
        <v>0</v>
      </c>
      <c r="JV15" s="331">
        <v>450404</v>
      </c>
      <c r="JW15" s="331">
        <v>555763</v>
      </c>
      <c r="JX15" s="331">
        <v>1819495</v>
      </c>
      <c r="JY15" s="331">
        <v>75470</v>
      </c>
      <c r="JZ15" s="331">
        <v>598723</v>
      </c>
      <c r="KA15" s="335">
        <v>3499855</v>
      </c>
      <c r="KB15" s="333">
        <v>3499855</v>
      </c>
      <c r="KC15" s="338">
        <v>357204</v>
      </c>
      <c r="KD15" s="339">
        <v>355632</v>
      </c>
      <c r="KE15" s="335">
        <v>712836</v>
      </c>
      <c r="KF15" s="337">
        <v>0</v>
      </c>
      <c r="KG15" s="331">
        <v>4754305</v>
      </c>
      <c r="KH15" s="331">
        <v>6035929</v>
      </c>
      <c r="KI15" s="331">
        <v>6159776</v>
      </c>
      <c r="KJ15" s="331">
        <v>7356968</v>
      </c>
      <c r="KK15" s="331">
        <v>5697492</v>
      </c>
      <c r="KL15" s="335">
        <v>30004470</v>
      </c>
      <c r="KM15" s="340">
        <v>30717306</v>
      </c>
      <c r="KN15" s="328">
        <v>0</v>
      </c>
      <c r="KO15" s="329">
        <v>0</v>
      </c>
      <c r="KP15" s="330">
        <v>0</v>
      </c>
      <c r="KQ15" s="399">
        <v>0</v>
      </c>
      <c r="KR15" s="331">
        <v>9357715</v>
      </c>
      <c r="KS15" s="331">
        <v>15088545</v>
      </c>
      <c r="KT15" s="331">
        <v>21947033</v>
      </c>
      <c r="KU15" s="331">
        <v>19531325</v>
      </c>
      <c r="KV15" s="331">
        <v>8344071</v>
      </c>
      <c r="KW15" s="335">
        <v>74268689</v>
      </c>
      <c r="KX15" s="333">
        <v>74268689</v>
      </c>
      <c r="KY15" s="334">
        <v>0</v>
      </c>
      <c r="KZ15" s="331">
        <v>0</v>
      </c>
      <c r="LA15" s="335">
        <v>0</v>
      </c>
      <c r="LB15" s="399">
        <v>0</v>
      </c>
      <c r="LC15" s="331">
        <v>180099</v>
      </c>
      <c r="LD15" s="331">
        <v>741036</v>
      </c>
      <c r="LE15" s="331">
        <v>1500778</v>
      </c>
      <c r="LF15" s="331">
        <v>1968840</v>
      </c>
      <c r="LG15" s="331">
        <v>1015278</v>
      </c>
      <c r="LH15" s="335">
        <v>5406031</v>
      </c>
      <c r="LI15" s="336">
        <v>5406031</v>
      </c>
      <c r="LJ15" s="334">
        <v>0</v>
      </c>
      <c r="LK15" s="331">
        <v>0</v>
      </c>
      <c r="LL15" s="335">
        <v>0</v>
      </c>
      <c r="LM15" s="399">
        <v>0</v>
      </c>
      <c r="LN15" s="331">
        <v>0</v>
      </c>
      <c r="LO15" s="331">
        <v>0</v>
      </c>
      <c r="LP15" s="331">
        <v>0</v>
      </c>
      <c r="LQ15" s="331">
        <v>0</v>
      </c>
      <c r="LR15" s="331">
        <v>359008</v>
      </c>
      <c r="LS15" s="335">
        <v>359008</v>
      </c>
      <c r="LT15" s="333">
        <v>359008</v>
      </c>
      <c r="LU15" s="334">
        <v>0</v>
      </c>
      <c r="LV15" s="331">
        <v>0</v>
      </c>
      <c r="LW15" s="335">
        <v>0</v>
      </c>
      <c r="LX15" s="399">
        <v>0</v>
      </c>
      <c r="LY15" s="331">
        <v>904898</v>
      </c>
      <c r="LZ15" s="331">
        <v>1093786</v>
      </c>
      <c r="MA15" s="331">
        <v>1992797</v>
      </c>
      <c r="MB15" s="331">
        <v>4319582</v>
      </c>
      <c r="MC15" s="331">
        <v>5544832</v>
      </c>
      <c r="MD15" s="335">
        <v>13855895</v>
      </c>
      <c r="ME15" s="336">
        <v>13855895</v>
      </c>
      <c r="MF15" s="334">
        <v>0</v>
      </c>
      <c r="MG15" s="331">
        <v>0</v>
      </c>
      <c r="MH15" s="335">
        <v>0</v>
      </c>
      <c r="MI15" s="399">
        <v>0</v>
      </c>
      <c r="MJ15" s="331">
        <v>9232892</v>
      </c>
      <c r="MK15" s="331">
        <v>17337895</v>
      </c>
      <c r="ML15" s="331">
        <v>96914343</v>
      </c>
      <c r="MM15" s="331">
        <v>145710749</v>
      </c>
      <c r="MN15" s="331">
        <v>114950449</v>
      </c>
      <c r="MO15" s="335">
        <v>384146328</v>
      </c>
      <c r="MP15" s="340">
        <v>384146328</v>
      </c>
      <c r="MQ15" s="334">
        <v>0</v>
      </c>
      <c r="MR15" s="331">
        <v>0</v>
      </c>
      <c r="MS15" s="335">
        <v>0</v>
      </c>
      <c r="MT15" s="399">
        <v>0</v>
      </c>
      <c r="MU15" s="331">
        <v>246162</v>
      </c>
      <c r="MV15" s="331">
        <v>1766438</v>
      </c>
      <c r="MW15" s="331">
        <v>60123991</v>
      </c>
      <c r="MX15" s="331">
        <v>103027655</v>
      </c>
      <c r="MY15" s="331">
        <v>87123854</v>
      </c>
      <c r="MZ15" s="335">
        <v>252288100</v>
      </c>
      <c r="NA15" s="340">
        <v>252288100</v>
      </c>
      <c r="NB15" s="334">
        <v>0</v>
      </c>
      <c r="NC15" s="331">
        <v>0</v>
      </c>
      <c r="ND15" s="335">
        <v>0</v>
      </c>
      <c r="NE15" s="399">
        <v>0</v>
      </c>
      <c r="NF15" s="331">
        <v>8986730</v>
      </c>
      <c r="NG15" s="331">
        <v>15571457</v>
      </c>
      <c r="NH15" s="331">
        <v>36415621</v>
      </c>
      <c r="NI15" s="331">
        <v>41509896</v>
      </c>
      <c r="NJ15" s="331">
        <v>24464208</v>
      </c>
      <c r="NK15" s="335">
        <v>126947912</v>
      </c>
      <c r="NL15" s="333">
        <v>126947912</v>
      </c>
      <c r="NM15" s="334">
        <v>0</v>
      </c>
      <c r="NN15" s="331">
        <v>0</v>
      </c>
      <c r="NO15" s="335">
        <v>0</v>
      </c>
      <c r="NP15" s="399">
        <v>0</v>
      </c>
      <c r="NQ15" s="331">
        <v>0</v>
      </c>
      <c r="NR15" s="331">
        <v>0</v>
      </c>
      <c r="NS15" s="331">
        <v>0</v>
      </c>
      <c r="NT15" s="331">
        <v>0</v>
      </c>
      <c r="NU15" s="331">
        <v>0</v>
      </c>
      <c r="NV15" s="335">
        <v>0</v>
      </c>
      <c r="NW15" s="336">
        <v>0</v>
      </c>
      <c r="NX15" s="334">
        <v>0</v>
      </c>
      <c r="NY15" s="331">
        <v>0</v>
      </c>
      <c r="NZ15" s="335">
        <v>0</v>
      </c>
      <c r="OA15" s="399">
        <v>0</v>
      </c>
      <c r="OB15" s="331">
        <v>0</v>
      </c>
      <c r="OC15" s="331">
        <v>0</v>
      </c>
      <c r="OD15" s="331">
        <v>374731</v>
      </c>
      <c r="OE15" s="331">
        <v>1173198</v>
      </c>
      <c r="OF15" s="331">
        <v>3362387</v>
      </c>
      <c r="OG15" s="335">
        <v>4910316</v>
      </c>
      <c r="OH15" s="336">
        <v>4910316</v>
      </c>
      <c r="OI15" s="334">
        <v>13103336</v>
      </c>
      <c r="OJ15" s="331">
        <v>17240493</v>
      </c>
      <c r="OK15" s="332">
        <v>30343829</v>
      </c>
      <c r="OL15" s="337">
        <v>0</v>
      </c>
      <c r="OM15" s="331">
        <v>204902110</v>
      </c>
      <c r="ON15" s="331">
        <v>216993269</v>
      </c>
      <c r="OO15" s="331">
        <v>313389469</v>
      </c>
      <c r="OP15" s="331">
        <v>368233416</v>
      </c>
      <c r="OQ15" s="331">
        <v>277573693</v>
      </c>
      <c r="OR15" s="335">
        <v>1381091957</v>
      </c>
      <c r="OS15" s="340">
        <v>1411435786</v>
      </c>
    </row>
    <row r="16" spans="1:409" s="56" customFormat="1" ht="21" customHeight="1" x14ac:dyDescent="0.2">
      <c r="B16" s="396" t="s">
        <v>10</v>
      </c>
      <c r="C16" s="312">
        <v>26462316</v>
      </c>
      <c r="D16" s="313">
        <v>44742287</v>
      </c>
      <c r="E16" s="314">
        <v>71204603</v>
      </c>
      <c r="F16" s="350">
        <v>0</v>
      </c>
      <c r="G16" s="313">
        <v>366077671</v>
      </c>
      <c r="H16" s="313">
        <v>296772078</v>
      </c>
      <c r="I16" s="313">
        <v>270079961</v>
      </c>
      <c r="J16" s="313">
        <v>273444985</v>
      </c>
      <c r="K16" s="313">
        <v>219172707</v>
      </c>
      <c r="L16" s="315">
        <v>1425547402</v>
      </c>
      <c r="M16" s="316">
        <v>1496752005</v>
      </c>
      <c r="N16" s="312">
        <v>6781954</v>
      </c>
      <c r="O16" s="313">
        <v>13527653</v>
      </c>
      <c r="P16" s="314">
        <v>20309607</v>
      </c>
      <c r="Q16" s="312">
        <v>0</v>
      </c>
      <c r="R16" s="313">
        <v>112044700</v>
      </c>
      <c r="S16" s="313">
        <v>96520066</v>
      </c>
      <c r="T16" s="313">
        <v>102644521</v>
      </c>
      <c r="U16" s="313">
        <v>126463796</v>
      </c>
      <c r="V16" s="313">
        <v>117412212</v>
      </c>
      <c r="W16" s="314">
        <v>555085295</v>
      </c>
      <c r="X16" s="316">
        <v>575394902</v>
      </c>
      <c r="Y16" s="312">
        <v>0</v>
      </c>
      <c r="Z16" s="313">
        <v>0</v>
      </c>
      <c r="AA16" s="314">
        <v>0</v>
      </c>
      <c r="AB16" s="312">
        <v>0</v>
      </c>
      <c r="AC16" s="313">
        <v>51237416</v>
      </c>
      <c r="AD16" s="313">
        <v>49522570</v>
      </c>
      <c r="AE16" s="313">
        <v>65042547</v>
      </c>
      <c r="AF16" s="313">
        <v>84798979</v>
      </c>
      <c r="AG16" s="313">
        <v>72693917</v>
      </c>
      <c r="AH16" s="314">
        <v>323295429</v>
      </c>
      <c r="AI16" s="316">
        <v>323295429</v>
      </c>
      <c r="AJ16" s="312">
        <v>0</v>
      </c>
      <c r="AK16" s="313">
        <v>0</v>
      </c>
      <c r="AL16" s="314">
        <v>0</v>
      </c>
      <c r="AM16" s="312">
        <v>0</v>
      </c>
      <c r="AN16" s="313">
        <v>318983</v>
      </c>
      <c r="AO16" s="313">
        <v>1109089</v>
      </c>
      <c r="AP16" s="313">
        <v>2061933</v>
      </c>
      <c r="AQ16" s="313">
        <v>4995333</v>
      </c>
      <c r="AR16" s="313">
        <v>11179828</v>
      </c>
      <c r="AS16" s="314">
        <v>19665166</v>
      </c>
      <c r="AT16" s="316">
        <v>19665166</v>
      </c>
      <c r="AU16" s="312">
        <v>3643406</v>
      </c>
      <c r="AV16" s="313">
        <v>8845948</v>
      </c>
      <c r="AW16" s="314">
        <v>12489354</v>
      </c>
      <c r="AX16" s="312">
        <v>0</v>
      </c>
      <c r="AY16" s="313">
        <v>37089928</v>
      </c>
      <c r="AZ16" s="313">
        <v>25509207</v>
      </c>
      <c r="BA16" s="313">
        <v>17357979</v>
      </c>
      <c r="BB16" s="313">
        <v>18600286</v>
      </c>
      <c r="BC16" s="313">
        <v>18200755</v>
      </c>
      <c r="BD16" s="314">
        <v>116758155</v>
      </c>
      <c r="BE16" s="316">
        <v>129247509</v>
      </c>
      <c r="BF16" s="312">
        <v>546158</v>
      </c>
      <c r="BG16" s="313">
        <v>1427747</v>
      </c>
      <c r="BH16" s="317">
        <v>1973905</v>
      </c>
      <c r="BI16" s="318">
        <v>0</v>
      </c>
      <c r="BJ16" s="313">
        <v>3514586</v>
      </c>
      <c r="BK16" s="313">
        <v>3307366</v>
      </c>
      <c r="BL16" s="313">
        <v>2512335</v>
      </c>
      <c r="BM16" s="313">
        <v>1209045</v>
      </c>
      <c r="BN16" s="313">
        <v>1962449</v>
      </c>
      <c r="BO16" s="314">
        <v>12505781</v>
      </c>
      <c r="BP16" s="316">
        <v>14479686</v>
      </c>
      <c r="BQ16" s="312">
        <v>2592390</v>
      </c>
      <c r="BR16" s="313">
        <v>3253958</v>
      </c>
      <c r="BS16" s="314">
        <v>5846348</v>
      </c>
      <c r="BT16" s="312">
        <v>0</v>
      </c>
      <c r="BU16" s="313">
        <v>19883787</v>
      </c>
      <c r="BV16" s="313">
        <v>17071834</v>
      </c>
      <c r="BW16" s="313">
        <v>15669727</v>
      </c>
      <c r="BX16" s="313">
        <v>16860153</v>
      </c>
      <c r="BY16" s="313">
        <v>13375263</v>
      </c>
      <c r="BZ16" s="314">
        <v>82860764</v>
      </c>
      <c r="CA16" s="316">
        <v>88707112</v>
      </c>
      <c r="CB16" s="312">
        <v>1043776</v>
      </c>
      <c r="CC16" s="313">
        <v>3852096</v>
      </c>
      <c r="CD16" s="314">
        <v>4895872</v>
      </c>
      <c r="CE16" s="312">
        <v>0</v>
      </c>
      <c r="CF16" s="313">
        <v>110606077</v>
      </c>
      <c r="CG16" s="313">
        <v>79225808</v>
      </c>
      <c r="CH16" s="313">
        <v>56949973</v>
      </c>
      <c r="CI16" s="313">
        <v>36297985</v>
      </c>
      <c r="CJ16" s="313">
        <v>20636536</v>
      </c>
      <c r="CK16" s="314">
        <v>303716379</v>
      </c>
      <c r="CL16" s="316">
        <v>308612251</v>
      </c>
      <c r="CM16" s="312">
        <v>0</v>
      </c>
      <c r="CN16" s="313">
        <v>0</v>
      </c>
      <c r="CO16" s="314">
        <v>0</v>
      </c>
      <c r="CP16" s="318">
        <v>0</v>
      </c>
      <c r="CQ16" s="313">
        <v>97584809</v>
      </c>
      <c r="CR16" s="313">
        <v>65226149</v>
      </c>
      <c r="CS16" s="313">
        <v>47017134</v>
      </c>
      <c r="CT16" s="313">
        <v>30637207</v>
      </c>
      <c r="CU16" s="313">
        <v>17879816</v>
      </c>
      <c r="CV16" s="314">
        <v>258345115</v>
      </c>
      <c r="CW16" s="316">
        <v>258345115</v>
      </c>
      <c r="CX16" s="312">
        <v>1043776</v>
      </c>
      <c r="CY16" s="313">
        <v>3852096</v>
      </c>
      <c r="CZ16" s="314">
        <v>4895872</v>
      </c>
      <c r="DA16" s="312">
        <v>0</v>
      </c>
      <c r="DB16" s="313">
        <v>13021268</v>
      </c>
      <c r="DC16" s="313">
        <v>13999659</v>
      </c>
      <c r="DD16" s="313">
        <v>9932839</v>
      </c>
      <c r="DE16" s="313">
        <v>5660778</v>
      </c>
      <c r="DF16" s="313">
        <v>2756720</v>
      </c>
      <c r="DG16" s="314">
        <v>45371264</v>
      </c>
      <c r="DH16" s="316">
        <v>50267136</v>
      </c>
      <c r="DI16" s="312">
        <v>120027</v>
      </c>
      <c r="DJ16" s="313">
        <v>882081</v>
      </c>
      <c r="DK16" s="317">
        <v>1002108</v>
      </c>
      <c r="DL16" s="318">
        <v>0</v>
      </c>
      <c r="DM16" s="313">
        <v>10955607</v>
      </c>
      <c r="DN16" s="313">
        <v>13483046</v>
      </c>
      <c r="DO16" s="313">
        <v>20351522</v>
      </c>
      <c r="DP16" s="313">
        <v>20220809</v>
      </c>
      <c r="DQ16" s="313">
        <v>10652907</v>
      </c>
      <c r="DR16" s="314">
        <v>75663891</v>
      </c>
      <c r="DS16" s="316">
        <v>76665999</v>
      </c>
      <c r="DT16" s="312">
        <v>120027</v>
      </c>
      <c r="DU16" s="313">
        <v>882081</v>
      </c>
      <c r="DV16" s="314">
        <v>1002108</v>
      </c>
      <c r="DW16" s="312">
        <v>0</v>
      </c>
      <c r="DX16" s="313">
        <v>10599251</v>
      </c>
      <c r="DY16" s="313">
        <v>12669439</v>
      </c>
      <c r="DZ16" s="313">
        <v>18503892</v>
      </c>
      <c r="EA16" s="313">
        <v>19136437</v>
      </c>
      <c r="EB16" s="313">
        <v>9805216</v>
      </c>
      <c r="EC16" s="314">
        <v>70714235</v>
      </c>
      <c r="ED16" s="316">
        <v>71716343</v>
      </c>
      <c r="EE16" s="312">
        <v>0</v>
      </c>
      <c r="EF16" s="317">
        <v>0</v>
      </c>
      <c r="EG16" s="314">
        <v>0</v>
      </c>
      <c r="EH16" s="312">
        <v>0</v>
      </c>
      <c r="EI16" s="313">
        <v>356356</v>
      </c>
      <c r="EJ16" s="313">
        <v>813607</v>
      </c>
      <c r="EK16" s="313">
        <v>1847630</v>
      </c>
      <c r="EL16" s="313">
        <v>1084372</v>
      </c>
      <c r="EM16" s="313">
        <v>847691</v>
      </c>
      <c r="EN16" s="317">
        <v>4949656</v>
      </c>
      <c r="EO16" s="316">
        <v>4949656</v>
      </c>
      <c r="EP16" s="312">
        <v>0</v>
      </c>
      <c r="EQ16" s="313">
        <v>0</v>
      </c>
      <c r="ER16" s="317">
        <v>0</v>
      </c>
      <c r="ES16" s="318">
        <v>0</v>
      </c>
      <c r="ET16" s="313">
        <v>0</v>
      </c>
      <c r="EU16" s="313">
        <v>0</v>
      </c>
      <c r="EV16" s="313">
        <v>0</v>
      </c>
      <c r="EW16" s="313">
        <v>0</v>
      </c>
      <c r="EX16" s="313">
        <v>0</v>
      </c>
      <c r="EY16" s="314">
        <v>0</v>
      </c>
      <c r="EZ16" s="316">
        <v>0</v>
      </c>
      <c r="FA16" s="312">
        <v>0</v>
      </c>
      <c r="FB16" s="313">
        <v>0</v>
      </c>
      <c r="FC16" s="317">
        <v>0</v>
      </c>
      <c r="FD16" s="318">
        <v>0</v>
      </c>
      <c r="FE16" s="313">
        <v>0</v>
      </c>
      <c r="FF16" s="313">
        <v>0</v>
      </c>
      <c r="FG16" s="313">
        <v>0</v>
      </c>
      <c r="FH16" s="313">
        <v>0</v>
      </c>
      <c r="FI16" s="313">
        <v>0</v>
      </c>
      <c r="FJ16" s="314">
        <v>0</v>
      </c>
      <c r="FK16" s="316">
        <v>0</v>
      </c>
      <c r="FL16" s="312">
        <v>8235747</v>
      </c>
      <c r="FM16" s="313">
        <v>11609505</v>
      </c>
      <c r="FN16" s="314">
        <v>19845252</v>
      </c>
      <c r="FO16" s="312">
        <v>0</v>
      </c>
      <c r="FP16" s="313">
        <v>20899558</v>
      </c>
      <c r="FQ16" s="313">
        <v>25382739</v>
      </c>
      <c r="FR16" s="313">
        <v>20222284</v>
      </c>
      <c r="FS16" s="313">
        <v>19602205</v>
      </c>
      <c r="FT16" s="313">
        <v>15266131</v>
      </c>
      <c r="FU16" s="314">
        <v>101372917</v>
      </c>
      <c r="FV16" s="316">
        <v>121218169</v>
      </c>
      <c r="FW16" s="319">
        <v>5108034</v>
      </c>
      <c r="FX16" s="313">
        <v>8523942</v>
      </c>
      <c r="FY16" s="317">
        <v>13631976</v>
      </c>
      <c r="FZ16" s="318">
        <v>0</v>
      </c>
      <c r="GA16" s="313">
        <v>17363646</v>
      </c>
      <c r="GB16" s="313">
        <v>24060229</v>
      </c>
      <c r="GC16" s="313">
        <v>18663113</v>
      </c>
      <c r="GD16" s="313">
        <v>18216850</v>
      </c>
      <c r="GE16" s="313">
        <v>14936613</v>
      </c>
      <c r="GF16" s="314">
        <v>93240451</v>
      </c>
      <c r="GG16" s="320">
        <v>106872427</v>
      </c>
      <c r="GH16" s="319">
        <v>479763</v>
      </c>
      <c r="GI16" s="313">
        <v>575513</v>
      </c>
      <c r="GJ16" s="317">
        <v>1055276</v>
      </c>
      <c r="GK16" s="318">
        <v>0</v>
      </c>
      <c r="GL16" s="313">
        <v>1031497</v>
      </c>
      <c r="GM16" s="313">
        <v>552785</v>
      </c>
      <c r="GN16" s="313">
        <v>800081</v>
      </c>
      <c r="GO16" s="313">
        <v>560666</v>
      </c>
      <c r="GP16" s="313">
        <v>213479</v>
      </c>
      <c r="GQ16" s="314">
        <v>3158508</v>
      </c>
      <c r="GR16" s="316">
        <v>4213784</v>
      </c>
      <c r="GS16" s="312">
        <v>2647950</v>
      </c>
      <c r="GT16" s="313">
        <v>2510050</v>
      </c>
      <c r="GU16" s="314">
        <v>5158000</v>
      </c>
      <c r="GV16" s="312">
        <v>0</v>
      </c>
      <c r="GW16" s="313">
        <v>2504415</v>
      </c>
      <c r="GX16" s="313">
        <v>769725</v>
      </c>
      <c r="GY16" s="313">
        <v>759090</v>
      </c>
      <c r="GZ16" s="313">
        <v>824689</v>
      </c>
      <c r="HA16" s="313">
        <v>116039</v>
      </c>
      <c r="HB16" s="317">
        <v>4973958</v>
      </c>
      <c r="HC16" s="316">
        <v>10131958</v>
      </c>
      <c r="HD16" s="312">
        <v>4364526</v>
      </c>
      <c r="HE16" s="313">
        <v>7301371</v>
      </c>
      <c r="HF16" s="317">
        <v>11665897</v>
      </c>
      <c r="HG16" s="318">
        <v>0</v>
      </c>
      <c r="HH16" s="313">
        <v>54232654</v>
      </c>
      <c r="HI16" s="313">
        <v>51305875</v>
      </c>
      <c r="HJ16" s="313">
        <v>47883141</v>
      </c>
      <c r="HK16" s="313">
        <v>53201476</v>
      </c>
      <c r="HL16" s="313">
        <v>43749467</v>
      </c>
      <c r="HM16" s="314">
        <v>250372613</v>
      </c>
      <c r="HN16" s="315">
        <v>262038510</v>
      </c>
      <c r="HO16" s="319">
        <v>5916286</v>
      </c>
      <c r="HP16" s="313">
        <v>7569581</v>
      </c>
      <c r="HQ16" s="314">
        <v>13485867</v>
      </c>
      <c r="HR16" s="312">
        <v>0</v>
      </c>
      <c r="HS16" s="313">
        <v>57339075</v>
      </c>
      <c r="HT16" s="313">
        <v>30854544</v>
      </c>
      <c r="HU16" s="313">
        <v>22028520</v>
      </c>
      <c r="HV16" s="313">
        <v>17658714</v>
      </c>
      <c r="HW16" s="313">
        <v>11455454</v>
      </c>
      <c r="HX16" s="317">
        <v>139336307</v>
      </c>
      <c r="HY16" s="316">
        <v>152822174</v>
      </c>
      <c r="HZ16" s="344">
        <v>609693</v>
      </c>
      <c r="IA16" s="342">
        <v>2144794</v>
      </c>
      <c r="IB16" s="344">
        <v>2754487</v>
      </c>
      <c r="IC16" s="341">
        <v>0</v>
      </c>
      <c r="ID16" s="342">
        <v>82295233</v>
      </c>
      <c r="IE16" s="343">
        <v>74963885</v>
      </c>
      <c r="IF16" s="344">
        <v>83675544</v>
      </c>
      <c r="IG16" s="342">
        <v>78827944</v>
      </c>
      <c r="IH16" s="344">
        <v>67498757</v>
      </c>
      <c r="II16" s="345">
        <v>387261363</v>
      </c>
      <c r="IJ16" s="344">
        <v>390015850</v>
      </c>
      <c r="IK16" s="328">
        <v>0</v>
      </c>
      <c r="IL16" s="329">
        <v>0</v>
      </c>
      <c r="IM16" s="330">
        <v>0</v>
      </c>
      <c r="IN16" s="390">
        <v>0</v>
      </c>
      <c r="IO16" s="331">
        <v>1580599</v>
      </c>
      <c r="IP16" s="331">
        <v>1611593</v>
      </c>
      <c r="IQ16" s="331">
        <v>2059084</v>
      </c>
      <c r="IR16" s="331">
        <v>2035641</v>
      </c>
      <c r="IS16" s="331">
        <v>3355524</v>
      </c>
      <c r="IT16" s="332">
        <v>10642441</v>
      </c>
      <c r="IU16" s="333">
        <v>10642441</v>
      </c>
      <c r="IV16" s="334">
        <v>0</v>
      </c>
      <c r="IW16" s="331">
        <v>0</v>
      </c>
      <c r="IX16" s="335">
        <v>0</v>
      </c>
      <c r="IY16" s="399">
        <v>0</v>
      </c>
      <c r="IZ16" s="331">
        <v>91141</v>
      </c>
      <c r="JA16" s="331">
        <v>70502</v>
      </c>
      <c r="JB16" s="331">
        <v>69571</v>
      </c>
      <c r="JC16" s="331">
        <v>202454</v>
      </c>
      <c r="JD16" s="331">
        <v>183693</v>
      </c>
      <c r="JE16" s="335">
        <v>617361</v>
      </c>
      <c r="JF16" s="336">
        <v>617361</v>
      </c>
      <c r="JG16" s="334">
        <v>0</v>
      </c>
      <c r="JH16" s="331">
        <v>0</v>
      </c>
      <c r="JI16" s="332">
        <v>0</v>
      </c>
      <c r="JJ16" s="337">
        <v>0</v>
      </c>
      <c r="JK16" s="331">
        <v>27319225</v>
      </c>
      <c r="JL16" s="331">
        <v>16745853</v>
      </c>
      <c r="JM16" s="331">
        <v>11377788</v>
      </c>
      <c r="JN16" s="331">
        <v>7364940</v>
      </c>
      <c r="JO16" s="331">
        <v>2423000</v>
      </c>
      <c r="JP16" s="335">
        <v>65230806</v>
      </c>
      <c r="JQ16" s="333">
        <v>65230806</v>
      </c>
      <c r="JR16" s="334">
        <v>0</v>
      </c>
      <c r="JS16" s="331">
        <v>47259</v>
      </c>
      <c r="JT16" s="332">
        <v>47259</v>
      </c>
      <c r="JU16" s="337">
        <v>0</v>
      </c>
      <c r="JV16" s="331">
        <v>842018</v>
      </c>
      <c r="JW16" s="331">
        <v>1409832</v>
      </c>
      <c r="JX16" s="331">
        <v>2795425</v>
      </c>
      <c r="JY16" s="331">
        <v>2164286</v>
      </c>
      <c r="JZ16" s="331">
        <v>1492782</v>
      </c>
      <c r="KA16" s="335">
        <v>8704343</v>
      </c>
      <c r="KB16" s="333">
        <v>8751602</v>
      </c>
      <c r="KC16" s="338">
        <v>609693</v>
      </c>
      <c r="KD16" s="339">
        <v>1592777</v>
      </c>
      <c r="KE16" s="335">
        <v>2202470</v>
      </c>
      <c r="KF16" s="337">
        <v>0</v>
      </c>
      <c r="KG16" s="331">
        <v>13045158</v>
      </c>
      <c r="KH16" s="331">
        <v>11737094</v>
      </c>
      <c r="KI16" s="331">
        <v>15374147</v>
      </c>
      <c r="KJ16" s="331">
        <v>13740342</v>
      </c>
      <c r="KK16" s="331">
        <v>14255706</v>
      </c>
      <c r="KL16" s="335">
        <v>68152447</v>
      </c>
      <c r="KM16" s="340">
        <v>70354917</v>
      </c>
      <c r="KN16" s="328">
        <v>0</v>
      </c>
      <c r="KO16" s="329">
        <v>504758</v>
      </c>
      <c r="KP16" s="330">
        <v>504758</v>
      </c>
      <c r="KQ16" s="399">
        <v>0</v>
      </c>
      <c r="KR16" s="331">
        <v>29304085</v>
      </c>
      <c r="KS16" s="331">
        <v>33460588</v>
      </c>
      <c r="KT16" s="331">
        <v>36748805</v>
      </c>
      <c r="KU16" s="331">
        <v>24825174</v>
      </c>
      <c r="KV16" s="331">
        <v>22731314</v>
      </c>
      <c r="KW16" s="335">
        <v>147069966</v>
      </c>
      <c r="KX16" s="333">
        <v>147574724</v>
      </c>
      <c r="KY16" s="334">
        <v>0</v>
      </c>
      <c r="KZ16" s="331">
        <v>0</v>
      </c>
      <c r="LA16" s="335">
        <v>0</v>
      </c>
      <c r="LB16" s="399">
        <v>0</v>
      </c>
      <c r="LC16" s="331">
        <v>5257121</v>
      </c>
      <c r="LD16" s="331">
        <v>3468142</v>
      </c>
      <c r="LE16" s="331">
        <v>6385113</v>
      </c>
      <c r="LF16" s="331">
        <v>7204662</v>
      </c>
      <c r="LG16" s="331">
        <v>6922219</v>
      </c>
      <c r="LH16" s="335">
        <v>29237257</v>
      </c>
      <c r="LI16" s="336">
        <v>29237257</v>
      </c>
      <c r="LJ16" s="334">
        <v>0</v>
      </c>
      <c r="LK16" s="331">
        <v>0</v>
      </c>
      <c r="LL16" s="335">
        <v>0</v>
      </c>
      <c r="LM16" s="399">
        <v>0</v>
      </c>
      <c r="LN16" s="331">
        <v>0</v>
      </c>
      <c r="LO16" s="331">
        <v>214552</v>
      </c>
      <c r="LP16" s="331">
        <v>1003718</v>
      </c>
      <c r="LQ16" s="331">
        <v>5500963</v>
      </c>
      <c r="LR16" s="331">
        <v>4757861</v>
      </c>
      <c r="LS16" s="335">
        <v>11477094</v>
      </c>
      <c r="LT16" s="333">
        <v>11477094</v>
      </c>
      <c r="LU16" s="334">
        <v>0</v>
      </c>
      <c r="LV16" s="331">
        <v>0</v>
      </c>
      <c r="LW16" s="335">
        <v>0</v>
      </c>
      <c r="LX16" s="399">
        <v>0</v>
      </c>
      <c r="LY16" s="331">
        <v>4855886</v>
      </c>
      <c r="LZ16" s="331">
        <v>6245729</v>
      </c>
      <c r="MA16" s="331">
        <v>7861893</v>
      </c>
      <c r="MB16" s="331">
        <v>15789482</v>
      </c>
      <c r="MC16" s="331">
        <v>11376658</v>
      </c>
      <c r="MD16" s="335">
        <v>46129648</v>
      </c>
      <c r="ME16" s="336">
        <v>46129648</v>
      </c>
      <c r="MF16" s="334">
        <v>0</v>
      </c>
      <c r="MG16" s="331">
        <v>0</v>
      </c>
      <c r="MH16" s="335">
        <v>0</v>
      </c>
      <c r="MI16" s="399">
        <v>0</v>
      </c>
      <c r="MJ16" s="331">
        <v>27119487</v>
      </c>
      <c r="MK16" s="331">
        <v>44865529</v>
      </c>
      <c r="ML16" s="331">
        <v>125190680</v>
      </c>
      <c r="MM16" s="331">
        <v>261705569</v>
      </c>
      <c r="MN16" s="331">
        <v>179781270</v>
      </c>
      <c r="MO16" s="335">
        <v>638662535</v>
      </c>
      <c r="MP16" s="340">
        <v>638662535</v>
      </c>
      <c r="MQ16" s="334">
        <v>0</v>
      </c>
      <c r="MR16" s="331">
        <v>0</v>
      </c>
      <c r="MS16" s="335">
        <v>0</v>
      </c>
      <c r="MT16" s="399">
        <v>0</v>
      </c>
      <c r="MU16" s="331">
        <v>3653906</v>
      </c>
      <c r="MV16" s="331">
        <v>12364360</v>
      </c>
      <c r="MW16" s="331">
        <v>87572675</v>
      </c>
      <c r="MX16" s="331">
        <v>193435898</v>
      </c>
      <c r="MY16" s="331">
        <v>136342902</v>
      </c>
      <c r="MZ16" s="335">
        <v>433369741</v>
      </c>
      <c r="NA16" s="340">
        <v>433369741</v>
      </c>
      <c r="NB16" s="334">
        <v>0</v>
      </c>
      <c r="NC16" s="331">
        <v>0</v>
      </c>
      <c r="ND16" s="335">
        <v>0</v>
      </c>
      <c r="NE16" s="399">
        <v>0</v>
      </c>
      <c r="NF16" s="331">
        <v>23465581</v>
      </c>
      <c r="NG16" s="331">
        <v>32501169</v>
      </c>
      <c r="NH16" s="331">
        <v>36975095</v>
      </c>
      <c r="NI16" s="331">
        <v>66811611</v>
      </c>
      <c r="NJ16" s="331">
        <v>32589925</v>
      </c>
      <c r="NK16" s="335">
        <v>192343381</v>
      </c>
      <c r="NL16" s="333">
        <v>192343381</v>
      </c>
      <c r="NM16" s="334">
        <v>0</v>
      </c>
      <c r="NN16" s="331">
        <v>0</v>
      </c>
      <c r="NO16" s="335">
        <v>0</v>
      </c>
      <c r="NP16" s="399">
        <v>0</v>
      </c>
      <c r="NQ16" s="331">
        <v>0</v>
      </c>
      <c r="NR16" s="331">
        <v>0</v>
      </c>
      <c r="NS16" s="331">
        <v>0</v>
      </c>
      <c r="NT16" s="331">
        <v>0</v>
      </c>
      <c r="NU16" s="331">
        <v>0</v>
      </c>
      <c r="NV16" s="335">
        <v>0</v>
      </c>
      <c r="NW16" s="336">
        <v>0</v>
      </c>
      <c r="NX16" s="334">
        <v>0</v>
      </c>
      <c r="NY16" s="331">
        <v>0</v>
      </c>
      <c r="NZ16" s="335">
        <v>0</v>
      </c>
      <c r="OA16" s="399">
        <v>0</v>
      </c>
      <c r="OB16" s="331">
        <v>0</v>
      </c>
      <c r="OC16" s="331">
        <v>0</v>
      </c>
      <c r="OD16" s="331">
        <v>642910</v>
      </c>
      <c r="OE16" s="331">
        <v>1458060</v>
      </c>
      <c r="OF16" s="331">
        <v>10848443</v>
      </c>
      <c r="OG16" s="335">
        <v>12949413</v>
      </c>
      <c r="OH16" s="336">
        <v>12949413</v>
      </c>
      <c r="OI16" s="334">
        <v>27072009</v>
      </c>
      <c r="OJ16" s="331">
        <v>46887081</v>
      </c>
      <c r="OK16" s="332">
        <v>73959090</v>
      </c>
      <c r="OL16" s="337">
        <v>0</v>
      </c>
      <c r="OM16" s="331">
        <v>475492391</v>
      </c>
      <c r="ON16" s="331">
        <v>416601492</v>
      </c>
      <c r="OO16" s="331">
        <v>478946185</v>
      </c>
      <c r="OP16" s="331">
        <v>613978498</v>
      </c>
      <c r="OQ16" s="331">
        <v>466452734</v>
      </c>
      <c r="OR16" s="335">
        <v>2451471300</v>
      </c>
      <c r="OS16" s="340">
        <v>2525430390</v>
      </c>
    </row>
    <row r="17" spans="2:409" s="56" customFormat="1" ht="21" customHeight="1" x14ac:dyDescent="0.2">
      <c r="B17" s="396" t="s">
        <v>11</v>
      </c>
      <c r="C17" s="312">
        <v>12702847</v>
      </c>
      <c r="D17" s="313">
        <v>19892931</v>
      </c>
      <c r="E17" s="351">
        <v>32595778</v>
      </c>
      <c r="F17" s="318">
        <v>0</v>
      </c>
      <c r="G17" s="313">
        <v>158193100</v>
      </c>
      <c r="H17" s="313">
        <v>151138564</v>
      </c>
      <c r="I17" s="313">
        <v>146832246</v>
      </c>
      <c r="J17" s="313">
        <v>147781829</v>
      </c>
      <c r="K17" s="313">
        <v>105793178</v>
      </c>
      <c r="L17" s="315">
        <v>709738917</v>
      </c>
      <c r="M17" s="316">
        <v>742334695</v>
      </c>
      <c r="N17" s="312">
        <v>1511685</v>
      </c>
      <c r="O17" s="313">
        <v>3630839</v>
      </c>
      <c r="P17" s="314">
        <v>5142524</v>
      </c>
      <c r="Q17" s="312">
        <v>0</v>
      </c>
      <c r="R17" s="313">
        <v>39850683</v>
      </c>
      <c r="S17" s="313">
        <v>41380135</v>
      </c>
      <c r="T17" s="313">
        <v>46768963</v>
      </c>
      <c r="U17" s="313">
        <v>51780379</v>
      </c>
      <c r="V17" s="313">
        <v>52092793</v>
      </c>
      <c r="W17" s="314">
        <v>231872953</v>
      </c>
      <c r="X17" s="316">
        <v>237015477</v>
      </c>
      <c r="Y17" s="312">
        <v>0</v>
      </c>
      <c r="Z17" s="313">
        <v>0</v>
      </c>
      <c r="AA17" s="314">
        <v>0</v>
      </c>
      <c r="AB17" s="312">
        <v>0</v>
      </c>
      <c r="AC17" s="313">
        <v>20098067</v>
      </c>
      <c r="AD17" s="313">
        <v>22262474</v>
      </c>
      <c r="AE17" s="313">
        <v>27989526</v>
      </c>
      <c r="AF17" s="313">
        <v>30309113</v>
      </c>
      <c r="AG17" s="313">
        <v>30868783</v>
      </c>
      <c r="AH17" s="314">
        <v>131527963</v>
      </c>
      <c r="AI17" s="316">
        <v>131527963</v>
      </c>
      <c r="AJ17" s="312">
        <v>0</v>
      </c>
      <c r="AK17" s="313">
        <v>0</v>
      </c>
      <c r="AL17" s="314">
        <v>0</v>
      </c>
      <c r="AM17" s="312">
        <v>0</v>
      </c>
      <c r="AN17" s="313">
        <v>212788</v>
      </c>
      <c r="AO17" s="313">
        <v>571381</v>
      </c>
      <c r="AP17" s="313">
        <v>1901587</v>
      </c>
      <c r="AQ17" s="313">
        <v>4470127</v>
      </c>
      <c r="AR17" s="313">
        <v>6771728</v>
      </c>
      <c r="AS17" s="314">
        <v>13927611</v>
      </c>
      <c r="AT17" s="316">
        <v>13927611</v>
      </c>
      <c r="AU17" s="312">
        <v>876271</v>
      </c>
      <c r="AV17" s="313">
        <v>2765309</v>
      </c>
      <c r="AW17" s="314">
        <v>3641580</v>
      </c>
      <c r="AX17" s="312">
        <v>0</v>
      </c>
      <c r="AY17" s="313">
        <v>12986193</v>
      </c>
      <c r="AZ17" s="313">
        <v>10894496</v>
      </c>
      <c r="BA17" s="313">
        <v>9198076</v>
      </c>
      <c r="BB17" s="313">
        <v>9678717</v>
      </c>
      <c r="BC17" s="313">
        <v>9437870</v>
      </c>
      <c r="BD17" s="314">
        <v>52195352</v>
      </c>
      <c r="BE17" s="316">
        <v>55836932</v>
      </c>
      <c r="BF17" s="312">
        <v>87252</v>
      </c>
      <c r="BG17" s="313">
        <v>140571</v>
      </c>
      <c r="BH17" s="317">
        <v>227823</v>
      </c>
      <c r="BI17" s="318">
        <v>0</v>
      </c>
      <c r="BJ17" s="313">
        <v>922602</v>
      </c>
      <c r="BK17" s="313">
        <v>709407</v>
      </c>
      <c r="BL17" s="313">
        <v>1270850</v>
      </c>
      <c r="BM17" s="313">
        <v>593645</v>
      </c>
      <c r="BN17" s="313">
        <v>523083</v>
      </c>
      <c r="BO17" s="314">
        <v>4019587</v>
      </c>
      <c r="BP17" s="316">
        <v>4247410</v>
      </c>
      <c r="BQ17" s="312">
        <v>548162</v>
      </c>
      <c r="BR17" s="313">
        <v>724959</v>
      </c>
      <c r="BS17" s="314">
        <v>1273121</v>
      </c>
      <c r="BT17" s="312">
        <v>0</v>
      </c>
      <c r="BU17" s="313">
        <v>5631033</v>
      </c>
      <c r="BV17" s="313">
        <v>6942377</v>
      </c>
      <c r="BW17" s="313">
        <v>6408924</v>
      </c>
      <c r="BX17" s="313">
        <v>6728777</v>
      </c>
      <c r="BY17" s="313">
        <v>4491329</v>
      </c>
      <c r="BZ17" s="314">
        <v>30202440</v>
      </c>
      <c r="CA17" s="316">
        <v>31475561</v>
      </c>
      <c r="CB17" s="312">
        <v>2838513</v>
      </c>
      <c r="CC17" s="313">
        <v>4275970</v>
      </c>
      <c r="CD17" s="314">
        <v>7114483</v>
      </c>
      <c r="CE17" s="312">
        <v>0</v>
      </c>
      <c r="CF17" s="313">
        <v>47674096</v>
      </c>
      <c r="CG17" s="313">
        <v>43348069</v>
      </c>
      <c r="CH17" s="313">
        <v>36572577</v>
      </c>
      <c r="CI17" s="313">
        <v>28076508</v>
      </c>
      <c r="CJ17" s="313">
        <v>13495576</v>
      </c>
      <c r="CK17" s="314">
        <v>169166826</v>
      </c>
      <c r="CL17" s="316">
        <v>176281309</v>
      </c>
      <c r="CM17" s="312">
        <v>0</v>
      </c>
      <c r="CN17" s="313">
        <v>0</v>
      </c>
      <c r="CO17" s="314">
        <v>0</v>
      </c>
      <c r="CP17" s="318">
        <v>0</v>
      </c>
      <c r="CQ17" s="313">
        <v>37860852</v>
      </c>
      <c r="CR17" s="313">
        <v>35057896</v>
      </c>
      <c r="CS17" s="313">
        <v>30340513</v>
      </c>
      <c r="CT17" s="313">
        <v>21829399</v>
      </c>
      <c r="CU17" s="313">
        <v>10814082</v>
      </c>
      <c r="CV17" s="314">
        <v>135902742</v>
      </c>
      <c r="CW17" s="316">
        <v>135902742</v>
      </c>
      <c r="CX17" s="312">
        <v>2838513</v>
      </c>
      <c r="CY17" s="313">
        <v>4275970</v>
      </c>
      <c r="CZ17" s="314">
        <v>7114483</v>
      </c>
      <c r="DA17" s="312">
        <v>0</v>
      </c>
      <c r="DB17" s="313">
        <v>9813244</v>
      </c>
      <c r="DC17" s="313">
        <v>8290173</v>
      </c>
      <c r="DD17" s="313">
        <v>6232064</v>
      </c>
      <c r="DE17" s="313">
        <v>6247109</v>
      </c>
      <c r="DF17" s="313">
        <v>2681494</v>
      </c>
      <c r="DG17" s="314">
        <v>33264084</v>
      </c>
      <c r="DH17" s="316">
        <v>40378567</v>
      </c>
      <c r="DI17" s="312">
        <v>262839</v>
      </c>
      <c r="DJ17" s="313">
        <v>520334</v>
      </c>
      <c r="DK17" s="317">
        <v>783173</v>
      </c>
      <c r="DL17" s="318">
        <v>0</v>
      </c>
      <c r="DM17" s="313">
        <v>4125334</v>
      </c>
      <c r="DN17" s="313">
        <v>7103385</v>
      </c>
      <c r="DO17" s="313">
        <v>12347702</v>
      </c>
      <c r="DP17" s="313">
        <v>10993657</v>
      </c>
      <c r="DQ17" s="313">
        <v>6424042</v>
      </c>
      <c r="DR17" s="314">
        <v>40994120</v>
      </c>
      <c r="DS17" s="316">
        <v>41777293</v>
      </c>
      <c r="DT17" s="312">
        <v>262839</v>
      </c>
      <c r="DU17" s="313">
        <v>520334</v>
      </c>
      <c r="DV17" s="314">
        <v>783173</v>
      </c>
      <c r="DW17" s="312">
        <v>0</v>
      </c>
      <c r="DX17" s="313">
        <v>3764188</v>
      </c>
      <c r="DY17" s="313">
        <v>6668591</v>
      </c>
      <c r="DZ17" s="313">
        <v>11794310</v>
      </c>
      <c r="EA17" s="313">
        <v>10111082</v>
      </c>
      <c r="EB17" s="313">
        <v>5637967</v>
      </c>
      <c r="EC17" s="314">
        <v>37976138</v>
      </c>
      <c r="ED17" s="316">
        <v>38759311</v>
      </c>
      <c r="EE17" s="312">
        <v>0</v>
      </c>
      <c r="EF17" s="317">
        <v>0</v>
      </c>
      <c r="EG17" s="314">
        <v>0</v>
      </c>
      <c r="EH17" s="312">
        <v>0</v>
      </c>
      <c r="EI17" s="313">
        <v>361146</v>
      </c>
      <c r="EJ17" s="313">
        <v>434794</v>
      </c>
      <c r="EK17" s="313">
        <v>553392</v>
      </c>
      <c r="EL17" s="313">
        <v>882575</v>
      </c>
      <c r="EM17" s="313">
        <v>786075</v>
      </c>
      <c r="EN17" s="317">
        <v>3017982</v>
      </c>
      <c r="EO17" s="316">
        <v>3017982</v>
      </c>
      <c r="EP17" s="312">
        <v>0</v>
      </c>
      <c r="EQ17" s="313">
        <v>0</v>
      </c>
      <c r="ER17" s="317">
        <v>0</v>
      </c>
      <c r="ES17" s="318">
        <v>0</v>
      </c>
      <c r="ET17" s="313">
        <v>0</v>
      </c>
      <c r="EU17" s="313">
        <v>0</v>
      </c>
      <c r="EV17" s="313">
        <v>0</v>
      </c>
      <c r="EW17" s="313">
        <v>0</v>
      </c>
      <c r="EX17" s="313">
        <v>0</v>
      </c>
      <c r="EY17" s="314">
        <v>0</v>
      </c>
      <c r="EZ17" s="316">
        <v>0</v>
      </c>
      <c r="FA17" s="312">
        <v>0</v>
      </c>
      <c r="FB17" s="313">
        <v>0</v>
      </c>
      <c r="FC17" s="317">
        <v>0</v>
      </c>
      <c r="FD17" s="318">
        <v>0</v>
      </c>
      <c r="FE17" s="313">
        <v>0</v>
      </c>
      <c r="FF17" s="313">
        <v>0</v>
      </c>
      <c r="FG17" s="313">
        <v>0</v>
      </c>
      <c r="FH17" s="313">
        <v>0</v>
      </c>
      <c r="FI17" s="313">
        <v>0</v>
      </c>
      <c r="FJ17" s="314">
        <v>0</v>
      </c>
      <c r="FK17" s="316">
        <v>0</v>
      </c>
      <c r="FL17" s="312">
        <v>3279137</v>
      </c>
      <c r="FM17" s="313">
        <v>5061468</v>
      </c>
      <c r="FN17" s="314">
        <v>8340605</v>
      </c>
      <c r="FO17" s="312">
        <v>0</v>
      </c>
      <c r="FP17" s="313">
        <v>8357909</v>
      </c>
      <c r="FQ17" s="313">
        <v>13029580</v>
      </c>
      <c r="FR17" s="313">
        <v>11118150</v>
      </c>
      <c r="FS17" s="313">
        <v>10838190</v>
      </c>
      <c r="FT17" s="313">
        <v>7931221</v>
      </c>
      <c r="FU17" s="314">
        <v>51275050</v>
      </c>
      <c r="FV17" s="316">
        <v>59615655</v>
      </c>
      <c r="FW17" s="319">
        <v>2224890</v>
      </c>
      <c r="FX17" s="313">
        <v>3488142</v>
      </c>
      <c r="FY17" s="317">
        <v>5713032</v>
      </c>
      <c r="FZ17" s="318">
        <v>0</v>
      </c>
      <c r="GA17" s="313">
        <v>6733693</v>
      </c>
      <c r="GB17" s="313">
        <v>11731746</v>
      </c>
      <c r="GC17" s="313">
        <v>10195893</v>
      </c>
      <c r="GD17" s="313">
        <v>9819156</v>
      </c>
      <c r="GE17" s="313">
        <v>7493425</v>
      </c>
      <c r="GF17" s="314">
        <v>45973913</v>
      </c>
      <c r="GG17" s="320">
        <v>51686945</v>
      </c>
      <c r="GH17" s="319">
        <v>390771</v>
      </c>
      <c r="GI17" s="313">
        <v>538515</v>
      </c>
      <c r="GJ17" s="317">
        <v>929286</v>
      </c>
      <c r="GK17" s="318">
        <v>0</v>
      </c>
      <c r="GL17" s="313">
        <v>567872</v>
      </c>
      <c r="GM17" s="313">
        <v>646676</v>
      </c>
      <c r="GN17" s="313">
        <v>433207</v>
      </c>
      <c r="GO17" s="313">
        <v>374264</v>
      </c>
      <c r="GP17" s="313">
        <v>121176</v>
      </c>
      <c r="GQ17" s="314">
        <v>2143195</v>
      </c>
      <c r="GR17" s="316">
        <v>3072481</v>
      </c>
      <c r="GS17" s="312">
        <v>663476</v>
      </c>
      <c r="GT17" s="313">
        <v>1034811</v>
      </c>
      <c r="GU17" s="314">
        <v>1698287</v>
      </c>
      <c r="GV17" s="312">
        <v>0</v>
      </c>
      <c r="GW17" s="313">
        <v>1056344</v>
      </c>
      <c r="GX17" s="313">
        <v>651158</v>
      </c>
      <c r="GY17" s="313">
        <v>489050</v>
      </c>
      <c r="GZ17" s="313">
        <v>644770</v>
      </c>
      <c r="HA17" s="313">
        <v>316620</v>
      </c>
      <c r="HB17" s="317">
        <v>3157942</v>
      </c>
      <c r="HC17" s="316">
        <v>4856229</v>
      </c>
      <c r="HD17" s="312">
        <v>2238346</v>
      </c>
      <c r="HE17" s="313">
        <v>3259007</v>
      </c>
      <c r="HF17" s="317">
        <v>5497353</v>
      </c>
      <c r="HG17" s="318">
        <v>0</v>
      </c>
      <c r="HH17" s="313">
        <v>30597353</v>
      </c>
      <c r="HI17" s="313">
        <v>28462335</v>
      </c>
      <c r="HJ17" s="313">
        <v>25242653</v>
      </c>
      <c r="HK17" s="313">
        <v>35760153</v>
      </c>
      <c r="HL17" s="313">
        <v>19991939</v>
      </c>
      <c r="HM17" s="314">
        <v>140054433</v>
      </c>
      <c r="HN17" s="315">
        <v>145551786</v>
      </c>
      <c r="HO17" s="319">
        <v>2572327</v>
      </c>
      <c r="HP17" s="313">
        <v>3145313</v>
      </c>
      <c r="HQ17" s="314">
        <v>5717640</v>
      </c>
      <c r="HR17" s="312">
        <v>0</v>
      </c>
      <c r="HS17" s="313">
        <v>27587725</v>
      </c>
      <c r="HT17" s="313">
        <v>17815060</v>
      </c>
      <c r="HU17" s="313">
        <v>14782201</v>
      </c>
      <c r="HV17" s="313">
        <v>10332942</v>
      </c>
      <c r="HW17" s="313">
        <v>5857607</v>
      </c>
      <c r="HX17" s="317">
        <v>76375535</v>
      </c>
      <c r="HY17" s="316">
        <v>82093175</v>
      </c>
      <c r="HZ17" s="321">
        <v>196799</v>
      </c>
      <c r="IA17" s="322">
        <v>735332</v>
      </c>
      <c r="IB17" s="323">
        <v>932131</v>
      </c>
      <c r="IC17" s="324">
        <v>0</v>
      </c>
      <c r="ID17" s="322">
        <v>53989509</v>
      </c>
      <c r="IE17" s="325">
        <v>59148847</v>
      </c>
      <c r="IF17" s="323">
        <v>55650208</v>
      </c>
      <c r="IG17" s="322">
        <v>41850511</v>
      </c>
      <c r="IH17" s="323">
        <v>18031805</v>
      </c>
      <c r="II17" s="326">
        <v>228670880</v>
      </c>
      <c r="IJ17" s="327">
        <v>229603011</v>
      </c>
      <c r="IK17" s="328">
        <v>0</v>
      </c>
      <c r="IL17" s="329">
        <v>0</v>
      </c>
      <c r="IM17" s="330">
        <v>0</v>
      </c>
      <c r="IN17" s="390">
        <v>0</v>
      </c>
      <c r="IO17" s="331">
        <v>701253</v>
      </c>
      <c r="IP17" s="331">
        <v>1275514</v>
      </c>
      <c r="IQ17" s="331">
        <v>1824869</v>
      </c>
      <c r="IR17" s="331">
        <v>2065579</v>
      </c>
      <c r="IS17" s="331">
        <v>1543173</v>
      </c>
      <c r="IT17" s="332">
        <v>7410388</v>
      </c>
      <c r="IU17" s="333">
        <v>7410388</v>
      </c>
      <c r="IV17" s="334">
        <v>0</v>
      </c>
      <c r="IW17" s="331">
        <v>0</v>
      </c>
      <c r="IX17" s="335">
        <v>0</v>
      </c>
      <c r="IY17" s="399">
        <v>0</v>
      </c>
      <c r="IZ17" s="331">
        <v>195152</v>
      </c>
      <c r="JA17" s="331">
        <v>204960</v>
      </c>
      <c r="JB17" s="331">
        <v>94225</v>
      </c>
      <c r="JC17" s="331">
        <v>427900</v>
      </c>
      <c r="JD17" s="331">
        <v>128942</v>
      </c>
      <c r="JE17" s="335">
        <v>1051179</v>
      </c>
      <c r="JF17" s="336">
        <v>1051179</v>
      </c>
      <c r="JG17" s="334">
        <v>0</v>
      </c>
      <c r="JH17" s="331">
        <v>0</v>
      </c>
      <c r="JI17" s="332">
        <v>0</v>
      </c>
      <c r="JJ17" s="337">
        <v>0</v>
      </c>
      <c r="JK17" s="331">
        <v>28304262</v>
      </c>
      <c r="JL17" s="331">
        <v>23841649</v>
      </c>
      <c r="JM17" s="331">
        <v>18558361</v>
      </c>
      <c r="JN17" s="331">
        <v>10250021</v>
      </c>
      <c r="JO17" s="331">
        <v>4236974</v>
      </c>
      <c r="JP17" s="335">
        <v>85191267</v>
      </c>
      <c r="JQ17" s="333">
        <v>85191267</v>
      </c>
      <c r="JR17" s="334">
        <v>0</v>
      </c>
      <c r="JS17" s="331">
        <v>0</v>
      </c>
      <c r="JT17" s="332">
        <v>0</v>
      </c>
      <c r="JU17" s="337">
        <v>0</v>
      </c>
      <c r="JV17" s="331">
        <v>1950470</v>
      </c>
      <c r="JW17" s="331">
        <v>1787684</v>
      </c>
      <c r="JX17" s="331">
        <v>1321402</v>
      </c>
      <c r="JY17" s="331">
        <v>554259</v>
      </c>
      <c r="JZ17" s="331">
        <v>288941</v>
      </c>
      <c r="KA17" s="335">
        <v>5902756</v>
      </c>
      <c r="KB17" s="333">
        <v>5902756</v>
      </c>
      <c r="KC17" s="338">
        <v>196799</v>
      </c>
      <c r="KD17" s="339">
        <v>228413</v>
      </c>
      <c r="KE17" s="335">
        <v>425212</v>
      </c>
      <c r="KF17" s="337">
        <v>0</v>
      </c>
      <c r="KG17" s="331">
        <v>5516730</v>
      </c>
      <c r="KH17" s="331">
        <v>8052003</v>
      </c>
      <c r="KI17" s="331">
        <v>8579956</v>
      </c>
      <c r="KJ17" s="331">
        <v>6754610</v>
      </c>
      <c r="KK17" s="331">
        <v>2547645</v>
      </c>
      <c r="KL17" s="335">
        <v>31450944</v>
      </c>
      <c r="KM17" s="340">
        <v>31876156</v>
      </c>
      <c r="KN17" s="328">
        <v>0</v>
      </c>
      <c r="KO17" s="329">
        <v>506919</v>
      </c>
      <c r="KP17" s="330">
        <v>506919</v>
      </c>
      <c r="KQ17" s="399">
        <v>0</v>
      </c>
      <c r="KR17" s="331">
        <v>15405271</v>
      </c>
      <c r="KS17" s="331">
        <v>22434596</v>
      </c>
      <c r="KT17" s="331">
        <v>22817648</v>
      </c>
      <c r="KU17" s="331">
        <v>17882676</v>
      </c>
      <c r="KV17" s="331">
        <v>6419573</v>
      </c>
      <c r="KW17" s="335">
        <v>84959764</v>
      </c>
      <c r="KX17" s="333">
        <v>85466683</v>
      </c>
      <c r="KY17" s="334">
        <v>0</v>
      </c>
      <c r="KZ17" s="331">
        <v>0</v>
      </c>
      <c r="LA17" s="335">
        <v>0</v>
      </c>
      <c r="LB17" s="399">
        <v>0</v>
      </c>
      <c r="LC17" s="331">
        <v>0</v>
      </c>
      <c r="LD17" s="331">
        <v>0</v>
      </c>
      <c r="LE17" s="331">
        <v>0</v>
      </c>
      <c r="LF17" s="331">
        <v>0</v>
      </c>
      <c r="LG17" s="331">
        <v>0</v>
      </c>
      <c r="LH17" s="335">
        <v>0</v>
      </c>
      <c r="LI17" s="336">
        <v>0</v>
      </c>
      <c r="LJ17" s="334">
        <v>0</v>
      </c>
      <c r="LK17" s="331">
        <v>0</v>
      </c>
      <c r="LL17" s="335">
        <v>0</v>
      </c>
      <c r="LM17" s="399">
        <v>0</v>
      </c>
      <c r="LN17" s="331">
        <v>0</v>
      </c>
      <c r="LO17" s="331">
        <v>0</v>
      </c>
      <c r="LP17" s="331">
        <v>0</v>
      </c>
      <c r="LQ17" s="331">
        <v>487296</v>
      </c>
      <c r="LR17" s="331">
        <v>0</v>
      </c>
      <c r="LS17" s="335">
        <v>487296</v>
      </c>
      <c r="LT17" s="333">
        <v>487296</v>
      </c>
      <c r="LU17" s="334">
        <v>0</v>
      </c>
      <c r="LV17" s="331">
        <v>0</v>
      </c>
      <c r="LW17" s="335">
        <v>0</v>
      </c>
      <c r="LX17" s="399">
        <v>0</v>
      </c>
      <c r="LY17" s="331">
        <v>1916371</v>
      </c>
      <c r="LZ17" s="331">
        <v>1552441</v>
      </c>
      <c r="MA17" s="331">
        <v>2453747</v>
      </c>
      <c r="MB17" s="331">
        <v>3428170</v>
      </c>
      <c r="MC17" s="331">
        <v>2866557</v>
      </c>
      <c r="MD17" s="335">
        <v>12217286</v>
      </c>
      <c r="ME17" s="336">
        <v>12217286</v>
      </c>
      <c r="MF17" s="334">
        <v>0</v>
      </c>
      <c r="MG17" s="331">
        <v>0</v>
      </c>
      <c r="MH17" s="335">
        <v>0</v>
      </c>
      <c r="MI17" s="399">
        <v>0</v>
      </c>
      <c r="MJ17" s="331">
        <v>5610135</v>
      </c>
      <c r="MK17" s="331">
        <v>32382471</v>
      </c>
      <c r="ML17" s="331">
        <v>94117694</v>
      </c>
      <c r="MM17" s="331">
        <v>168697981</v>
      </c>
      <c r="MN17" s="331">
        <v>112913140</v>
      </c>
      <c r="MO17" s="335">
        <v>413721421</v>
      </c>
      <c r="MP17" s="340">
        <v>413721421</v>
      </c>
      <c r="MQ17" s="334">
        <v>0</v>
      </c>
      <c r="MR17" s="331">
        <v>0</v>
      </c>
      <c r="MS17" s="335">
        <v>0</v>
      </c>
      <c r="MT17" s="399">
        <v>0</v>
      </c>
      <c r="MU17" s="331">
        <v>444183</v>
      </c>
      <c r="MV17" s="331">
        <v>1957748</v>
      </c>
      <c r="MW17" s="331">
        <v>52018815</v>
      </c>
      <c r="MX17" s="331">
        <v>107712059</v>
      </c>
      <c r="MY17" s="331">
        <v>67821640</v>
      </c>
      <c r="MZ17" s="335">
        <v>229954445</v>
      </c>
      <c r="NA17" s="340">
        <v>229954445</v>
      </c>
      <c r="NB17" s="334">
        <v>0</v>
      </c>
      <c r="NC17" s="331">
        <v>0</v>
      </c>
      <c r="ND17" s="335">
        <v>0</v>
      </c>
      <c r="NE17" s="399">
        <v>0</v>
      </c>
      <c r="NF17" s="331">
        <v>4469455</v>
      </c>
      <c r="NG17" s="331">
        <v>27851727</v>
      </c>
      <c r="NH17" s="331">
        <v>39777402</v>
      </c>
      <c r="NI17" s="331">
        <v>55836493</v>
      </c>
      <c r="NJ17" s="331">
        <v>30502199</v>
      </c>
      <c r="NK17" s="335">
        <v>158437276</v>
      </c>
      <c r="NL17" s="333">
        <v>158437276</v>
      </c>
      <c r="NM17" s="334">
        <v>0</v>
      </c>
      <c r="NN17" s="331">
        <v>0</v>
      </c>
      <c r="NO17" s="335">
        <v>0</v>
      </c>
      <c r="NP17" s="399">
        <v>0</v>
      </c>
      <c r="NQ17" s="331">
        <v>0</v>
      </c>
      <c r="NR17" s="331">
        <v>0</v>
      </c>
      <c r="NS17" s="331">
        <v>0</v>
      </c>
      <c r="NT17" s="331">
        <v>0</v>
      </c>
      <c r="NU17" s="331">
        <v>0</v>
      </c>
      <c r="NV17" s="335">
        <v>0</v>
      </c>
      <c r="NW17" s="336">
        <v>0</v>
      </c>
      <c r="NX17" s="334">
        <v>0</v>
      </c>
      <c r="NY17" s="331">
        <v>0</v>
      </c>
      <c r="NZ17" s="335">
        <v>0</v>
      </c>
      <c r="OA17" s="399">
        <v>0</v>
      </c>
      <c r="OB17" s="331">
        <v>696497</v>
      </c>
      <c r="OC17" s="331">
        <v>2572996</v>
      </c>
      <c r="OD17" s="331">
        <v>2321477</v>
      </c>
      <c r="OE17" s="331">
        <v>5149429</v>
      </c>
      <c r="OF17" s="331">
        <v>14589301</v>
      </c>
      <c r="OG17" s="335">
        <v>25329700</v>
      </c>
      <c r="OH17" s="336">
        <v>25329700</v>
      </c>
      <c r="OI17" s="334">
        <v>12899646</v>
      </c>
      <c r="OJ17" s="331">
        <v>20628263</v>
      </c>
      <c r="OK17" s="332">
        <v>33527909</v>
      </c>
      <c r="OL17" s="337">
        <v>0</v>
      </c>
      <c r="OM17" s="331">
        <v>217792744</v>
      </c>
      <c r="ON17" s="331">
        <v>242669882</v>
      </c>
      <c r="OO17" s="331">
        <v>296600148</v>
      </c>
      <c r="OP17" s="331">
        <v>358330321</v>
      </c>
      <c r="OQ17" s="331">
        <v>236738123</v>
      </c>
      <c r="OR17" s="335">
        <v>1352131218</v>
      </c>
      <c r="OS17" s="340">
        <v>1385659127</v>
      </c>
    </row>
    <row r="18" spans="2:409" s="56" customFormat="1" ht="21" customHeight="1" x14ac:dyDescent="0.2">
      <c r="B18" s="396" t="s">
        <v>12</v>
      </c>
      <c r="C18" s="312">
        <v>17827235</v>
      </c>
      <c r="D18" s="313">
        <v>37546448</v>
      </c>
      <c r="E18" s="314">
        <v>55373683</v>
      </c>
      <c r="F18" s="315">
        <v>0</v>
      </c>
      <c r="G18" s="313">
        <v>144607826</v>
      </c>
      <c r="H18" s="352">
        <v>176929154</v>
      </c>
      <c r="I18" s="352">
        <v>155879139</v>
      </c>
      <c r="J18" s="352">
        <v>169946832</v>
      </c>
      <c r="K18" s="352">
        <v>102804765</v>
      </c>
      <c r="L18" s="317">
        <v>750167716</v>
      </c>
      <c r="M18" s="316">
        <v>805541399</v>
      </c>
      <c r="N18" s="312">
        <v>4102254</v>
      </c>
      <c r="O18" s="313">
        <v>12262355</v>
      </c>
      <c r="P18" s="314">
        <v>16364609</v>
      </c>
      <c r="Q18" s="312">
        <v>0</v>
      </c>
      <c r="R18" s="313">
        <v>42220259</v>
      </c>
      <c r="S18" s="313">
        <v>58319037</v>
      </c>
      <c r="T18" s="313">
        <v>52031563</v>
      </c>
      <c r="U18" s="313">
        <v>68931720</v>
      </c>
      <c r="V18" s="313">
        <v>51979999</v>
      </c>
      <c r="W18" s="314">
        <v>273482578</v>
      </c>
      <c r="X18" s="316">
        <v>289847187</v>
      </c>
      <c r="Y18" s="312">
        <v>0</v>
      </c>
      <c r="Z18" s="313">
        <v>0</v>
      </c>
      <c r="AA18" s="314">
        <v>0</v>
      </c>
      <c r="AB18" s="312">
        <v>0</v>
      </c>
      <c r="AC18" s="313">
        <v>24118621</v>
      </c>
      <c r="AD18" s="313">
        <v>31045530</v>
      </c>
      <c r="AE18" s="313">
        <v>32950199</v>
      </c>
      <c r="AF18" s="313">
        <v>45112690</v>
      </c>
      <c r="AG18" s="313">
        <v>34039632</v>
      </c>
      <c r="AH18" s="314">
        <v>167266672</v>
      </c>
      <c r="AI18" s="316">
        <v>167266672</v>
      </c>
      <c r="AJ18" s="312">
        <v>0</v>
      </c>
      <c r="AK18" s="313">
        <v>91724</v>
      </c>
      <c r="AL18" s="314">
        <v>91724</v>
      </c>
      <c r="AM18" s="312">
        <v>0</v>
      </c>
      <c r="AN18" s="313">
        <v>160050</v>
      </c>
      <c r="AO18" s="313">
        <v>1159625</v>
      </c>
      <c r="AP18" s="313">
        <v>1182441</v>
      </c>
      <c r="AQ18" s="313">
        <v>3741336</v>
      </c>
      <c r="AR18" s="313">
        <v>4372633</v>
      </c>
      <c r="AS18" s="314">
        <v>10616085</v>
      </c>
      <c r="AT18" s="316">
        <v>10707809</v>
      </c>
      <c r="AU18" s="312">
        <v>2867471</v>
      </c>
      <c r="AV18" s="313">
        <v>9957363</v>
      </c>
      <c r="AW18" s="314">
        <v>12824834</v>
      </c>
      <c r="AX18" s="312">
        <v>0</v>
      </c>
      <c r="AY18" s="313">
        <v>12118595</v>
      </c>
      <c r="AZ18" s="313">
        <v>18068658</v>
      </c>
      <c r="BA18" s="313">
        <v>11096791</v>
      </c>
      <c r="BB18" s="313">
        <v>11566547</v>
      </c>
      <c r="BC18" s="313">
        <v>8301383</v>
      </c>
      <c r="BD18" s="314">
        <v>61151974</v>
      </c>
      <c r="BE18" s="316">
        <v>73976808</v>
      </c>
      <c r="BF18" s="312">
        <v>220133</v>
      </c>
      <c r="BG18" s="313">
        <v>667372</v>
      </c>
      <c r="BH18" s="317">
        <v>887505</v>
      </c>
      <c r="BI18" s="318">
        <v>0</v>
      </c>
      <c r="BJ18" s="313">
        <v>532280</v>
      </c>
      <c r="BK18" s="313">
        <v>1870412</v>
      </c>
      <c r="BL18" s="313">
        <v>840157</v>
      </c>
      <c r="BM18" s="313">
        <v>759415</v>
      </c>
      <c r="BN18" s="313">
        <v>366251</v>
      </c>
      <c r="BO18" s="314">
        <v>4368515</v>
      </c>
      <c r="BP18" s="316">
        <v>5256020</v>
      </c>
      <c r="BQ18" s="312">
        <v>1014650</v>
      </c>
      <c r="BR18" s="313">
        <v>1545896</v>
      </c>
      <c r="BS18" s="314">
        <v>2560546</v>
      </c>
      <c r="BT18" s="312">
        <v>0</v>
      </c>
      <c r="BU18" s="313">
        <v>5290713</v>
      </c>
      <c r="BV18" s="313">
        <v>6174812</v>
      </c>
      <c r="BW18" s="313">
        <v>5961975</v>
      </c>
      <c r="BX18" s="313">
        <v>7751732</v>
      </c>
      <c r="BY18" s="313">
        <v>4900100</v>
      </c>
      <c r="BZ18" s="314">
        <v>30079332</v>
      </c>
      <c r="CA18" s="316">
        <v>32639878</v>
      </c>
      <c r="CB18" s="312">
        <v>2603714</v>
      </c>
      <c r="CC18" s="313">
        <v>6174991</v>
      </c>
      <c r="CD18" s="314">
        <v>8778705</v>
      </c>
      <c r="CE18" s="312">
        <v>0</v>
      </c>
      <c r="CF18" s="313">
        <v>46482558</v>
      </c>
      <c r="CG18" s="313">
        <v>50401172</v>
      </c>
      <c r="CH18" s="313">
        <v>36346011</v>
      </c>
      <c r="CI18" s="313">
        <v>28021938</v>
      </c>
      <c r="CJ18" s="313">
        <v>12026054</v>
      </c>
      <c r="CK18" s="314">
        <v>173277733</v>
      </c>
      <c r="CL18" s="316">
        <v>182056438</v>
      </c>
      <c r="CM18" s="312">
        <v>0</v>
      </c>
      <c r="CN18" s="313">
        <v>0</v>
      </c>
      <c r="CO18" s="314">
        <v>0</v>
      </c>
      <c r="CP18" s="318">
        <v>0</v>
      </c>
      <c r="CQ18" s="313">
        <v>40140363</v>
      </c>
      <c r="CR18" s="313">
        <v>36909845</v>
      </c>
      <c r="CS18" s="313">
        <v>27853593</v>
      </c>
      <c r="CT18" s="313">
        <v>22218863</v>
      </c>
      <c r="CU18" s="313">
        <v>9581167</v>
      </c>
      <c r="CV18" s="314">
        <v>136703831</v>
      </c>
      <c r="CW18" s="316">
        <v>136703831</v>
      </c>
      <c r="CX18" s="312">
        <v>2603714</v>
      </c>
      <c r="CY18" s="313">
        <v>6174991</v>
      </c>
      <c r="CZ18" s="314">
        <v>8778705</v>
      </c>
      <c r="DA18" s="312">
        <v>0</v>
      </c>
      <c r="DB18" s="313">
        <v>6342195</v>
      </c>
      <c r="DC18" s="313">
        <v>13491327</v>
      </c>
      <c r="DD18" s="313">
        <v>8492418</v>
      </c>
      <c r="DE18" s="313">
        <v>5803075</v>
      </c>
      <c r="DF18" s="313">
        <v>2444887</v>
      </c>
      <c r="DG18" s="314">
        <v>36573902</v>
      </c>
      <c r="DH18" s="316">
        <v>45352607</v>
      </c>
      <c r="DI18" s="312">
        <v>179349</v>
      </c>
      <c r="DJ18" s="313">
        <v>331809</v>
      </c>
      <c r="DK18" s="317">
        <v>511158</v>
      </c>
      <c r="DL18" s="318">
        <v>0</v>
      </c>
      <c r="DM18" s="313">
        <v>5713505</v>
      </c>
      <c r="DN18" s="313">
        <v>8000090</v>
      </c>
      <c r="DO18" s="313">
        <v>12472275</v>
      </c>
      <c r="DP18" s="313">
        <v>10967300</v>
      </c>
      <c r="DQ18" s="313">
        <v>5059030</v>
      </c>
      <c r="DR18" s="314">
        <v>42212200</v>
      </c>
      <c r="DS18" s="316">
        <v>42723358</v>
      </c>
      <c r="DT18" s="312">
        <v>179349</v>
      </c>
      <c r="DU18" s="313">
        <v>331809</v>
      </c>
      <c r="DV18" s="314">
        <v>511158</v>
      </c>
      <c r="DW18" s="312">
        <v>0</v>
      </c>
      <c r="DX18" s="313">
        <v>5396131</v>
      </c>
      <c r="DY18" s="313">
        <v>7804576</v>
      </c>
      <c r="DZ18" s="313">
        <v>12159454</v>
      </c>
      <c r="EA18" s="313">
        <v>10612304</v>
      </c>
      <c r="EB18" s="313">
        <v>4674091</v>
      </c>
      <c r="EC18" s="314">
        <v>40646556</v>
      </c>
      <c r="ED18" s="316">
        <v>41157714</v>
      </c>
      <c r="EE18" s="312">
        <v>0</v>
      </c>
      <c r="EF18" s="317">
        <v>0</v>
      </c>
      <c r="EG18" s="314">
        <v>0</v>
      </c>
      <c r="EH18" s="312">
        <v>0</v>
      </c>
      <c r="EI18" s="313">
        <v>317374</v>
      </c>
      <c r="EJ18" s="313">
        <v>195514</v>
      </c>
      <c r="EK18" s="313">
        <v>312821</v>
      </c>
      <c r="EL18" s="313">
        <v>354996</v>
      </c>
      <c r="EM18" s="313">
        <v>384939</v>
      </c>
      <c r="EN18" s="317">
        <v>1565644</v>
      </c>
      <c r="EO18" s="316">
        <v>1565644</v>
      </c>
      <c r="EP18" s="312">
        <v>0</v>
      </c>
      <c r="EQ18" s="313">
        <v>0</v>
      </c>
      <c r="ER18" s="317">
        <v>0</v>
      </c>
      <c r="ES18" s="318">
        <v>0</v>
      </c>
      <c r="ET18" s="313">
        <v>0</v>
      </c>
      <c r="EU18" s="313">
        <v>0</v>
      </c>
      <c r="EV18" s="313">
        <v>0</v>
      </c>
      <c r="EW18" s="313">
        <v>0</v>
      </c>
      <c r="EX18" s="313">
        <v>0</v>
      </c>
      <c r="EY18" s="314">
        <v>0</v>
      </c>
      <c r="EZ18" s="316">
        <v>0</v>
      </c>
      <c r="FA18" s="312">
        <v>0</v>
      </c>
      <c r="FB18" s="313">
        <v>0</v>
      </c>
      <c r="FC18" s="317">
        <v>0</v>
      </c>
      <c r="FD18" s="318">
        <v>0</v>
      </c>
      <c r="FE18" s="313">
        <v>0</v>
      </c>
      <c r="FF18" s="313">
        <v>0</v>
      </c>
      <c r="FG18" s="313">
        <v>0</v>
      </c>
      <c r="FH18" s="313">
        <v>0</v>
      </c>
      <c r="FI18" s="313">
        <v>0</v>
      </c>
      <c r="FJ18" s="314">
        <v>0</v>
      </c>
      <c r="FK18" s="316">
        <v>0</v>
      </c>
      <c r="FL18" s="312">
        <v>4764641</v>
      </c>
      <c r="FM18" s="313">
        <v>8487419</v>
      </c>
      <c r="FN18" s="314">
        <v>13252060</v>
      </c>
      <c r="FO18" s="312">
        <v>0</v>
      </c>
      <c r="FP18" s="313">
        <v>5337562</v>
      </c>
      <c r="FQ18" s="313">
        <v>17471716</v>
      </c>
      <c r="FR18" s="313">
        <v>13209188</v>
      </c>
      <c r="FS18" s="313">
        <v>14457383</v>
      </c>
      <c r="FT18" s="313">
        <v>8359527</v>
      </c>
      <c r="FU18" s="314">
        <v>58835376</v>
      </c>
      <c r="FV18" s="316">
        <v>72087436</v>
      </c>
      <c r="FW18" s="319">
        <v>2499332</v>
      </c>
      <c r="FX18" s="313">
        <v>6674711</v>
      </c>
      <c r="FY18" s="317">
        <v>9174043</v>
      </c>
      <c r="FZ18" s="318">
        <v>0</v>
      </c>
      <c r="GA18" s="313">
        <v>4320135</v>
      </c>
      <c r="GB18" s="313">
        <v>15656329</v>
      </c>
      <c r="GC18" s="313">
        <v>11782106</v>
      </c>
      <c r="GD18" s="313">
        <v>13431591</v>
      </c>
      <c r="GE18" s="313">
        <v>7858895</v>
      </c>
      <c r="GF18" s="314">
        <v>53049056</v>
      </c>
      <c r="GG18" s="320">
        <v>62223099</v>
      </c>
      <c r="GH18" s="319">
        <v>346933</v>
      </c>
      <c r="GI18" s="313">
        <v>606708</v>
      </c>
      <c r="GJ18" s="317">
        <v>953641</v>
      </c>
      <c r="GK18" s="318">
        <v>0</v>
      </c>
      <c r="GL18" s="313">
        <v>310603</v>
      </c>
      <c r="GM18" s="313">
        <v>546776</v>
      </c>
      <c r="GN18" s="313">
        <v>503618</v>
      </c>
      <c r="GO18" s="313">
        <v>689103</v>
      </c>
      <c r="GP18" s="313">
        <v>434302</v>
      </c>
      <c r="GQ18" s="314">
        <v>2484402</v>
      </c>
      <c r="GR18" s="316">
        <v>3438043</v>
      </c>
      <c r="GS18" s="312">
        <v>1918376</v>
      </c>
      <c r="GT18" s="313">
        <v>1206000</v>
      </c>
      <c r="GU18" s="314">
        <v>3124376</v>
      </c>
      <c r="GV18" s="312">
        <v>0</v>
      </c>
      <c r="GW18" s="313">
        <v>706824</v>
      </c>
      <c r="GX18" s="313">
        <v>1268611</v>
      </c>
      <c r="GY18" s="313">
        <v>923464</v>
      </c>
      <c r="GZ18" s="313">
        <v>336689</v>
      </c>
      <c r="HA18" s="313">
        <v>66330</v>
      </c>
      <c r="HB18" s="317">
        <v>3301918</v>
      </c>
      <c r="HC18" s="316">
        <v>6426294</v>
      </c>
      <c r="HD18" s="312">
        <v>2800080</v>
      </c>
      <c r="HE18" s="313">
        <v>4407755</v>
      </c>
      <c r="HF18" s="317">
        <v>7207835</v>
      </c>
      <c r="HG18" s="318">
        <v>0</v>
      </c>
      <c r="HH18" s="313">
        <v>21226725</v>
      </c>
      <c r="HI18" s="313">
        <v>21286627</v>
      </c>
      <c r="HJ18" s="313">
        <v>27175813</v>
      </c>
      <c r="HK18" s="313">
        <v>35499839</v>
      </c>
      <c r="HL18" s="313">
        <v>19244468</v>
      </c>
      <c r="HM18" s="314">
        <v>124433472</v>
      </c>
      <c r="HN18" s="315">
        <v>131641307</v>
      </c>
      <c r="HO18" s="319">
        <v>3377197</v>
      </c>
      <c r="HP18" s="313">
        <v>5882119</v>
      </c>
      <c r="HQ18" s="314">
        <v>9259316</v>
      </c>
      <c r="HR18" s="312">
        <v>0</v>
      </c>
      <c r="HS18" s="313">
        <v>23627217</v>
      </c>
      <c r="HT18" s="313">
        <v>21450512</v>
      </c>
      <c r="HU18" s="313">
        <v>14644289</v>
      </c>
      <c r="HV18" s="313">
        <v>12068652</v>
      </c>
      <c r="HW18" s="313">
        <v>6135687</v>
      </c>
      <c r="HX18" s="317">
        <v>77926357</v>
      </c>
      <c r="HY18" s="316">
        <v>87185673</v>
      </c>
      <c r="HZ18" s="344">
        <v>0</v>
      </c>
      <c r="IA18" s="342">
        <v>168591</v>
      </c>
      <c r="IB18" s="344">
        <v>168591</v>
      </c>
      <c r="IC18" s="341">
        <v>0</v>
      </c>
      <c r="ID18" s="342">
        <v>36638151</v>
      </c>
      <c r="IE18" s="343">
        <v>41496990</v>
      </c>
      <c r="IF18" s="344">
        <v>52512522</v>
      </c>
      <c r="IG18" s="342">
        <v>43531075</v>
      </c>
      <c r="IH18" s="344">
        <v>34159067</v>
      </c>
      <c r="II18" s="345">
        <v>208337805</v>
      </c>
      <c r="IJ18" s="344">
        <v>208506396</v>
      </c>
      <c r="IK18" s="328">
        <v>0</v>
      </c>
      <c r="IL18" s="329">
        <v>0</v>
      </c>
      <c r="IM18" s="330">
        <v>0</v>
      </c>
      <c r="IN18" s="390">
        <v>0</v>
      </c>
      <c r="IO18" s="331">
        <v>700465</v>
      </c>
      <c r="IP18" s="331">
        <v>512785</v>
      </c>
      <c r="IQ18" s="331">
        <v>778091</v>
      </c>
      <c r="IR18" s="331">
        <v>1188833</v>
      </c>
      <c r="IS18" s="331">
        <v>1467118</v>
      </c>
      <c r="IT18" s="332">
        <v>4647292</v>
      </c>
      <c r="IU18" s="333">
        <v>4647292</v>
      </c>
      <c r="IV18" s="334">
        <v>0</v>
      </c>
      <c r="IW18" s="331">
        <v>0</v>
      </c>
      <c r="IX18" s="335">
        <v>0</v>
      </c>
      <c r="IY18" s="399">
        <v>0</v>
      </c>
      <c r="IZ18" s="331">
        <v>0</v>
      </c>
      <c r="JA18" s="331">
        <v>0</v>
      </c>
      <c r="JB18" s="331">
        <v>0</v>
      </c>
      <c r="JC18" s="331">
        <v>0</v>
      </c>
      <c r="JD18" s="331">
        <v>0</v>
      </c>
      <c r="JE18" s="335">
        <v>0</v>
      </c>
      <c r="JF18" s="336">
        <v>0</v>
      </c>
      <c r="JG18" s="334">
        <v>0</v>
      </c>
      <c r="JH18" s="331">
        <v>0</v>
      </c>
      <c r="JI18" s="332">
        <v>0</v>
      </c>
      <c r="JJ18" s="337">
        <v>0</v>
      </c>
      <c r="JK18" s="331">
        <v>20330567</v>
      </c>
      <c r="JL18" s="331">
        <v>16459687</v>
      </c>
      <c r="JM18" s="331">
        <v>14439008</v>
      </c>
      <c r="JN18" s="331">
        <v>7416610</v>
      </c>
      <c r="JO18" s="331">
        <v>3861465</v>
      </c>
      <c r="JP18" s="335">
        <v>62507337</v>
      </c>
      <c r="JQ18" s="333">
        <v>62507337</v>
      </c>
      <c r="JR18" s="334">
        <v>0</v>
      </c>
      <c r="JS18" s="331">
        <v>0</v>
      </c>
      <c r="JT18" s="332">
        <v>0</v>
      </c>
      <c r="JU18" s="337">
        <v>0</v>
      </c>
      <c r="JV18" s="331">
        <v>377120</v>
      </c>
      <c r="JW18" s="331">
        <v>112230</v>
      </c>
      <c r="JX18" s="331">
        <v>255849</v>
      </c>
      <c r="JY18" s="331">
        <v>0</v>
      </c>
      <c r="JZ18" s="331">
        <v>222706</v>
      </c>
      <c r="KA18" s="335">
        <v>967905</v>
      </c>
      <c r="KB18" s="333">
        <v>967905</v>
      </c>
      <c r="KC18" s="338">
        <v>0</v>
      </c>
      <c r="KD18" s="339">
        <v>168591</v>
      </c>
      <c r="KE18" s="335">
        <v>168591</v>
      </c>
      <c r="KF18" s="337">
        <v>0</v>
      </c>
      <c r="KG18" s="331">
        <v>3001682</v>
      </c>
      <c r="KH18" s="331">
        <v>6358980</v>
      </c>
      <c r="KI18" s="331">
        <v>13085072</v>
      </c>
      <c r="KJ18" s="331">
        <v>12482123</v>
      </c>
      <c r="KK18" s="331">
        <v>8357250</v>
      </c>
      <c r="KL18" s="335">
        <v>43285107</v>
      </c>
      <c r="KM18" s="340">
        <v>43453698</v>
      </c>
      <c r="KN18" s="328">
        <v>0</v>
      </c>
      <c r="KO18" s="329">
        <v>0</v>
      </c>
      <c r="KP18" s="330">
        <v>0</v>
      </c>
      <c r="KQ18" s="399">
        <v>0</v>
      </c>
      <c r="KR18" s="331">
        <v>11113353</v>
      </c>
      <c r="KS18" s="331">
        <v>13359878</v>
      </c>
      <c r="KT18" s="331">
        <v>12386964</v>
      </c>
      <c r="KU18" s="331">
        <v>8815165</v>
      </c>
      <c r="KV18" s="331">
        <v>11209132</v>
      </c>
      <c r="KW18" s="335">
        <v>56884492</v>
      </c>
      <c r="KX18" s="333">
        <v>56884492</v>
      </c>
      <c r="KY18" s="334">
        <v>0</v>
      </c>
      <c r="KZ18" s="331">
        <v>0</v>
      </c>
      <c r="LA18" s="335">
        <v>0</v>
      </c>
      <c r="LB18" s="399">
        <v>0</v>
      </c>
      <c r="LC18" s="331">
        <v>0</v>
      </c>
      <c r="LD18" s="331">
        <v>975319</v>
      </c>
      <c r="LE18" s="331">
        <v>1747481</v>
      </c>
      <c r="LF18" s="331">
        <v>2267246</v>
      </c>
      <c r="LG18" s="331">
        <v>1391929</v>
      </c>
      <c r="LH18" s="335">
        <v>6381975</v>
      </c>
      <c r="LI18" s="336">
        <v>6381975</v>
      </c>
      <c r="LJ18" s="334">
        <v>0</v>
      </c>
      <c r="LK18" s="331">
        <v>0</v>
      </c>
      <c r="LL18" s="335">
        <v>0</v>
      </c>
      <c r="LM18" s="399">
        <v>0</v>
      </c>
      <c r="LN18" s="331">
        <v>0</v>
      </c>
      <c r="LO18" s="331">
        <v>0</v>
      </c>
      <c r="LP18" s="331">
        <v>3526910</v>
      </c>
      <c r="LQ18" s="331">
        <v>3821996</v>
      </c>
      <c r="LR18" s="331">
        <v>1086948</v>
      </c>
      <c r="LS18" s="335">
        <v>8435854</v>
      </c>
      <c r="LT18" s="333">
        <v>8435854</v>
      </c>
      <c r="LU18" s="334">
        <v>0</v>
      </c>
      <c r="LV18" s="331">
        <v>0</v>
      </c>
      <c r="LW18" s="335">
        <v>0</v>
      </c>
      <c r="LX18" s="399">
        <v>0</v>
      </c>
      <c r="LY18" s="331">
        <v>1114964</v>
      </c>
      <c r="LZ18" s="331">
        <v>3718111</v>
      </c>
      <c r="MA18" s="331">
        <v>6293147</v>
      </c>
      <c r="MB18" s="331">
        <v>7539102</v>
      </c>
      <c r="MC18" s="331">
        <v>6562519</v>
      </c>
      <c r="MD18" s="335">
        <v>25227843</v>
      </c>
      <c r="ME18" s="336">
        <v>25227843</v>
      </c>
      <c r="MF18" s="334">
        <v>0</v>
      </c>
      <c r="MG18" s="331">
        <v>0</v>
      </c>
      <c r="MH18" s="335">
        <v>0</v>
      </c>
      <c r="MI18" s="399">
        <v>0</v>
      </c>
      <c r="MJ18" s="331">
        <v>9460697</v>
      </c>
      <c r="MK18" s="331">
        <v>29233388</v>
      </c>
      <c r="ML18" s="331">
        <v>98426498</v>
      </c>
      <c r="MM18" s="331">
        <v>161194991</v>
      </c>
      <c r="MN18" s="331">
        <v>94308886</v>
      </c>
      <c r="MO18" s="335">
        <v>392624460</v>
      </c>
      <c r="MP18" s="340">
        <v>392624460</v>
      </c>
      <c r="MQ18" s="334">
        <v>0</v>
      </c>
      <c r="MR18" s="331">
        <v>0</v>
      </c>
      <c r="MS18" s="335">
        <v>0</v>
      </c>
      <c r="MT18" s="399">
        <v>0</v>
      </c>
      <c r="MU18" s="331">
        <v>490883</v>
      </c>
      <c r="MV18" s="331">
        <v>3813730</v>
      </c>
      <c r="MW18" s="331">
        <v>52252264</v>
      </c>
      <c r="MX18" s="331">
        <v>102184926</v>
      </c>
      <c r="MY18" s="331">
        <v>67422263</v>
      </c>
      <c r="MZ18" s="335">
        <v>226164066</v>
      </c>
      <c r="NA18" s="340">
        <v>226164066</v>
      </c>
      <c r="NB18" s="334">
        <v>0</v>
      </c>
      <c r="NC18" s="331">
        <v>0</v>
      </c>
      <c r="ND18" s="335">
        <v>0</v>
      </c>
      <c r="NE18" s="399">
        <v>0</v>
      </c>
      <c r="NF18" s="331">
        <v>8969814</v>
      </c>
      <c r="NG18" s="331">
        <v>25419658</v>
      </c>
      <c r="NH18" s="331">
        <v>45117917</v>
      </c>
      <c r="NI18" s="331">
        <v>53182404</v>
      </c>
      <c r="NJ18" s="331">
        <v>21771835</v>
      </c>
      <c r="NK18" s="335">
        <v>154461628</v>
      </c>
      <c r="NL18" s="333">
        <v>154461628</v>
      </c>
      <c r="NM18" s="334">
        <v>0</v>
      </c>
      <c r="NN18" s="331">
        <v>0</v>
      </c>
      <c r="NO18" s="335">
        <v>0</v>
      </c>
      <c r="NP18" s="399">
        <v>0</v>
      </c>
      <c r="NQ18" s="331">
        <v>0</v>
      </c>
      <c r="NR18" s="331">
        <v>0</v>
      </c>
      <c r="NS18" s="331">
        <v>0</v>
      </c>
      <c r="NT18" s="331">
        <v>0</v>
      </c>
      <c r="NU18" s="331">
        <v>0</v>
      </c>
      <c r="NV18" s="335">
        <v>0</v>
      </c>
      <c r="NW18" s="336">
        <v>0</v>
      </c>
      <c r="NX18" s="334">
        <v>0</v>
      </c>
      <c r="NY18" s="331">
        <v>0</v>
      </c>
      <c r="NZ18" s="335">
        <v>0</v>
      </c>
      <c r="OA18" s="399">
        <v>0</v>
      </c>
      <c r="OB18" s="331">
        <v>0</v>
      </c>
      <c r="OC18" s="331">
        <v>0</v>
      </c>
      <c r="OD18" s="331">
        <v>1056317</v>
      </c>
      <c r="OE18" s="331">
        <v>5827661</v>
      </c>
      <c r="OF18" s="331">
        <v>5114788</v>
      </c>
      <c r="OG18" s="335">
        <v>11998766</v>
      </c>
      <c r="OH18" s="336">
        <v>11998766</v>
      </c>
      <c r="OI18" s="334">
        <v>17827235</v>
      </c>
      <c r="OJ18" s="331">
        <v>37715039</v>
      </c>
      <c r="OK18" s="332">
        <v>55542274</v>
      </c>
      <c r="OL18" s="337">
        <v>0</v>
      </c>
      <c r="OM18" s="331">
        <v>190706674</v>
      </c>
      <c r="ON18" s="331">
        <v>247659532</v>
      </c>
      <c r="OO18" s="331">
        <v>306818159</v>
      </c>
      <c r="OP18" s="331">
        <v>374672898</v>
      </c>
      <c r="OQ18" s="331">
        <v>231272718</v>
      </c>
      <c r="OR18" s="335">
        <v>1351129981</v>
      </c>
      <c r="OS18" s="340">
        <v>1406672255</v>
      </c>
    </row>
    <row r="19" spans="2:409" s="56" customFormat="1" ht="21" customHeight="1" x14ac:dyDescent="0.2">
      <c r="B19" s="396" t="s">
        <v>13</v>
      </c>
      <c r="C19" s="312">
        <v>3552763</v>
      </c>
      <c r="D19" s="313">
        <v>5294469</v>
      </c>
      <c r="E19" s="314">
        <v>8847232</v>
      </c>
      <c r="F19" s="312">
        <v>0</v>
      </c>
      <c r="G19" s="352">
        <v>55026514</v>
      </c>
      <c r="H19" s="313">
        <v>76431980</v>
      </c>
      <c r="I19" s="313">
        <v>64210905</v>
      </c>
      <c r="J19" s="313">
        <v>67558091</v>
      </c>
      <c r="K19" s="313">
        <v>60803817</v>
      </c>
      <c r="L19" s="317">
        <v>324031307</v>
      </c>
      <c r="M19" s="316">
        <v>332878539</v>
      </c>
      <c r="N19" s="312">
        <v>934593</v>
      </c>
      <c r="O19" s="313">
        <v>1215855</v>
      </c>
      <c r="P19" s="314">
        <v>2150448</v>
      </c>
      <c r="Q19" s="312">
        <v>0</v>
      </c>
      <c r="R19" s="313">
        <v>14725106</v>
      </c>
      <c r="S19" s="313">
        <v>24808365</v>
      </c>
      <c r="T19" s="313">
        <v>20253184</v>
      </c>
      <c r="U19" s="313">
        <v>24027094</v>
      </c>
      <c r="V19" s="313">
        <v>32376597</v>
      </c>
      <c r="W19" s="314">
        <v>116190346</v>
      </c>
      <c r="X19" s="316">
        <v>118340794</v>
      </c>
      <c r="Y19" s="312">
        <v>0</v>
      </c>
      <c r="Z19" s="313">
        <v>0</v>
      </c>
      <c r="AA19" s="314">
        <v>0</v>
      </c>
      <c r="AB19" s="312">
        <v>0</v>
      </c>
      <c r="AC19" s="313">
        <v>7133204</v>
      </c>
      <c r="AD19" s="313">
        <v>11784824</v>
      </c>
      <c r="AE19" s="313">
        <v>12092282</v>
      </c>
      <c r="AF19" s="313">
        <v>15930041</v>
      </c>
      <c r="AG19" s="313">
        <v>20431551</v>
      </c>
      <c r="AH19" s="314">
        <v>67371902</v>
      </c>
      <c r="AI19" s="316">
        <v>67371902</v>
      </c>
      <c r="AJ19" s="312">
        <v>0</v>
      </c>
      <c r="AK19" s="313">
        <v>0</v>
      </c>
      <c r="AL19" s="314">
        <v>0</v>
      </c>
      <c r="AM19" s="312">
        <v>0</v>
      </c>
      <c r="AN19" s="313">
        <v>41320</v>
      </c>
      <c r="AO19" s="313">
        <v>139059</v>
      </c>
      <c r="AP19" s="313">
        <v>295599</v>
      </c>
      <c r="AQ19" s="313">
        <v>806865</v>
      </c>
      <c r="AR19" s="313">
        <v>3277583</v>
      </c>
      <c r="AS19" s="314">
        <v>4560426</v>
      </c>
      <c r="AT19" s="316">
        <v>4560426</v>
      </c>
      <c r="AU19" s="312">
        <v>450946</v>
      </c>
      <c r="AV19" s="313">
        <v>777908</v>
      </c>
      <c r="AW19" s="314">
        <v>1228854</v>
      </c>
      <c r="AX19" s="312">
        <v>0</v>
      </c>
      <c r="AY19" s="313">
        <v>4090174</v>
      </c>
      <c r="AZ19" s="313">
        <v>8678247</v>
      </c>
      <c r="BA19" s="313">
        <v>4476510</v>
      </c>
      <c r="BB19" s="313">
        <v>3784688</v>
      </c>
      <c r="BC19" s="313">
        <v>5319992</v>
      </c>
      <c r="BD19" s="314">
        <v>26349611</v>
      </c>
      <c r="BE19" s="316">
        <v>27578465</v>
      </c>
      <c r="BF19" s="312">
        <v>30915</v>
      </c>
      <c r="BG19" s="313">
        <v>77517</v>
      </c>
      <c r="BH19" s="317">
        <v>108432</v>
      </c>
      <c r="BI19" s="318">
        <v>0</v>
      </c>
      <c r="BJ19" s="313">
        <v>400538</v>
      </c>
      <c r="BK19" s="313">
        <v>469266</v>
      </c>
      <c r="BL19" s="313">
        <v>444822</v>
      </c>
      <c r="BM19" s="313">
        <v>196672</v>
      </c>
      <c r="BN19" s="313">
        <v>311750</v>
      </c>
      <c r="BO19" s="314">
        <v>1823048</v>
      </c>
      <c r="BP19" s="316">
        <v>1931480</v>
      </c>
      <c r="BQ19" s="312">
        <v>452732</v>
      </c>
      <c r="BR19" s="313">
        <v>360430</v>
      </c>
      <c r="BS19" s="314">
        <v>813162</v>
      </c>
      <c r="BT19" s="312">
        <v>0</v>
      </c>
      <c r="BU19" s="313">
        <v>3059870</v>
      </c>
      <c r="BV19" s="313">
        <v>3736969</v>
      </c>
      <c r="BW19" s="313">
        <v>2943971</v>
      </c>
      <c r="BX19" s="313">
        <v>3308828</v>
      </c>
      <c r="BY19" s="313">
        <v>3035721</v>
      </c>
      <c r="BZ19" s="314">
        <v>16085359</v>
      </c>
      <c r="CA19" s="316">
        <v>16898521</v>
      </c>
      <c r="CB19" s="312">
        <v>282798</v>
      </c>
      <c r="CC19" s="313">
        <v>781816</v>
      </c>
      <c r="CD19" s="314">
        <v>1064614</v>
      </c>
      <c r="CE19" s="312">
        <v>0</v>
      </c>
      <c r="CF19" s="313">
        <v>12182178</v>
      </c>
      <c r="CG19" s="313">
        <v>18139500</v>
      </c>
      <c r="CH19" s="313">
        <v>11504803</v>
      </c>
      <c r="CI19" s="313">
        <v>12538317</v>
      </c>
      <c r="CJ19" s="313">
        <v>6159936</v>
      </c>
      <c r="CK19" s="314">
        <v>60524734</v>
      </c>
      <c r="CL19" s="316">
        <v>61589348</v>
      </c>
      <c r="CM19" s="312">
        <v>0</v>
      </c>
      <c r="CN19" s="313">
        <v>0</v>
      </c>
      <c r="CO19" s="314">
        <v>0</v>
      </c>
      <c r="CP19" s="318">
        <v>0</v>
      </c>
      <c r="CQ19" s="313">
        <v>10686505</v>
      </c>
      <c r="CR19" s="313">
        <v>15377121</v>
      </c>
      <c r="CS19" s="313">
        <v>9749411</v>
      </c>
      <c r="CT19" s="313">
        <v>10139910</v>
      </c>
      <c r="CU19" s="313">
        <v>4971228</v>
      </c>
      <c r="CV19" s="314">
        <v>50924175</v>
      </c>
      <c r="CW19" s="316">
        <v>50924175</v>
      </c>
      <c r="CX19" s="312">
        <v>282798</v>
      </c>
      <c r="CY19" s="313">
        <v>781816</v>
      </c>
      <c r="CZ19" s="314">
        <v>1064614</v>
      </c>
      <c r="DA19" s="312">
        <v>0</v>
      </c>
      <c r="DB19" s="313">
        <v>1495673</v>
      </c>
      <c r="DC19" s="313">
        <v>2762379</v>
      </c>
      <c r="DD19" s="313">
        <v>1755392</v>
      </c>
      <c r="DE19" s="313">
        <v>2398407</v>
      </c>
      <c r="DF19" s="313">
        <v>1188708</v>
      </c>
      <c r="DG19" s="314">
        <v>9600559</v>
      </c>
      <c r="DH19" s="316">
        <v>10665173</v>
      </c>
      <c r="DI19" s="312">
        <v>11062</v>
      </c>
      <c r="DJ19" s="313">
        <v>0</v>
      </c>
      <c r="DK19" s="317">
        <v>11062</v>
      </c>
      <c r="DL19" s="318">
        <v>0</v>
      </c>
      <c r="DM19" s="313">
        <v>686229</v>
      </c>
      <c r="DN19" s="313">
        <v>2664713</v>
      </c>
      <c r="DO19" s="313">
        <v>6015724</v>
      </c>
      <c r="DP19" s="313">
        <v>4917986</v>
      </c>
      <c r="DQ19" s="313">
        <v>4386431</v>
      </c>
      <c r="DR19" s="314">
        <v>18671083</v>
      </c>
      <c r="DS19" s="316">
        <v>18682145</v>
      </c>
      <c r="DT19" s="312">
        <v>11062</v>
      </c>
      <c r="DU19" s="313">
        <v>0</v>
      </c>
      <c r="DV19" s="314">
        <v>11062</v>
      </c>
      <c r="DW19" s="312">
        <v>0</v>
      </c>
      <c r="DX19" s="313">
        <v>656265</v>
      </c>
      <c r="DY19" s="313">
        <v>2457552</v>
      </c>
      <c r="DZ19" s="313">
        <v>5229958</v>
      </c>
      <c r="EA19" s="313">
        <v>4402633</v>
      </c>
      <c r="EB19" s="313">
        <v>4268176</v>
      </c>
      <c r="EC19" s="314">
        <v>17014584</v>
      </c>
      <c r="ED19" s="316">
        <v>17025646</v>
      </c>
      <c r="EE19" s="312">
        <v>0</v>
      </c>
      <c r="EF19" s="317">
        <v>0</v>
      </c>
      <c r="EG19" s="314">
        <v>0</v>
      </c>
      <c r="EH19" s="312">
        <v>0</v>
      </c>
      <c r="EI19" s="313">
        <v>29964</v>
      </c>
      <c r="EJ19" s="313">
        <v>207161</v>
      </c>
      <c r="EK19" s="313">
        <v>785766</v>
      </c>
      <c r="EL19" s="313">
        <v>515353</v>
      </c>
      <c r="EM19" s="313">
        <v>118255</v>
      </c>
      <c r="EN19" s="317">
        <v>1656499</v>
      </c>
      <c r="EO19" s="316">
        <v>1656499</v>
      </c>
      <c r="EP19" s="312">
        <v>0</v>
      </c>
      <c r="EQ19" s="313">
        <v>0</v>
      </c>
      <c r="ER19" s="317">
        <v>0</v>
      </c>
      <c r="ES19" s="318">
        <v>0</v>
      </c>
      <c r="ET19" s="313">
        <v>0</v>
      </c>
      <c r="EU19" s="313">
        <v>0</v>
      </c>
      <c r="EV19" s="313">
        <v>0</v>
      </c>
      <c r="EW19" s="313">
        <v>0</v>
      </c>
      <c r="EX19" s="313">
        <v>0</v>
      </c>
      <c r="EY19" s="314">
        <v>0</v>
      </c>
      <c r="EZ19" s="316">
        <v>0</v>
      </c>
      <c r="FA19" s="312">
        <v>0</v>
      </c>
      <c r="FB19" s="313">
        <v>0</v>
      </c>
      <c r="FC19" s="317">
        <v>0</v>
      </c>
      <c r="FD19" s="318">
        <v>0</v>
      </c>
      <c r="FE19" s="313">
        <v>0</v>
      </c>
      <c r="FF19" s="313">
        <v>0</v>
      </c>
      <c r="FG19" s="313">
        <v>0</v>
      </c>
      <c r="FH19" s="313">
        <v>0</v>
      </c>
      <c r="FI19" s="313">
        <v>0</v>
      </c>
      <c r="FJ19" s="314">
        <v>0</v>
      </c>
      <c r="FK19" s="316">
        <v>0</v>
      </c>
      <c r="FL19" s="312">
        <v>655040</v>
      </c>
      <c r="FM19" s="313">
        <v>1078178</v>
      </c>
      <c r="FN19" s="314">
        <v>1733218</v>
      </c>
      <c r="FO19" s="312">
        <v>0</v>
      </c>
      <c r="FP19" s="313">
        <v>3325298</v>
      </c>
      <c r="FQ19" s="313">
        <v>6573962</v>
      </c>
      <c r="FR19" s="313">
        <v>4959318</v>
      </c>
      <c r="FS19" s="313">
        <v>4041468</v>
      </c>
      <c r="FT19" s="313">
        <v>3766211</v>
      </c>
      <c r="FU19" s="314">
        <v>22666257</v>
      </c>
      <c r="FV19" s="316">
        <v>24399475</v>
      </c>
      <c r="FW19" s="319">
        <v>418747</v>
      </c>
      <c r="FX19" s="313">
        <v>935658</v>
      </c>
      <c r="FY19" s="317">
        <v>1354405</v>
      </c>
      <c r="FZ19" s="318">
        <v>0</v>
      </c>
      <c r="GA19" s="313">
        <v>2225228</v>
      </c>
      <c r="GB19" s="313">
        <v>5914974</v>
      </c>
      <c r="GC19" s="313">
        <v>4273756</v>
      </c>
      <c r="GD19" s="313">
        <v>3910090</v>
      </c>
      <c r="GE19" s="313">
        <v>3738491</v>
      </c>
      <c r="GF19" s="314">
        <v>20062539</v>
      </c>
      <c r="GG19" s="320">
        <v>21416944</v>
      </c>
      <c r="GH19" s="319">
        <v>95248</v>
      </c>
      <c r="GI19" s="313">
        <v>0</v>
      </c>
      <c r="GJ19" s="317">
        <v>95248</v>
      </c>
      <c r="GK19" s="318">
        <v>0</v>
      </c>
      <c r="GL19" s="313">
        <v>297306</v>
      </c>
      <c r="GM19" s="313">
        <v>146938</v>
      </c>
      <c r="GN19" s="313">
        <v>293362</v>
      </c>
      <c r="GO19" s="313">
        <v>92678</v>
      </c>
      <c r="GP19" s="313">
        <v>27720</v>
      </c>
      <c r="GQ19" s="314">
        <v>858004</v>
      </c>
      <c r="GR19" s="316">
        <v>953252</v>
      </c>
      <c r="GS19" s="312">
        <v>141045</v>
      </c>
      <c r="GT19" s="313">
        <v>142520</v>
      </c>
      <c r="GU19" s="314">
        <v>283565</v>
      </c>
      <c r="GV19" s="312">
        <v>0</v>
      </c>
      <c r="GW19" s="313">
        <v>802764</v>
      </c>
      <c r="GX19" s="313">
        <v>512050</v>
      </c>
      <c r="GY19" s="313">
        <v>392200</v>
      </c>
      <c r="GZ19" s="313">
        <v>38700</v>
      </c>
      <c r="HA19" s="313">
        <v>0</v>
      </c>
      <c r="HB19" s="317">
        <v>1745714</v>
      </c>
      <c r="HC19" s="316">
        <v>2029279</v>
      </c>
      <c r="HD19" s="312">
        <v>1138300</v>
      </c>
      <c r="HE19" s="313">
        <v>1257577</v>
      </c>
      <c r="HF19" s="317">
        <v>2395877</v>
      </c>
      <c r="HG19" s="318">
        <v>0</v>
      </c>
      <c r="HH19" s="313">
        <v>14880806</v>
      </c>
      <c r="HI19" s="313">
        <v>14734034</v>
      </c>
      <c r="HJ19" s="313">
        <v>16037609</v>
      </c>
      <c r="HK19" s="313">
        <v>17798214</v>
      </c>
      <c r="HL19" s="313">
        <v>10811223</v>
      </c>
      <c r="HM19" s="314">
        <v>74261886</v>
      </c>
      <c r="HN19" s="315">
        <v>76657763</v>
      </c>
      <c r="HO19" s="319">
        <v>530970</v>
      </c>
      <c r="HP19" s="313">
        <v>961043</v>
      </c>
      <c r="HQ19" s="314">
        <v>1492013</v>
      </c>
      <c r="HR19" s="312">
        <v>0</v>
      </c>
      <c r="HS19" s="313">
        <v>9226897</v>
      </c>
      <c r="HT19" s="313">
        <v>9511406</v>
      </c>
      <c r="HU19" s="313">
        <v>5440267</v>
      </c>
      <c r="HV19" s="313">
        <v>4235012</v>
      </c>
      <c r="HW19" s="313">
        <v>3303419</v>
      </c>
      <c r="HX19" s="317">
        <v>31717001</v>
      </c>
      <c r="HY19" s="316">
        <v>33209014</v>
      </c>
      <c r="HZ19" s="321">
        <v>162400</v>
      </c>
      <c r="IA19" s="322">
        <v>66888</v>
      </c>
      <c r="IB19" s="323">
        <v>229288</v>
      </c>
      <c r="IC19" s="324">
        <v>0</v>
      </c>
      <c r="ID19" s="322">
        <v>13069184</v>
      </c>
      <c r="IE19" s="325">
        <v>17123353</v>
      </c>
      <c r="IF19" s="323">
        <v>15131207</v>
      </c>
      <c r="IG19" s="322">
        <v>10647324</v>
      </c>
      <c r="IH19" s="323">
        <v>11201666</v>
      </c>
      <c r="II19" s="326">
        <v>67172734</v>
      </c>
      <c r="IJ19" s="327">
        <v>67402022</v>
      </c>
      <c r="IK19" s="328">
        <v>0</v>
      </c>
      <c r="IL19" s="329">
        <v>0</v>
      </c>
      <c r="IM19" s="330">
        <v>0</v>
      </c>
      <c r="IN19" s="390">
        <v>0</v>
      </c>
      <c r="IO19" s="331">
        <v>0</v>
      </c>
      <c r="IP19" s="331">
        <v>133798</v>
      </c>
      <c r="IQ19" s="331">
        <v>164173</v>
      </c>
      <c r="IR19" s="331">
        <v>284737</v>
      </c>
      <c r="IS19" s="331">
        <v>631094</v>
      </c>
      <c r="IT19" s="332">
        <v>1213802</v>
      </c>
      <c r="IU19" s="333">
        <v>1213802</v>
      </c>
      <c r="IV19" s="334">
        <v>0</v>
      </c>
      <c r="IW19" s="331">
        <v>0</v>
      </c>
      <c r="IX19" s="335">
        <v>0</v>
      </c>
      <c r="IY19" s="399">
        <v>0</v>
      </c>
      <c r="IZ19" s="331">
        <v>0</v>
      </c>
      <c r="JA19" s="331">
        <v>0</v>
      </c>
      <c r="JB19" s="331">
        <v>0</v>
      </c>
      <c r="JC19" s="331">
        <v>0</v>
      </c>
      <c r="JD19" s="331">
        <v>0</v>
      </c>
      <c r="JE19" s="335">
        <v>0</v>
      </c>
      <c r="JF19" s="336">
        <v>0</v>
      </c>
      <c r="JG19" s="334">
        <v>0</v>
      </c>
      <c r="JH19" s="331">
        <v>0</v>
      </c>
      <c r="JI19" s="332">
        <v>0</v>
      </c>
      <c r="JJ19" s="337">
        <v>0</v>
      </c>
      <c r="JK19" s="331">
        <v>7099428</v>
      </c>
      <c r="JL19" s="331">
        <v>10861411</v>
      </c>
      <c r="JM19" s="331">
        <v>6686257</v>
      </c>
      <c r="JN19" s="331">
        <v>3391545</v>
      </c>
      <c r="JO19" s="331">
        <v>2920821</v>
      </c>
      <c r="JP19" s="335">
        <v>30959462</v>
      </c>
      <c r="JQ19" s="333">
        <v>30959462</v>
      </c>
      <c r="JR19" s="334">
        <v>0</v>
      </c>
      <c r="JS19" s="331">
        <v>0</v>
      </c>
      <c r="JT19" s="332">
        <v>0</v>
      </c>
      <c r="JU19" s="337">
        <v>0</v>
      </c>
      <c r="JV19" s="331">
        <v>48660</v>
      </c>
      <c r="JW19" s="331">
        <v>651624</v>
      </c>
      <c r="JX19" s="331">
        <v>1486091</v>
      </c>
      <c r="JY19" s="331">
        <v>613744</v>
      </c>
      <c r="JZ19" s="331">
        <v>1242346</v>
      </c>
      <c r="KA19" s="335">
        <v>4042465</v>
      </c>
      <c r="KB19" s="333">
        <v>4042465</v>
      </c>
      <c r="KC19" s="338">
        <v>162400</v>
      </c>
      <c r="KD19" s="339">
        <v>66888</v>
      </c>
      <c r="KE19" s="335">
        <v>229288</v>
      </c>
      <c r="KF19" s="337">
        <v>0</v>
      </c>
      <c r="KG19" s="331">
        <v>1725848</v>
      </c>
      <c r="KH19" s="331">
        <v>1695904</v>
      </c>
      <c r="KI19" s="331">
        <v>2008774</v>
      </c>
      <c r="KJ19" s="331">
        <v>245555</v>
      </c>
      <c r="KK19" s="331">
        <v>2084317</v>
      </c>
      <c r="KL19" s="335">
        <v>7760398</v>
      </c>
      <c r="KM19" s="340">
        <v>7989686</v>
      </c>
      <c r="KN19" s="328">
        <v>0</v>
      </c>
      <c r="KO19" s="329">
        <v>0</v>
      </c>
      <c r="KP19" s="330">
        <v>0</v>
      </c>
      <c r="KQ19" s="399">
        <v>0</v>
      </c>
      <c r="KR19" s="331">
        <v>3659150</v>
      </c>
      <c r="KS19" s="331">
        <v>3375538</v>
      </c>
      <c r="KT19" s="331">
        <v>3943554</v>
      </c>
      <c r="KU19" s="331">
        <v>4630217</v>
      </c>
      <c r="KV19" s="331">
        <v>4323088</v>
      </c>
      <c r="KW19" s="335">
        <v>19931547</v>
      </c>
      <c r="KX19" s="333">
        <v>19931547</v>
      </c>
      <c r="KY19" s="334">
        <v>0</v>
      </c>
      <c r="KZ19" s="331">
        <v>0</v>
      </c>
      <c r="LA19" s="335">
        <v>0</v>
      </c>
      <c r="LB19" s="399">
        <v>0</v>
      </c>
      <c r="LC19" s="331">
        <v>536098</v>
      </c>
      <c r="LD19" s="331">
        <v>405078</v>
      </c>
      <c r="LE19" s="331">
        <v>842358</v>
      </c>
      <c r="LF19" s="331">
        <v>1481526</v>
      </c>
      <c r="LG19" s="331">
        <v>0</v>
      </c>
      <c r="LH19" s="335">
        <v>3265060</v>
      </c>
      <c r="LI19" s="336">
        <v>3265060</v>
      </c>
      <c r="LJ19" s="334">
        <v>0</v>
      </c>
      <c r="LK19" s="331">
        <v>0</v>
      </c>
      <c r="LL19" s="335">
        <v>0</v>
      </c>
      <c r="LM19" s="399">
        <v>0</v>
      </c>
      <c r="LN19" s="331">
        <v>0</v>
      </c>
      <c r="LO19" s="331">
        <v>0</v>
      </c>
      <c r="LP19" s="331">
        <v>0</v>
      </c>
      <c r="LQ19" s="331">
        <v>0</v>
      </c>
      <c r="LR19" s="331">
        <v>0</v>
      </c>
      <c r="LS19" s="335">
        <v>0</v>
      </c>
      <c r="LT19" s="333">
        <v>0</v>
      </c>
      <c r="LU19" s="334">
        <v>0</v>
      </c>
      <c r="LV19" s="331">
        <v>0</v>
      </c>
      <c r="LW19" s="335">
        <v>0</v>
      </c>
      <c r="LX19" s="399">
        <v>0</v>
      </c>
      <c r="LY19" s="331">
        <v>0</v>
      </c>
      <c r="LZ19" s="331">
        <v>0</v>
      </c>
      <c r="MA19" s="331">
        <v>0</v>
      </c>
      <c r="MB19" s="331">
        <v>0</v>
      </c>
      <c r="MC19" s="331">
        <v>0</v>
      </c>
      <c r="MD19" s="335">
        <v>0</v>
      </c>
      <c r="ME19" s="336">
        <v>0</v>
      </c>
      <c r="MF19" s="334">
        <v>0</v>
      </c>
      <c r="MG19" s="331">
        <v>0</v>
      </c>
      <c r="MH19" s="335">
        <v>0</v>
      </c>
      <c r="MI19" s="399">
        <v>0</v>
      </c>
      <c r="MJ19" s="331">
        <v>2428400</v>
      </c>
      <c r="MK19" s="331">
        <v>3802159</v>
      </c>
      <c r="ML19" s="331">
        <v>25928579</v>
      </c>
      <c r="MM19" s="331">
        <v>52126621</v>
      </c>
      <c r="MN19" s="331">
        <v>42655708</v>
      </c>
      <c r="MO19" s="335">
        <v>126941467</v>
      </c>
      <c r="MP19" s="340">
        <v>126941467</v>
      </c>
      <c r="MQ19" s="334">
        <v>0</v>
      </c>
      <c r="MR19" s="331">
        <v>0</v>
      </c>
      <c r="MS19" s="335">
        <v>0</v>
      </c>
      <c r="MT19" s="399">
        <v>0</v>
      </c>
      <c r="MU19" s="331">
        <v>484781</v>
      </c>
      <c r="MV19" s="331">
        <v>386928</v>
      </c>
      <c r="MW19" s="331">
        <v>16175828</v>
      </c>
      <c r="MX19" s="331">
        <v>38441919</v>
      </c>
      <c r="MY19" s="331">
        <v>35521300</v>
      </c>
      <c r="MZ19" s="335">
        <v>91010756</v>
      </c>
      <c r="NA19" s="340">
        <v>91010756</v>
      </c>
      <c r="NB19" s="334">
        <v>0</v>
      </c>
      <c r="NC19" s="331">
        <v>0</v>
      </c>
      <c r="ND19" s="335">
        <v>0</v>
      </c>
      <c r="NE19" s="399">
        <v>0</v>
      </c>
      <c r="NF19" s="331">
        <v>1943619</v>
      </c>
      <c r="NG19" s="331">
        <v>3415231</v>
      </c>
      <c r="NH19" s="331">
        <v>9752751</v>
      </c>
      <c r="NI19" s="331">
        <v>13684702</v>
      </c>
      <c r="NJ19" s="331">
        <v>6716223</v>
      </c>
      <c r="NK19" s="335">
        <v>35512526</v>
      </c>
      <c r="NL19" s="333">
        <v>35512526</v>
      </c>
      <c r="NM19" s="334">
        <v>0</v>
      </c>
      <c r="NN19" s="331">
        <v>0</v>
      </c>
      <c r="NO19" s="335">
        <v>0</v>
      </c>
      <c r="NP19" s="399">
        <v>0</v>
      </c>
      <c r="NQ19" s="331">
        <v>0</v>
      </c>
      <c r="NR19" s="331">
        <v>0</v>
      </c>
      <c r="NS19" s="331">
        <v>0</v>
      </c>
      <c r="NT19" s="331">
        <v>0</v>
      </c>
      <c r="NU19" s="331">
        <v>0</v>
      </c>
      <c r="NV19" s="335">
        <v>0</v>
      </c>
      <c r="NW19" s="336">
        <v>0</v>
      </c>
      <c r="NX19" s="334">
        <v>0</v>
      </c>
      <c r="NY19" s="331">
        <v>0</v>
      </c>
      <c r="NZ19" s="335">
        <v>0</v>
      </c>
      <c r="OA19" s="399">
        <v>0</v>
      </c>
      <c r="OB19" s="331">
        <v>0</v>
      </c>
      <c r="OC19" s="331">
        <v>0</v>
      </c>
      <c r="OD19" s="331">
        <v>0</v>
      </c>
      <c r="OE19" s="331">
        <v>0</v>
      </c>
      <c r="OF19" s="331">
        <v>418185</v>
      </c>
      <c r="OG19" s="335">
        <v>418185</v>
      </c>
      <c r="OH19" s="336">
        <v>418185</v>
      </c>
      <c r="OI19" s="334">
        <v>3715163</v>
      </c>
      <c r="OJ19" s="331">
        <v>5361357</v>
      </c>
      <c r="OK19" s="332">
        <v>9076520</v>
      </c>
      <c r="OL19" s="337">
        <v>0</v>
      </c>
      <c r="OM19" s="331">
        <v>70524098</v>
      </c>
      <c r="ON19" s="331">
        <v>97357492</v>
      </c>
      <c r="OO19" s="331">
        <v>105270691</v>
      </c>
      <c r="OP19" s="331">
        <v>130332036</v>
      </c>
      <c r="OQ19" s="331">
        <v>114661191</v>
      </c>
      <c r="OR19" s="335">
        <v>518145508</v>
      </c>
      <c r="OS19" s="340">
        <v>527222028</v>
      </c>
    </row>
    <row r="20" spans="2:409" s="56" customFormat="1" ht="21" customHeight="1" x14ac:dyDescent="0.2">
      <c r="B20" s="396" t="s">
        <v>15</v>
      </c>
      <c r="C20" s="312">
        <v>2918938</v>
      </c>
      <c r="D20" s="313">
        <v>4651123</v>
      </c>
      <c r="E20" s="314">
        <v>7570061</v>
      </c>
      <c r="F20" s="315">
        <v>0</v>
      </c>
      <c r="G20" s="313">
        <v>34589203</v>
      </c>
      <c r="H20" s="313">
        <v>43097605</v>
      </c>
      <c r="I20" s="313">
        <v>35750354</v>
      </c>
      <c r="J20" s="313">
        <v>42986545</v>
      </c>
      <c r="K20" s="313">
        <v>25228820</v>
      </c>
      <c r="L20" s="315">
        <v>181652527</v>
      </c>
      <c r="M20" s="316">
        <v>189222588</v>
      </c>
      <c r="N20" s="312">
        <v>337869</v>
      </c>
      <c r="O20" s="313">
        <v>504607</v>
      </c>
      <c r="P20" s="314">
        <v>842476</v>
      </c>
      <c r="Q20" s="312">
        <v>0</v>
      </c>
      <c r="R20" s="313">
        <v>8040329</v>
      </c>
      <c r="S20" s="313">
        <v>12013854</v>
      </c>
      <c r="T20" s="313">
        <v>9849677</v>
      </c>
      <c r="U20" s="313">
        <v>14868891</v>
      </c>
      <c r="V20" s="313">
        <v>11570609</v>
      </c>
      <c r="W20" s="314">
        <v>56343360</v>
      </c>
      <c r="X20" s="316">
        <v>57185836</v>
      </c>
      <c r="Y20" s="312">
        <v>0</v>
      </c>
      <c r="Z20" s="313">
        <v>0</v>
      </c>
      <c r="AA20" s="314">
        <v>0</v>
      </c>
      <c r="AB20" s="312">
        <v>0</v>
      </c>
      <c r="AC20" s="313">
        <v>3331938</v>
      </c>
      <c r="AD20" s="313">
        <v>6446552</v>
      </c>
      <c r="AE20" s="313">
        <v>5709524</v>
      </c>
      <c r="AF20" s="313">
        <v>9387515</v>
      </c>
      <c r="AG20" s="313">
        <v>6242761</v>
      </c>
      <c r="AH20" s="314">
        <v>31118290</v>
      </c>
      <c r="AI20" s="316">
        <v>31118290</v>
      </c>
      <c r="AJ20" s="312">
        <v>0</v>
      </c>
      <c r="AK20" s="313">
        <v>0</v>
      </c>
      <c r="AL20" s="314">
        <v>0</v>
      </c>
      <c r="AM20" s="312">
        <v>0</v>
      </c>
      <c r="AN20" s="313">
        <v>40536</v>
      </c>
      <c r="AO20" s="313">
        <v>108094</v>
      </c>
      <c r="AP20" s="313">
        <v>245349</v>
      </c>
      <c r="AQ20" s="313">
        <v>972915</v>
      </c>
      <c r="AR20" s="313">
        <v>1303120</v>
      </c>
      <c r="AS20" s="314">
        <v>2670014</v>
      </c>
      <c r="AT20" s="316">
        <v>2670014</v>
      </c>
      <c r="AU20" s="312">
        <v>136521</v>
      </c>
      <c r="AV20" s="313">
        <v>395501</v>
      </c>
      <c r="AW20" s="314">
        <v>532022</v>
      </c>
      <c r="AX20" s="312">
        <v>0</v>
      </c>
      <c r="AY20" s="313">
        <v>2345327</v>
      </c>
      <c r="AZ20" s="313">
        <v>3282113</v>
      </c>
      <c r="BA20" s="313">
        <v>2307125</v>
      </c>
      <c r="BB20" s="313">
        <v>2683332</v>
      </c>
      <c r="BC20" s="313">
        <v>2658116</v>
      </c>
      <c r="BD20" s="314">
        <v>13276013</v>
      </c>
      <c r="BE20" s="316">
        <v>13808035</v>
      </c>
      <c r="BF20" s="312">
        <v>0</v>
      </c>
      <c r="BG20" s="313">
        <v>24500</v>
      </c>
      <c r="BH20" s="317">
        <v>24500</v>
      </c>
      <c r="BI20" s="318">
        <v>0</v>
      </c>
      <c r="BJ20" s="313">
        <v>390769</v>
      </c>
      <c r="BK20" s="313">
        <v>456883</v>
      </c>
      <c r="BL20" s="313">
        <v>167717</v>
      </c>
      <c r="BM20" s="313">
        <v>114783</v>
      </c>
      <c r="BN20" s="313">
        <v>169699</v>
      </c>
      <c r="BO20" s="314">
        <v>1299851</v>
      </c>
      <c r="BP20" s="316">
        <v>1324351</v>
      </c>
      <c r="BQ20" s="312">
        <v>201348</v>
      </c>
      <c r="BR20" s="313">
        <v>84606</v>
      </c>
      <c r="BS20" s="314">
        <v>285954</v>
      </c>
      <c r="BT20" s="312">
        <v>0</v>
      </c>
      <c r="BU20" s="313">
        <v>1931759</v>
      </c>
      <c r="BV20" s="313">
        <v>1720212</v>
      </c>
      <c r="BW20" s="313">
        <v>1419962</v>
      </c>
      <c r="BX20" s="313">
        <v>1710346</v>
      </c>
      <c r="BY20" s="313">
        <v>1196913</v>
      </c>
      <c r="BZ20" s="314">
        <v>7979192</v>
      </c>
      <c r="CA20" s="316">
        <v>8265146</v>
      </c>
      <c r="CB20" s="312">
        <v>68685</v>
      </c>
      <c r="CC20" s="313">
        <v>278011</v>
      </c>
      <c r="CD20" s="314">
        <v>346696</v>
      </c>
      <c r="CE20" s="312">
        <v>0</v>
      </c>
      <c r="CF20" s="313">
        <v>7055656</v>
      </c>
      <c r="CG20" s="313">
        <v>11011324</v>
      </c>
      <c r="CH20" s="313">
        <v>9003072</v>
      </c>
      <c r="CI20" s="313">
        <v>4378025</v>
      </c>
      <c r="CJ20" s="313">
        <v>2574361</v>
      </c>
      <c r="CK20" s="314">
        <v>34022438</v>
      </c>
      <c r="CL20" s="316">
        <v>34369134</v>
      </c>
      <c r="CM20" s="312">
        <v>0</v>
      </c>
      <c r="CN20" s="313">
        <v>0</v>
      </c>
      <c r="CO20" s="314">
        <v>0</v>
      </c>
      <c r="CP20" s="318">
        <v>0</v>
      </c>
      <c r="CQ20" s="313">
        <v>5172788</v>
      </c>
      <c r="CR20" s="313">
        <v>8241617</v>
      </c>
      <c r="CS20" s="313">
        <v>6117948</v>
      </c>
      <c r="CT20" s="313">
        <v>3438981</v>
      </c>
      <c r="CU20" s="313">
        <v>1873626</v>
      </c>
      <c r="CV20" s="314">
        <v>24844960</v>
      </c>
      <c r="CW20" s="316">
        <v>24844960</v>
      </c>
      <c r="CX20" s="312">
        <v>68685</v>
      </c>
      <c r="CY20" s="313">
        <v>278011</v>
      </c>
      <c r="CZ20" s="314">
        <v>346696</v>
      </c>
      <c r="DA20" s="312">
        <v>0</v>
      </c>
      <c r="DB20" s="313">
        <v>1882868</v>
      </c>
      <c r="DC20" s="313">
        <v>2769707</v>
      </c>
      <c r="DD20" s="313">
        <v>2885124</v>
      </c>
      <c r="DE20" s="313">
        <v>939044</v>
      </c>
      <c r="DF20" s="313">
        <v>700735</v>
      </c>
      <c r="DG20" s="314">
        <v>9177478</v>
      </c>
      <c r="DH20" s="316">
        <v>9524174</v>
      </c>
      <c r="DI20" s="312">
        <v>0</v>
      </c>
      <c r="DJ20" s="313">
        <v>0</v>
      </c>
      <c r="DK20" s="317">
        <v>0</v>
      </c>
      <c r="DL20" s="318">
        <v>0</v>
      </c>
      <c r="DM20" s="313">
        <v>780091</v>
      </c>
      <c r="DN20" s="313">
        <v>2934664</v>
      </c>
      <c r="DO20" s="313">
        <v>5547968</v>
      </c>
      <c r="DP20" s="313">
        <v>8389202</v>
      </c>
      <c r="DQ20" s="313">
        <v>3161540</v>
      </c>
      <c r="DR20" s="314">
        <v>20813465</v>
      </c>
      <c r="DS20" s="316">
        <v>20813465</v>
      </c>
      <c r="DT20" s="312">
        <v>0</v>
      </c>
      <c r="DU20" s="313">
        <v>0</v>
      </c>
      <c r="DV20" s="314">
        <v>0</v>
      </c>
      <c r="DW20" s="312">
        <v>0</v>
      </c>
      <c r="DX20" s="313">
        <v>312189</v>
      </c>
      <c r="DY20" s="313">
        <v>2626996</v>
      </c>
      <c r="DZ20" s="313">
        <v>5514246</v>
      </c>
      <c r="EA20" s="313">
        <v>7973224</v>
      </c>
      <c r="EB20" s="313">
        <v>3161540</v>
      </c>
      <c r="EC20" s="314">
        <v>19588195</v>
      </c>
      <c r="ED20" s="316">
        <v>19588195</v>
      </c>
      <c r="EE20" s="312">
        <v>0</v>
      </c>
      <c r="EF20" s="317">
        <v>0</v>
      </c>
      <c r="EG20" s="314">
        <v>0</v>
      </c>
      <c r="EH20" s="312">
        <v>0</v>
      </c>
      <c r="EI20" s="313">
        <v>467902</v>
      </c>
      <c r="EJ20" s="313">
        <v>307668</v>
      </c>
      <c r="EK20" s="313">
        <v>33722</v>
      </c>
      <c r="EL20" s="313">
        <v>415978</v>
      </c>
      <c r="EM20" s="313">
        <v>0</v>
      </c>
      <c r="EN20" s="317">
        <v>1225270</v>
      </c>
      <c r="EO20" s="316">
        <v>1225270</v>
      </c>
      <c r="EP20" s="312">
        <v>0</v>
      </c>
      <c r="EQ20" s="313">
        <v>0</v>
      </c>
      <c r="ER20" s="317">
        <v>0</v>
      </c>
      <c r="ES20" s="318">
        <v>0</v>
      </c>
      <c r="ET20" s="313">
        <v>0</v>
      </c>
      <c r="EU20" s="313">
        <v>0</v>
      </c>
      <c r="EV20" s="313">
        <v>0</v>
      </c>
      <c r="EW20" s="313">
        <v>0</v>
      </c>
      <c r="EX20" s="313">
        <v>0</v>
      </c>
      <c r="EY20" s="314">
        <v>0</v>
      </c>
      <c r="EZ20" s="316">
        <v>0</v>
      </c>
      <c r="FA20" s="312">
        <v>0</v>
      </c>
      <c r="FB20" s="313">
        <v>0</v>
      </c>
      <c r="FC20" s="317">
        <v>0</v>
      </c>
      <c r="FD20" s="318">
        <v>0</v>
      </c>
      <c r="FE20" s="313">
        <v>0</v>
      </c>
      <c r="FF20" s="313">
        <v>0</v>
      </c>
      <c r="FG20" s="313">
        <v>0</v>
      </c>
      <c r="FH20" s="313">
        <v>0</v>
      </c>
      <c r="FI20" s="313">
        <v>0</v>
      </c>
      <c r="FJ20" s="314">
        <v>0</v>
      </c>
      <c r="FK20" s="316">
        <v>0</v>
      </c>
      <c r="FL20" s="312">
        <v>734413</v>
      </c>
      <c r="FM20" s="313">
        <v>1749316</v>
      </c>
      <c r="FN20" s="314">
        <v>2483729</v>
      </c>
      <c r="FO20" s="312">
        <v>0</v>
      </c>
      <c r="FP20" s="313">
        <v>1941784</v>
      </c>
      <c r="FQ20" s="313">
        <v>4422522</v>
      </c>
      <c r="FR20" s="313">
        <v>2617699</v>
      </c>
      <c r="FS20" s="313">
        <v>2585248</v>
      </c>
      <c r="FT20" s="313">
        <v>2139049</v>
      </c>
      <c r="FU20" s="314">
        <v>13706302</v>
      </c>
      <c r="FV20" s="316">
        <v>16190031</v>
      </c>
      <c r="FW20" s="319">
        <v>380335</v>
      </c>
      <c r="FX20" s="313">
        <v>945552</v>
      </c>
      <c r="FY20" s="317">
        <v>1325887</v>
      </c>
      <c r="FZ20" s="318">
        <v>0</v>
      </c>
      <c r="GA20" s="313">
        <v>1535547</v>
      </c>
      <c r="GB20" s="313">
        <v>4119656</v>
      </c>
      <c r="GC20" s="313">
        <v>2471260</v>
      </c>
      <c r="GD20" s="313">
        <v>2255308</v>
      </c>
      <c r="GE20" s="313">
        <v>1800262</v>
      </c>
      <c r="GF20" s="314">
        <v>12182033</v>
      </c>
      <c r="GG20" s="320">
        <v>13507920</v>
      </c>
      <c r="GH20" s="319">
        <v>154548</v>
      </c>
      <c r="GI20" s="313">
        <v>120304</v>
      </c>
      <c r="GJ20" s="317">
        <v>274852</v>
      </c>
      <c r="GK20" s="318">
        <v>0</v>
      </c>
      <c r="GL20" s="313">
        <v>195250</v>
      </c>
      <c r="GM20" s="313">
        <v>27106</v>
      </c>
      <c r="GN20" s="313">
        <v>48312</v>
      </c>
      <c r="GO20" s="313">
        <v>25344</v>
      </c>
      <c r="GP20" s="313">
        <v>89487</v>
      </c>
      <c r="GQ20" s="314">
        <v>385499</v>
      </c>
      <c r="GR20" s="316">
        <v>660351</v>
      </c>
      <c r="GS20" s="312">
        <v>199530</v>
      </c>
      <c r="GT20" s="313">
        <v>683460</v>
      </c>
      <c r="GU20" s="314">
        <v>882990</v>
      </c>
      <c r="GV20" s="312">
        <v>0</v>
      </c>
      <c r="GW20" s="313">
        <v>210987</v>
      </c>
      <c r="GX20" s="313">
        <v>275760</v>
      </c>
      <c r="GY20" s="313">
        <v>98127</v>
      </c>
      <c r="GZ20" s="313">
        <v>304596</v>
      </c>
      <c r="HA20" s="313">
        <v>249300</v>
      </c>
      <c r="HB20" s="317">
        <v>1138770</v>
      </c>
      <c r="HC20" s="316">
        <v>2021760</v>
      </c>
      <c r="HD20" s="312">
        <v>1400524</v>
      </c>
      <c r="HE20" s="313">
        <v>1176559</v>
      </c>
      <c r="HF20" s="317">
        <v>2577083</v>
      </c>
      <c r="HG20" s="318">
        <v>0</v>
      </c>
      <c r="HH20" s="313">
        <v>9401587</v>
      </c>
      <c r="HI20" s="313">
        <v>5094278</v>
      </c>
      <c r="HJ20" s="313">
        <v>4687191</v>
      </c>
      <c r="HK20" s="313">
        <v>9584225</v>
      </c>
      <c r="HL20" s="313">
        <v>3980602</v>
      </c>
      <c r="HM20" s="314">
        <v>32747883</v>
      </c>
      <c r="HN20" s="315">
        <v>35324966</v>
      </c>
      <c r="HO20" s="319">
        <v>377447</v>
      </c>
      <c r="HP20" s="313">
        <v>942630</v>
      </c>
      <c r="HQ20" s="314">
        <v>1320077</v>
      </c>
      <c r="HR20" s="312">
        <v>0</v>
      </c>
      <c r="HS20" s="313">
        <v>7369756</v>
      </c>
      <c r="HT20" s="313">
        <v>7620963</v>
      </c>
      <c r="HU20" s="313">
        <v>4044747</v>
      </c>
      <c r="HV20" s="313">
        <v>3180954</v>
      </c>
      <c r="HW20" s="313">
        <v>1802659</v>
      </c>
      <c r="HX20" s="317">
        <v>24019079</v>
      </c>
      <c r="HY20" s="316">
        <v>25339156</v>
      </c>
      <c r="HZ20" s="344">
        <v>51126</v>
      </c>
      <c r="IA20" s="342">
        <v>1161541</v>
      </c>
      <c r="IB20" s="344">
        <v>1212667</v>
      </c>
      <c r="IC20" s="341">
        <v>0</v>
      </c>
      <c r="ID20" s="342">
        <v>25045799</v>
      </c>
      <c r="IE20" s="343">
        <v>27257090</v>
      </c>
      <c r="IF20" s="344">
        <v>21626888</v>
      </c>
      <c r="IG20" s="342">
        <v>16845154</v>
      </c>
      <c r="IH20" s="344">
        <v>13024021</v>
      </c>
      <c r="II20" s="345">
        <v>103798952</v>
      </c>
      <c r="IJ20" s="344">
        <v>105011619</v>
      </c>
      <c r="IK20" s="328">
        <v>0</v>
      </c>
      <c r="IL20" s="329">
        <v>0</v>
      </c>
      <c r="IM20" s="330">
        <v>0</v>
      </c>
      <c r="IN20" s="390">
        <v>0</v>
      </c>
      <c r="IO20" s="331">
        <v>234318</v>
      </c>
      <c r="IP20" s="331">
        <v>146963</v>
      </c>
      <c r="IQ20" s="331">
        <v>513201</v>
      </c>
      <c r="IR20" s="331">
        <v>663122</v>
      </c>
      <c r="IS20" s="331">
        <v>2453322</v>
      </c>
      <c r="IT20" s="332">
        <v>4010926</v>
      </c>
      <c r="IU20" s="333">
        <v>4010926</v>
      </c>
      <c r="IV20" s="334">
        <v>0</v>
      </c>
      <c r="IW20" s="331">
        <v>0</v>
      </c>
      <c r="IX20" s="335">
        <v>0</v>
      </c>
      <c r="IY20" s="399">
        <v>0</v>
      </c>
      <c r="IZ20" s="331">
        <v>0</v>
      </c>
      <c r="JA20" s="331">
        <v>0</v>
      </c>
      <c r="JB20" s="331">
        <v>0</v>
      </c>
      <c r="JC20" s="331">
        <v>0</v>
      </c>
      <c r="JD20" s="331">
        <v>0</v>
      </c>
      <c r="JE20" s="335">
        <v>0</v>
      </c>
      <c r="JF20" s="336">
        <v>0</v>
      </c>
      <c r="JG20" s="334">
        <v>0</v>
      </c>
      <c r="JH20" s="331">
        <v>0</v>
      </c>
      <c r="JI20" s="332">
        <v>0</v>
      </c>
      <c r="JJ20" s="337">
        <v>0</v>
      </c>
      <c r="JK20" s="331">
        <v>9361114</v>
      </c>
      <c r="JL20" s="331">
        <v>10992202</v>
      </c>
      <c r="JM20" s="331">
        <v>7046077</v>
      </c>
      <c r="JN20" s="331">
        <v>3698044</v>
      </c>
      <c r="JO20" s="331">
        <v>1667641</v>
      </c>
      <c r="JP20" s="335">
        <v>32765078</v>
      </c>
      <c r="JQ20" s="333">
        <v>32765078</v>
      </c>
      <c r="JR20" s="334">
        <v>0</v>
      </c>
      <c r="JS20" s="331">
        <v>86431</v>
      </c>
      <c r="JT20" s="332">
        <v>86431</v>
      </c>
      <c r="JU20" s="337">
        <v>0</v>
      </c>
      <c r="JV20" s="331">
        <v>473812</v>
      </c>
      <c r="JW20" s="331">
        <v>397600</v>
      </c>
      <c r="JX20" s="331">
        <v>696798</v>
      </c>
      <c r="JY20" s="331">
        <v>56088</v>
      </c>
      <c r="JZ20" s="331">
        <v>261272</v>
      </c>
      <c r="KA20" s="335">
        <v>1885570</v>
      </c>
      <c r="KB20" s="333">
        <v>1972001</v>
      </c>
      <c r="KC20" s="338">
        <v>51126</v>
      </c>
      <c r="KD20" s="339">
        <v>1075110</v>
      </c>
      <c r="KE20" s="335">
        <v>1126236</v>
      </c>
      <c r="KF20" s="337">
        <v>0</v>
      </c>
      <c r="KG20" s="331">
        <v>2547418</v>
      </c>
      <c r="KH20" s="331">
        <v>2342866</v>
      </c>
      <c r="KI20" s="331">
        <v>273772</v>
      </c>
      <c r="KJ20" s="331">
        <v>848443</v>
      </c>
      <c r="KK20" s="331">
        <v>906935</v>
      </c>
      <c r="KL20" s="335">
        <v>6919434</v>
      </c>
      <c r="KM20" s="340">
        <v>8045670</v>
      </c>
      <c r="KN20" s="328">
        <v>0</v>
      </c>
      <c r="KO20" s="329">
        <v>0</v>
      </c>
      <c r="KP20" s="330">
        <v>0</v>
      </c>
      <c r="KQ20" s="399">
        <v>0</v>
      </c>
      <c r="KR20" s="331">
        <v>11799813</v>
      </c>
      <c r="KS20" s="331">
        <v>11321206</v>
      </c>
      <c r="KT20" s="331">
        <v>8937308</v>
      </c>
      <c r="KU20" s="331">
        <v>7017417</v>
      </c>
      <c r="KV20" s="331">
        <v>4343366</v>
      </c>
      <c r="KW20" s="335">
        <v>43419110</v>
      </c>
      <c r="KX20" s="333">
        <v>43419110</v>
      </c>
      <c r="KY20" s="334">
        <v>0</v>
      </c>
      <c r="KZ20" s="331">
        <v>0</v>
      </c>
      <c r="LA20" s="335">
        <v>0</v>
      </c>
      <c r="LB20" s="399">
        <v>0</v>
      </c>
      <c r="LC20" s="331">
        <v>0</v>
      </c>
      <c r="LD20" s="331">
        <v>0</v>
      </c>
      <c r="LE20" s="331">
        <v>0</v>
      </c>
      <c r="LF20" s="331">
        <v>0</v>
      </c>
      <c r="LG20" s="331">
        <v>0</v>
      </c>
      <c r="LH20" s="335">
        <v>0</v>
      </c>
      <c r="LI20" s="336">
        <v>0</v>
      </c>
      <c r="LJ20" s="334">
        <v>0</v>
      </c>
      <c r="LK20" s="331">
        <v>0</v>
      </c>
      <c r="LL20" s="335">
        <v>0</v>
      </c>
      <c r="LM20" s="399">
        <v>0</v>
      </c>
      <c r="LN20" s="331">
        <v>0</v>
      </c>
      <c r="LO20" s="331">
        <v>0</v>
      </c>
      <c r="LP20" s="331">
        <v>2765993</v>
      </c>
      <c r="LQ20" s="331">
        <v>3626046</v>
      </c>
      <c r="LR20" s="331">
        <v>3027864</v>
      </c>
      <c r="LS20" s="335">
        <v>9419903</v>
      </c>
      <c r="LT20" s="333">
        <v>9419903</v>
      </c>
      <c r="LU20" s="334">
        <v>0</v>
      </c>
      <c r="LV20" s="331">
        <v>0</v>
      </c>
      <c r="LW20" s="335">
        <v>0</v>
      </c>
      <c r="LX20" s="399">
        <v>0</v>
      </c>
      <c r="LY20" s="331">
        <v>629324</v>
      </c>
      <c r="LZ20" s="331">
        <v>2056253</v>
      </c>
      <c r="MA20" s="331">
        <v>1393739</v>
      </c>
      <c r="MB20" s="331">
        <v>935994</v>
      </c>
      <c r="MC20" s="331">
        <v>363621</v>
      </c>
      <c r="MD20" s="335">
        <v>5378931</v>
      </c>
      <c r="ME20" s="336">
        <v>5378931</v>
      </c>
      <c r="MF20" s="334">
        <v>0</v>
      </c>
      <c r="MG20" s="331">
        <v>0</v>
      </c>
      <c r="MH20" s="335">
        <v>0</v>
      </c>
      <c r="MI20" s="399">
        <v>0</v>
      </c>
      <c r="MJ20" s="331">
        <v>5786644</v>
      </c>
      <c r="MK20" s="331">
        <v>9017655</v>
      </c>
      <c r="ML20" s="331">
        <v>34261917</v>
      </c>
      <c r="MM20" s="331">
        <v>66231330</v>
      </c>
      <c r="MN20" s="331">
        <v>29456498</v>
      </c>
      <c r="MO20" s="335">
        <v>144754044</v>
      </c>
      <c r="MP20" s="340">
        <v>144754044</v>
      </c>
      <c r="MQ20" s="334">
        <v>0</v>
      </c>
      <c r="MR20" s="331">
        <v>0</v>
      </c>
      <c r="MS20" s="335">
        <v>0</v>
      </c>
      <c r="MT20" s="399">
        <v>0</v>
      </c>
      <c r="MU20" s="331">
        <v>229689</v>
      </c>
      <c r="MV20" s="331">
        <v>236068</v>
      </c>
      <c r="MW20" s="331">
        <v>21495967</v>
      </c>
      <c r="MX20" s="331">
        <v>46472103</v>
      </c>
      <c r="MY20" s="331">
        <v>21030921</v>
      </c>
      <c r="MZ20" s="335">
        <v>89464748</v>
      </c>
      <c r="NA20" s="340">
        <v>89464748</v>
      </c>
      <c r="NB20" s="334">
        <v>0</v>
      </c>
      <c r="NC20" s="331">
        <v>0</v>
      </c>
      <c r="ND20" s="335">
        <v>0</v>
      </c>
      <c r="NE20" s="399">
        <v>0</v>
      </c>
      <c r="NF20" s="331">
        <v>5556955</v>
      </c>
      <c r="NG20" s="331">
        <v>8781587</v>
      </c>
      <c r="NH20" s="331">
        <v>12765950</v>
      </c>
      <c r="NI20" s="331">
        <v>19759227</v>
      </c>
      <c r="NJ20" s="331">
        <v>8425577</v>
      </c>
      <c r="NK20" s="335">
        <v>55289296</v>
      </c>
      <c r="NL20" s="333">
        <v>55289296</v>
      </c>
      <c r="NM20" s="334">
        <v>0</v>
      </c>
      <c r="NN20" s="331">
        <v>0</v>
      </c>
      <c r="NO20" s="335">
        <v>0</v>
      </c>
      <c r="NP20" s="399">
        <v>0</v>
      </c>
      <c r="NQ20" s="331">
        <v>0</v>
      </c>
      <c r="NR20" s="331">
        <v>0</v>
      </c>
      <c r="NS20" s="331">
        <v>0</v>
      </c>
      <c r="NT20" s="331">
        <v>0</v>
      </c>
      <c r="NU20" s="331">
        <v>0</v>
      </c>
      <c r="NV20" s="335">
        <v>0</v>
      </c>
      <c r="NW20" s="336">
        <v>0</v>
      </c>
      <c r="NX20" s="334">
        <v>0</v>
      </c>
      <c r="NY20" s="331">
        <v>0</v>
      </c>
      <c r="NZ20" s="335">
        <v>0</v>
      </c>
      <c r="OA20" s="399">
        <v>0</v>
      </c>
      <c r="OB20" s="331">
        <v>0</v>
      </c>
      <c r="OC20" s="331">
        <v>0</v>
      </c>
      <c r="OD20" s="331">
        <v>0</v>
      </c>
      <c r="OE20" s="331">
        <v>0</v>
      </c>
      <c r="OF20" s="331">
        <v>0</v>
      </c>
      <c r="OG20" s="335">
        <v>0</v>
      </c>
      <c r="OH20" s="336">
        <v>0</v>
      </c>
      <c r="OI20" s="334">
        <v>2970064</v>
      </c>
      <c r="OJ20" s="331">
        <v>5812664</v>
      </c>
      <c r="OK20" s="332">
        <v>8782728</v>
      </c>
      <c r="OL20" s="337">
        <v>0</v>
      </c>
      <c r="OM20" s="331">
        <v>65421646</v>
      </c>
      <c r="ON20" s="331">
        <v>79372350</v>
      </c>
      <c r="OO20" s="331">
        <v>91639159</v>
      </c>
      <c r="OP20" s="331">
        <v>126063029</v>
      </c>
      <c r="OQ20" s="331">
        <v>67709339</v>
      </c>
      <c r="OR20" s="335">
        <v>430205523</v>
      </c>
      <c r="OS20" s="340">
        <v>438988251</v>
      </c>
    </row>
    <row r="21" spans="2:409" s="56" customFormat="1" ht="21" customHeight="1" x14ac:dyDescent="0.2">
      <c r="B21" s="396" t="s">
        <v>16</v>
      </c>
      <c r="C21" s="312">
        <v>7232182</v>
      </c>
      <c r="D21" s="313">
        <v>16249005</v>
      </c>
      <c r="E21" s="314">
        <v>23481187</v>
      </c>
      <c r="F21" s="315">
        <v>0</v>
      </c>
      <c r="G21" s="313">
        <v>87160033</v>
      </c>
      <c r="H21" s="313">
        <v>139118685</v>
      </c>
      <c r="I21" s="313">
        <v>108984530</v>
      </c>
      <c r="J21" s="313">
        <v>110991693</v>
      </c>
      <c r="K21" s="313">
        <v>75851442</v>
      </c>
      <c r="L21" s="315">
        <v>522106383</v>
      </c>
      <c r="M21" s="316">
        <v>545587570</v>
      </c>
      <c r="N21" s="312">
        <v>1228598</v>
      </c>
      <c r="O21" s="313">
        <v>2960355</v>
      </c>
      <c r="P21" s="314">
        <v>4188953</v>
      </c>
      <c r="Q21" s="312">
        <v>0</v>
      </c>
      <c r="R21" s="313">
        <v>17745572</v>
      </c>
      <c r="S21" s="313">
        <v>33052582</v>
      </c>
      <c r="T21" s="313">
        <v>28168933</v>
      </c>
      <c r="U21" s="313">
        <v>32416001</v>
      </c>
      <c r="V21" s="313">
        <v>28146215</v>
      </c>
      <c r="W21" s="314">
        <v>139529303</v>
      </c>
      <c r="X21" s="316">
        <v>143718256</v>
      </c>
      <c r="Y21" s="312">
        <v>0</v>
      </c>
      <c r="Z21" s="313">
        <v>0</v>
      </c>
      <c r="AA21" s="314">
        <v>0</v>
      </c>
      <c r="AB21" s="312">
        <v>0</v>
      </c>
      <c r="AC21" s="313">
        <v>7279288</v>
      </c>
      <c r="AD21" s="313">
        <v>11763992</v>
      </c>
      <c r="AE21" s="313">
        <v>14465878</v>
      </c>
      <c r="AF21" s="313">
        <v>17449574</v>
      </c>
      <c r="AG21" s="313">
        <v>13330953</v>
      </c>
      <c r="AH21" s="314">
        <v>64289685</v>
      </c>
      <c r="AI21" s="316">
        <v>64289685</v>
      </c>
      <c r="AJ21" s="312">
        <v>0</v>
      </c>
      <c r="AK21" s="313">
        <v>0</v>
      </c>
      <c r="AL21" s="314">
        <v>0</v>
      </c>
      <c r="AM21" s="312">
        <v>0</v>
      </c>
      <c r="AN21" s="313">
        <v>225759</v>
      </c>
      <c r="AO21" s="313">
        <v>287797</v>
      </c>
      <c r="AP21" s="313">
        <v>818534</v>
      </c>
      <c r="AQ21" s="313">
        <v>1402901</v>
      </c>
      <c r="AR21" s="313">
        <v>3442136</v>
      </c>
      <c r="AS21" s="314">
        <v>6177127</v>
      </c>
      <c r="AT21" s="316">
        <v>6177127</v>
      </c>
      <c r="AU21" s="312">
        <v>699181</v>
      </c>
      <c r="AV21" s="313">
        <v>2016715</v>
      </c>
      <c r="AW21" s="314">
        <v>2715896</v>
      </c>
      <c r="AX21" s="312">
        <v>0</v>
      </c>
      <c r="AY21" s="313">
        <v>6061889</v>
      </c>
      <c r="AZ21" s="313">
        <v>14445330</v>
      </c>
      <c r="BA21" s="313">
        <v>8380678</v>
      </c>
      <c r="BB21" s="313">
        <v>8292971</v>
      </c>
      <c r="BC21" s="313">
        <v>7417223</v>
      </c>
      <c r="BD21" s="314">
        <v>44598091</v>
      </c>
      <c r="BE21" s="316">
        <v>47313987</v>
      </c>
      <c r="BF21" s="312">
        <v>142845</v>
      </c>
      <c r="BG21" s="313">
        <v>412855</v>
      </c>
      <c r="BH21" s="317">
        <v>555700</v>
      </c>
      <c r="BI21" s="318">
        <v>0</v>
      </c>
      <c r="BJ21" s="313">
        <v>241856</v>
      </c>
      <c r="BK21" s="313">
        <v>1231453</v>
      </c>
      <c r="BL21" s="313">
        <v>714477</v>
      </c>
      <c r="BM21" s="313">
        <v>332126</v>
      </c>
      <c r="BN21" s="313">
        <v>551912</v>
      </c>
      <c r="BO21" s="314">
        <v>3071824</v>
      </c>
      <c r="BP21" s="316">
        <v>3627524</v>
      </c>
      <c r="BQ21" s="312">
        <v>386572</v>
      </c>
      <c r="BR21" s="313">
        <v>530785</v>
      </c>
      <c r="BS21" s="314">
        <v>917357</v>
      </c>
      <c r="BT21" s="312">
        <v>0</v>
      </c>
      <c r="BU21" s="313">
        <v>3936780</v>
      </c>
      <c r="BV21" s="313">
        <v>5324010</v>
      </c>
      <c r="BW21" s="313">
        <v>3789366</v>
      </c>
      <c r="BX21" s="313">
        <v>4938429</v>
      </c>
      <c r="BY21" s="313">
        <v>3403991</v>
      </c>
      <c r="BZ21" s="314">
        <v>21392576</v>
      </c>
      <c r="CA21" s="316">
        <v>22309933</v>
      </c>
      <c r="CB21" s="312">
        <v>1273488</v>
      </c>
      <c r="CC21" s="313">
        <v>4746765</v>
      </c>
      <c r="CD21" s="314">
        <v>6020253</v>
      </c>
      <c r="CE21" s="312">
        <v>0</v>
      </c>
      <c r="CF21" s="313">
        <v>30695391</v>
      </c>
      <c r="CG21" s="313">
        <v>50930545</v>
      </c>
      <c r="CH21" s="313">
        <v>33943998</v>
      </c>
      <c r="CI21" s="313">
        <v>28456941</v>
      </c>
      <c r="CJ21" s="313">
        <v>17834737</v>
      </c>
      <c r="CK21" s="314">
        <v>161861612</v>
      </c>
      <c r="CL21" s="316">
        <v>167881865</v>
      </c>
      <c r="CM21" s="312">
        <v>0</v>
      </c>
      <c r="CN21" s="313">
        <v>0</v>
      </c>
      <c r="CO21" s="314">
        <v>0</v>
      </c>
      <c r="CP21" s="318">
        <v>0</v>
      </c>
      <c r="CQ21" s="313">
        <v>20829448</v>
      </c>
      <c r="CR21" s="313">
        <v>33081165</v>
      </c>
      <c r="CS21" s="313">
        <v>25483572</v>
      </c>
      <c r="CT21" s="313">
        <v>20961710</v>
      </c>
      <c r="CU21" s="313">
        <v>14885085</v>
      </c>
      <c r="CV21" s="314">
        <v>115240980</v>
      </c>
      <c r="CW21" s="316">
        <v>115240980</v>
      </c>
      <c r="CX21" s="312">
        <v>1273488</v>
      </c>
      <c r="CY21" s="313">
        <v>4746765</v>
      </c>
      <c r="CZ21" s="314">
        <v>6020253</v>
      </c>
      <c r="DA21" s="312">
        <v>0</v>
      </c>
      <c r="DB21" s="313">
        <v>9865943</v>
      </c>
      <c r="DC21" s="313">
        <v>17849380</v>
      </c>
      <c r="DD21" s="313">
        <v>8460426</v>
      </c>
      <c r="DE21" s="313">
        <v>7495231</v>
      </c>
      <c r="DF21" s="313">
        <v>2949652</v>
      </c>
      <c r="DG21" s="314">
        <v>46620632</v>
      </c>
      <c r="DH21" s="316">
        <v>52640885</v>
      </c>
      <c r="DI21" s="312">
        <v>48313</v>
      </c>
      <c r="DJ21" s="313">
        <v>95961</v>
      </c>
      <c r="DK21" s="317">
        <v>144274</v>
      </c>
      <c r="DL21" s="318">
        <v>0</v>
      </c>
      <c r="DM21" s="313">
        <v>1868968</v>
      </c>
      <c r="DN21" s="313">
        <v>4345503</v>
      </c>
      <c r="DO21" s="313">
        <v>7965267</v>
      </c>
      <c r="DP21" s="313">
        <v>5454673</v>
      </c>
      <c r="DQ21" s="313">
        <v>2368225</v>
      </c>
      <c r="DR21" s="314">
        <v>22002636</v>
      </c>
      <c r="DS21" s="316">
        <v>22146910</v>
      </c>
      <c r="DT21" s="312">
        <v>48313</v>
      </c>
      <c r="DU21" s="313">
        <v>95961</v>
      </c>
      <c r="DV21" s="314">
        <v>144274</v>
      </c>
      <c r="DW21" s="312">
        <v>0</v>
      </c>
      <c r="DX21" s="313">
        <v>1651919</v>
      </c>
      <c r="DY21" s="313">
        <v>3842841</v>
      </c>
      <c r="DZ21" s="313">
        <v>7424596</v>
      </c>
      <c r="EA21" s="313">
        <v>4811756</v>
      </c>
      <c r="EB21" s="313">
        <v>2157351</v>
      </c>
      <c r="EC21" s="314">
        <v>19888463</v>
      </c>
      <c r="ED21" s="316">
        <v>20032737</v>
      </c>
      <c r="EE21" s="312">
        <v>0</v>
      </c>
      <c r="EF21" s="317">
        <v>0</v>
      </c>
      <c r="EG21" s="314">
        <v>0</v>
      </c>
      <c r="EH21" s="312">
        <v>0</v>
      </c>
      <c r="EI21" s="313">
        <v>217049</v>
      </c>
      <c r="EJ21" s="313">
        <v>502662</v>
      </c>
      <c r="EK21" s="313">
        <v>540671</v>
      </c>
      <c r="EL21" s="313">
        <v>642917</v>
      </c>
      <c r="EM21" s="313">
        <v>210874</v>
      </c>
      <c r="EN21" s="317">
        <v>2114173</v>
      </c>
      <c r="EO21" s="316">
        <v>2114173</v>
      </c>
      <c r="EP21" s="312">
        <v>0</v>
      </c>
      <c r="EQ21" s="313">
        <v>0</v>
      </c>
      <c r="ER21" s="317">
        <v>0</v>
      </c>
      <c r="ES21" s="318">
        <v>0</v>
      </c>
      <c r="ET21" s="313">
        <v>0</v>
      </c>
      <c r="EU21" s="313">
        <v>0</v>
      </c>
      <c r="EV21" s="313">
        <v>0</v>
      </c>
      <c r="EW21" s="313">
        <v>0</v>
      </c>
      <c r="EX21" s="313">
        <v>0</v>
      </c>
      <c r="EY21" s="314">
        <v>0</v>
      </c>
      <c r="EZ21" s="316">
        <v>0</v>
      </c>
      <c r="FA21" s="312">
        <v>0</v>
      </c>
      <c r="FB21" s="313">
        <v>0</v>
      </c>
      <c r="FC21" s="317">
        <v>0</v>
      </c>
      <c r="FD21" s="318">
        <v>0</v>
      </c>
      <c r="FE21" s="313">
        <v>0</v>
      </c>
      <c r="FF21" s="313">
        <v>0</v>
      </c>
      <c r="FG21" s="313">
        <v>0</v>
      </c>
      <c r="FH21" s="313">
        <v>0</v>
      </c>
      <c r="FI21" s="313">
        <v>0</v>
      </c>
      <c r="FJ21" s="314">
        <v>0</v>
      </c>
      <c r="FK21" s="316">
        <v>0</v>
      </c>
      <c r="FL21" s="312">
        <v>2125369</v>
      </c>
      <c r="FM21" s="313">
        <v>4408141</v>
      </c>
      <c r="FN21" s="314">
        <v>6533510</v>
      </c>
      <c r="FO21" s="312">
        <v>0</v>
      </c>
      <c r="FP21" s="313">
        <v>4741075</v>
      </c>
      <c r="FQ21" s="313">
        <v>12759042</v>
      </c>
      <c r="FR21" s="313">
        <v>8305463</v>
      </c>
      <c r="FS21" s="313">
        <v>7509789</v>
      </c>
      <c r="FT21" s="313">
        <v>5428369</v>
      </c>
      <c r="FU21" s="314">
        <v>38743738</v>
      </c>
      <c r="FV21" s="316">
        <v>45277248</v>
      </c>
      <c r="FW21" s="319">
        <v>1031522</v>
      </c>
      <c r="FX21" s="313">
        <v>2787961</v>
      </c>
      <c r="FY21" s="317">
        <v>3819483</v>
      </c>
      <c r="FZ21" s="318">
        <v>0</v>
      </c>
      <c r="GA21" s="313">
        <v>3293747</v>
      </c>
      <c r="GB21" s="313">
        <v>12327491</v>
      </c>
      <c r="GC21" s="313">
        <v>7773321</v>
      </c>
      <c r="GD21" s="313">
        <v>7241826</v>
      </c>
      <c r="GE21" s="313">
        <v>5283612</v>
      </c>
      <c r="GF21" s="314">
        <v>35919997</v>
      </c>
      <c r="GG21" s="320">
        <v>39739480</v>
      </c>
      <c r="GH21" s="319">
        <v>189981</v>
      </c>
      <c r="GI21" s="313">
        <v>371127</v>
      </c>
      <c r="GJ21" s="317">
        <v>561108</v>
      </c>
      <c r="GK21" s="318">
        <v>0</v>
      </c>
      <c r="GL21" s="313">
        <v>543151</v>
      </c>
      <c r="GM21" s="313">
        <v>219132</v>
      </c>
      <c r="GN21" s="313">
        <v>266138</v>
      </c>
      <c r="GO21" s="313">
        <v>179263</v>
      </c>
      <c r="GP21" s="313">
        <v>144757</v>
      </c>
      <c r="GQ21" s="314">
        <v>1352441</v>
      </c>
      <c r="GR21" s="316">
        <v>1913549</v>
      </c>
      <c r="GS21" s="312">
        <v>903866</v>
      </c>
      <c r="GT21" s="313">
        <v>1249053</v>
      </c>
      <c r="GU21" s="314">
        <v>2152919</v>
      </c>
      <c r="GV21" s="312">
        <v>0</v>
      </c>
      <c r="GW21" s="313">
        <v>904177</v>
      </c>
      <c r="GX21" s="313">
        <v>212419</v>
      </c>
      <c r="GY21" s="313">
        <v>266004</v>
      </c>
      <c r="GZ21" s="313">
        <v>88700</v>
      </c>
      <c r="HA21" s="313">
        <v>0</v>
      </c>
      <c r="HB21" s="317">
        <v>1471300</v>
      </c>
      <c r="HC21" s="316">
        <v>3624219</v>
      </c>
      <c r="HD21" s="312">
        <v>1392282</v>
      </c>
      <c r="HE21" s="313">
        <v>1634642</v>
      </c>
      <c r="HF21" s="317">
        <v>3026924</v>
      </c>
      <c r="HG21" s="318">
        <v>0</v>
      </c>
      <c r="HH21" s="313">
        <v>18679521</v>
      </c>
      <c r="HI21" s="313">
        <v>20608195</v>
      </c>
      <c r="HJ21" s="313">
        <v>19994771</v>
      </c>
      <c r="HK21" s="313">
        <v>29639729</v>
      </c>
      <c r="HL21" s="313">
        <v>17833521</v>
      </c>
      <c r="HM21" s="314">
        <v>106755737</v>
      </c>
      <c r="HN21" s="315">
        <v>109782661</v>
      </c>
      <c r="HO21" s="319">
        <v>1164132</v>
      </c>
      <c r="HP21" s="313">
        <v>2403141</v>
      </c>
      <c r="HQ21" s="314">
        <v>3567273</v>
      </c>
      <c r="HR21" s="312">
        <v>0</v>
      </c>
      <c r="HS21" s="313">
        <v>13429506</v>
      </c>
      <c r="HT21" s="313">
        <v>17422818</v>
      </c>
      <c r="HU21" s="313">
        <v>10606098</v>
      </c>
      <c r="HV21" s="313">
        <v>7514560</v>
      </c>
      <c r="HW21" s="313">
        <v>4240375</v>
      </c>
      <c r="HX21" s="317">
        <v>53213357</v>
      </c>
      <c r="HY21" s="316">
        <v>56780630</v>
      </c>
      <c r="HZ21" s="321">
        <v>254482</v>
      </c>
      <c r="IA21" s="322">
        <v>510343</v>
      </c>
      <c r="IB21" s="323">
        <v>764825</v>
      </c>
      <c r="IC21" s="324">
        <v>0</v>
      </c>
      <c r="ID21" s="322">
        <v>19507795</v>
      </c>
      <c r="IE21" s="325">
        <v>32779736</v>
      </c>
      <c r="IF21" s="323">
        <v>30608642</v>
      </c>
      <c r="IG21" s="322">
        <v>26411004</v>
      </c>
      <c r="IH21" s="323">
        <v>21429041</v>
      </c>
      <c r="II21" s="326">
        <v>130736218</v>
      </c>
      <c r="IJ21" s="327">
        <v>131501043</v>
      </c>
      <c r="IK21" s="328">
        <v>0</v>
      </c>
      <c r="IL21" s="329">
        <v>0</v>
      </c>
      <c r="IM21" s="330">
        <v>0</v>
      </c>
      <c r="IN21" s="390">
        <v>0</v>
      </c>
      <c r="IO21" s="331">
        <v>536918</v>
      </c>
      <c r="IP21" s="331">
        <v>1788242</v>
      </c>
      <c r="IQ21" s="331">
        <v>2537705</v>
      </c>
      <c r="IR21" s="331">
        <v>2952254</v>
      </c>
      <c r="IS21" s="331">
        <v>3387163</v>
      </c>
      <c r="IT21" s="332">
        <v>11202282</v>
      </c>
      <c r="IU21" s="333">
        <v>11202282</v>
      </c>
      <c r="IV21" s="334">
        <v>0</v>
      </c>
      <c r="IW21" s="331">
        <v>0</v>
      </c>
      <c r="IX21" s="335">
        <v>0</v>
      </c>
      <c r="IY21" s="399">
        <v>0</v>
      </c>
      <c r="IZ21" s="331">
        <v>0</v>
      </c>
      <c r="JA21" s="331">
        <v>55053</v>
      </c>
      <c r="JB21" s="331">
        <v>43896</v>
      </c>
      <c r="JC21" s="331">
        <v>16312</v>
      </c>
      <c r="JD21" s="331">
        <v>62344</v>
      </c>
      <c r="JE21" s="335">
        <v>177605</v>
      </c>
      <c r="JF21" s="336">
        <v>177605</v>
      </c>
      <c r="JG21" s="334">
        <v>0</v>
      </c>
      <c r="JH21" s="331">
        <v>0</v>
      </c>
      <c r="JI21" s="332">
        <v>0</v>
      </c>
      <c r="JJ21" s="337">
        <v>0</v>
      </c>
      <c r="JK21" s="331">
        <v>7974858</v>
      </c>
      <c r="JL21" s="331">
        <v>11480639</v>
      </c>
      <c r="JM21" s="331">
        <v>7610926</v>
      </c>
      <c r="JN21" s="331">
        <v>3732617</v>
      </c>
      <c r="JO21" s="331">
        <v>1780942</v>
      </c>
      <c r="JP21" s="335">
        <v>32579982</v>
      </c>
      <c r="JQ21" s="333">
        <v>32579982</v>
      </c>
      <c r="JR21" s="334">
        <v>0</v>
      </c>
      <c r="JS21" s="331">
        <v>0</v>
      </c>
      <c r="JT21" s="332">
        <v>0</v>
      </c>
      <c r="JU21" s="337">
        <v>0</v>
      </c>
      <c r="JV21" s="331">
        <v>426045</v>
      </c>
      <c r="JW21" s="331">
        <v>1001196</v>
      </c>
      <c r="JX21" s="331">
        <v>622641</v>
      </c>
      <c r="JY21" s="331">
        <v>240177</v>
      </c>
      <c r="JZ21" s="331">
        <v>698202</v>
      </c>
      <c r="KA21" s="335">
        <v>2988261</v>
      </c>
      <c r="KB21" s="333">
        <v>2988261</v>
      </c>
      <c r="KC21" s="338">
        <v>254482</v>
      </c>
      <c r="KD21" s="339">
        <v>260136</v>
      </c>
      <c r="KE21" s="335">
        <v>514618</v>
      </c>
      <c r="KF21" s="337">
        <v>0</v>
      </c>
      <c r="KG21" s="331">
        <v>3438579</v>
      </c>
      <c r="KH21" s="331">
        <v>4275544</v>
      </c>
      <c r="KI21" s="331">
        <v>3779189</v>
      </c>
      <c r="KJ21" s="331">
        <v>4808636</v>
      </c>
      <c r="KK21" s="331">
        <v>3217883</v>
      </c>
      <c r="KL21" s="335">
        <v>19519831</v>
      </c>
      <c r="KM21" s="340">
        <v>20034449</v>
      </c>
      <c r="KN21" s="328">
        <v>0</v>
      </c>
      <c r="KO21" s="329">
        <v>250207</v>
      </c>
      <c r="KP21" s="330">
        <v>250207</v>
      </c>
      <c r="KQ21" s="399">
        <v>0</v>
      </c>
      <c r="KR21" s="331">
        <v>7006068</v>
      </c>
      <c r="KS21" s="331">
        <v>13172257</v>
      </c>
      <c r="KT21" s="331">
        <v>11536365</v>
      </c>
      <c r="KU21" s="331">
        <v>10728596</v>
      </c>
      <c r="KV21" s="331">
        <v>6988776</v>
      </c>
      <c r="KW21" s="335">
        <v>49432062</v>
      </c>
      <c r="KX21" s="333">
        <v>49682269</v>
      </c>
      <c r="KY21" s="334">
        <v>0</v>
      </c>
      <c r="KZ21" s="331">
        <v>0</v>
      </c>
      <c r="LA21" s="335">
        <v>0</v>
      </c>
      <c r="LB21" s="399">
        <v>0</v>
      </c>
      <c r="LC21" s="331">
        <v>0</v>
      </c>
      <c r="LD21" s="331">
        <v>0</v>
      </c>
      <c r="LE21" s="331">
        <v>0</v>
      </c>
      <c r="LF21" s="331">
        <v>0</v>
      </c>
      <c r="LG21" s="331">
        <v>0</v>
      </c>
      <c r="LH21" s="335">
        <v>0</v>
      </c>
      <c r="LI21" s="336">
        <v>0</v>
      </c>
      <c r="LJ21" s="334">
        <v>0</v>
      </c>
      <c r="LK21" s="331">
        <v>0</v>
      </c>
      <c r="LL21" s="335">
        <v>0</v>
      </c>
      <c r="LM21" s="399">
        <v>0</v>
      </c>
      <c r="LN21" s="331">
        <v>0</v>
      </c>
      <c r="LO21" s="331">
        <v>0</v>
      </c>
      <c r="LP21" s="331">
        <v>2278378</v>
      </c>
      <c r="LQ21" s="331">
        <v>3932412</v>
      </c>
      <c r="LR21" s="331">
        <v>2638464</v>
      </c>
      <c r="LS21" s="335">
        <v>8849254</v>
      </c>
      <c r="LT21" s="333">
        <v>8849254</v>
      </c>
      <c r="LU21" s="334">
        <v>0</v>
      </c>
      <c r="LV21" s="331">
        <v>0</v>
      </c>
      <c r="LW21" s="335">
        <v>0</v>
      </c>
      <c r="LX21" s="399">
        <v>0</v>
      </c>
      <c r="LY21" s="331">
        <v>125327</v>
      </c>
      <c r="LZ21" s="331">
        <v>1006805</v>
      </c>
      <c r="MA21" s="331">
        <v>2199542</v>
      </c>
      <c r="MB21" s="331">
        <v>0</v>
      </c>
      <c r="MC21" s="331">
        <v>2655267</v>
      </c>
      <c r="MD21" s="335">
        <v>5986941</v>
      </c>
      <c r="ME21" s="336">
        <v>5986941</v>
      </c>
      <c r="MF21" s="334">
        <v>0</v>
      </c>
      <c r="MG21" s="331">
        <v>0</v>
      </c>
      <c r="MH21" s="335">
        <v>0</v>
      </c>
      <c r="MI21" s="399">
        <v>0</v>
      </c>
      <c r="MJ21" s="331">
        <v>16273758</v>
      </c>
      <c r="MK21" s="331">
        <v>27854795</v>
      </c>
      <c r="ML21" s="331">
        <v>98625750</v>
      </c>
      <c r="MM21" s="331">
        <v>137977922</v>
      </c>
      <c r="MN21" s="331">
        <v>79918318</v>
      </c>
      <c r="MO21" s="335">
        <v>360650543</v>
      </c>
      <c r="MP21" s="340">
        <v>360650543</v>
      </c>
      <c r="MQ21" s="334">
        <v>0</v>
      </c>
      <c r="MR21" s="331">
        <v>0</v>
      </c>
      <c r="MS21" s="335">
        <v>0</v>
      </c>
      <c r="MT21" s="399">
        <v>0</v>
      </c>
      <c r="MU21" s="331">
        <v>1306302</v>
      </c>
      <c r="MV21" s="331">
        <v>3294572</v>
      </c>
      <c r="MW21" s="331">
        <v>58930104</v>
      </c>
      <c r="MX21" s="331">
        <v>84128261</v>
      </c>
      <c r="MY21" s="331">
        <v>52972425</v>
      </c>
      <c r="MZ21" s="335">
        <v>200631664</v>
      </c>
      <c r="NA21" s="340">
        <v>200631664</v>
      </c>
      <c r="NB21" s="334">
        <v>0</v>
      </c>
      <c r="NC21" s="331">
        <v>0</v>
      </c>
      <c r="ND21" s="335">
        <v>0</v>
      </c>
      <c r="NE21" s="399">
        <v>0</v>
      </c>
      <c r="NF21" s="331">
        <v>14967456</v>
      </c>
      <c r="NG21" s="331">
        <v>24560223</v>
      </c>
      <c r="NH21" s="331">
        <v>38699523</v>
      </c>
      <c r="NI21" s="331">
        <v>48003596</v>
      </c>
      <c r="NJ21" s="331">
        <v>23425884</v>
      </c>
      <c r="NK21" s="335">
        <v>149656682</v>
      </c>
      <c r="NL21" s="333">
        <v>149656682</v>
      </c>
      <c r="NM21" s="334">
        <v>0</v>
      </c>
      <c r="NN21" s="331">
        <v>0</v>
      </c>
      <c r="NO21" s="335">
        <v>0</v>
      </c>
      <c r="NP21" s="399">
        <v>0</v>
      </c>
      <c r="NQ21" s="331">
        <v>0</v>
      </c>
      <c r="NR21" s="331">
        <v>0</v>
      </c>
      <c r="NS21" s="331">
        <v>0</v>
      </c>
      <c r="NT21" s="331">
        <v>0</v>
      </c>
      <c r="NU21" s="331">
        <v>0</v>
      </c>
      <c r="NV21" s="335">
        <v>0</v>
      </c>
      <c r="NW21" s="336">
        <v>0</v>
      </c>
      <c r="NX21" s="334">
        <v>0</v>
      </c>
      <c r="NY21" s="331">
        <v>0</v>
      </c>
      <c r="NZ21" s="335">
        <v>0</v>
      </c>
      <c r="OA21" s="399">
        <v>0</v>
      </c>
      <c r="OB21" s="331">
        <v>0</v>
      </c>
      <c r="OC21" s="331">
        <v>0</v>
      </c>
      <c r="OD21" s="331">
        <v>996123</v>
      </c>
      <c r="OE21" s="331">
        <v>5846065</v>
      </c>
      <c r="OF21" s="331">
        <v>3520009</v>
      </c>
      <c r="OG21" s="335">
        <v>10362197</v>
      </c>
      <c r="OH21" s="336">
        <v>10362197</v>
      </c>
      <c r="OI21" s="334">
        <v>7486664</v>
      </c>
      <c r="OJ21" s="331">
        <v>16759348</v>
      </c>
      <c r="OK21" s="332">
        <v>24246012</v>
      </c>
      <c r="OL21" s="337">
        <v>0</v>
      </c>
      <c r="OM21" s="331">
        <v>122941586</v>
      </c>
      <c r="ON21" s="331">
        <v>199753216</v>
      </c>
      <c r="OO21" s="331">
        <v>238218922</v>
      </c>
      <c r="OP21" s="331">
        <v>275380619</v>
      </c>
      <c r="OQ21" s="331">
        <v>177198801</v>
      </c>
      <c r="OR21" s="335">
        <v>1013493144</v>
      </c>
      <c r="OS21" s="340">
        <v>1037739156</v>
      </c>
    </row>
    <row r="22" spans="2:409" s="56" customFormat="1" ht="21" customHeight="1" x14ac:dyDescent="0.2">
      <c r="B22" s="396" t="s">
        <v>17</v>
      </c>
      <c r="C22" s="312">
        <v>7886427</v>
      </c>
      <c r="D22" s="313">
        <v>19530542</v>
      </c>
      <c r="E22" s="314">
        <v>27416969</v>
      </c>
      <c r="F22" s="315">
        <v>0</v>
      </c>
      <c r="G22" s="313">
        <v>82792396</v>
      </c>
      <c r="H22" s="313">
        <v>188368228</v>
      </c>
      <c r="I22" s="313">
        <v>159666659</v>
      </c>
      <c r="J22" s="313">
        <v>152553641</v>
      </c>
      <c r="K22" s="313">
        <v>97533989</v>
      </c>
      <c r="L22" s="315">
        <v>680914913</v>
      </c>
      <c r="M22" s="316">
        <v>708331882</v>
      </c>
      <c r="N22" s="312">
        <v>1786111</v>
      </c>
      <c r="O22" s="313">
        <v>4804407</v>
      </c>
      <c r="P22" s="314">
        <v>6590518</v>
      </c>
      <c r="Q22" s="312">
        <v>0</v>
      </c>
      <c r="R22" s="313">
        <v>19094313</v>
      </c>
      <c r="S22" s="313">
        <v>52544266</v>
      </c>
      <c r="T22" s="313">
        <v>50191932</v>
      </c>
      <c r="U22" s="313">
        <v>67330847</v>
      </c>
      <c r="V22" s="313">
        <v>47925332</v>
      </c>
      <c r="W22" s="314">
        <v>237086690</v>
      </c>
      <c r="X22" s="316">
        <v>243677208</v>
      </c>
      <c r="Y22" s="312">
        <v>0</v>
      </c>
      <c r="Z22" s="313">
        <v>0</v>
      </c>
      <c r="AA22" s="314">
        <v>0</v>
      </c>
      <c r="AB22" s="312">
        <v>0</v>
      </c>
      <c r="AC22" s="313">
        <v>7836267</v>
      </c>
      <c r="AD22" s="313">
        <v>24581687</v>
      </c>
      <c r="AE22" s="313">
        <v>29012869</v>
      </c>
      <c r="AF22" s="313">
        <v>44609810</v>
      </c>
      <c r="AG22" s="313">
        <v>28992785</v>
      </c>
      <c r="AH22" s="314">
        <v>135033418</v>
      </c>
      <c r="AI22" s="316">
        <v>135033418</v>
      </c>
      <c r="AJ22" s="312">
        <v>0</v>
      </c>
      <c r="AK22" s="313">
        <v>37253</v>
      </c>
      <c r="AL22" s="314">
        <v>37253</v>
      </c>
      <c r="AM22" s="312">
        <v>0</v>
      </c>
      <c r="AN22" s="313">
        <v>0</v>
      </c>
      <c r="AO22" s="313">
        <v>340614</v>
      </c>
      <c r="AP22" s="313">
        <v>1182352</v>
      </c>
      <c r="AQ22" s="313">
        <v>3008221</v>
      </c>
      <c r="AR22" s="313">
        <v>4731753</v>
      </c>
      <c r="AS22" s="314">
        <v>9262940</v>
      </c>
      <c r="AT22" s="316">
        <v>9300193</v>
      </c>
      <c r="AU22" s="312">
        <v>880393</v>
      </c>
      <c r="AV22" s="313">
        <v>3554061</v>
      </c>
      <c r="AW22" s="314">
        <v>4434454</v>
      </c>
      <c r="AX22" s="312">
        <v>0</v>
      </c>
      <c r="AY22" s="313">
        <v>7048659</v>
      </c>
      <c r="AZ22" s="313">
        <v>17784553</v>
      </c>
      <c r="BA22" s="313">
        <v>10904195</v>
      </c>
      <c r="BB22" s="313">
        <v>10878979</v>
      </c>
      <c r="BC22" s="313">
        <v>8243787</v>
      </c>
      <c r="BD22" s="314">
        <v>54860173</v>
      </c>
      <c r="BE22" s="316">
        <v>59294627</v>
      </c>
      <c r="BF22" s="312">
        <v>243304</v>
      </c>
      <c r="BG22" s="313">
        <v>302209</v>
      </c>
      <c r="BH22" s="317">
        <v>545513</v>
      </c>
      <c r="BI22" s="318">
        <v>0</v>
      </c>
      <c r="BJ22" s="313">
        <v>328957</v>
      </c>
      <c r="BK22" s="313">
        <v>1764269</v>
      </c>
      <c r="BL22" s="313">
        <v>1108811</v>
      </c>
      <c r="BM22" s="313">
        <v>814140</v>
      </c>
      <c r="BN22" s="313">
        <v>782233</v>
      </c>
      <c r="BO22" s="314">
        <v>4798410</v>
      </c>
      <c r="BP22" s="316">
        <v>5343923</v>
      </c>
      <c r="BQ22" s="312">
        <v>662414</v>
      </c>
      <c r="BR22" s="313">
        <v>910884</v>
      </c>
      <c r="BS22" s="314">
        <v>1573298</v>
      </c>
      <c r="BT22" s="312">
        <v>0</v>
      </c>
      <c r="BU22" s="313">
        <v>3880430</v>
      </c>
      <c r="BV22" s="313">
        <v>8073143</v>
      </c>
      <c r="BW22" s="313">
        <v>7983705</v>
      </c>
      <c r="BX22" s="313">
        <v>8019697</v>
      </c>
      <c r="BY22" s="313">
        <v>5174774</v>
      </c>
      <c r="BZ22" s="314">
        <v>33131749</v>
      </c>
      <c r="CA22" s="316">
        <v>34705047</v>
      </c>
      <c r="CB22" s="312">
        <v>913653</v>
      </c>
      <c r="CC22" s="313">
        <v>3555187</v>
      </c>
      <c r="CD22" s="314">
        <v>4468840</v>
      </c>
      <c r="CE22" s="312">
        <v>0</v>
      </c>
      <c r="CF22" s="313">
        <v>24603590</v>
      </c>
      <c r="CG22" s="313">
        <v>55348154</v>
      </c>
      <c r="CH22" s="313">
        <v>43232835</v>
      </c>
      <c r="CI22" s="313">
        <v>28384075</v>
      </c>
      <c r="CJ22" s="313">
        <v>14941716</v>
      </c>
      <c r="CK22" s="314">
        <v>166510370</v>
      </c>
      <c r="CL22" s="316">
        <v>170979210</v>
      </c>
      <c r="CM22" s="312">
        <v>0</v>
      </c>
      <c r="CN22" s="313">
        <v>0</v>
      </c>
      <c r="CO22" s="314">
        <v>0</v>
      </c>
      <c r="CP22" s="318">
        <v>0</v>
      </c>
      <c r="CQ22" s="313">
        <v>20823895</v>
      </c>
      <c r="CR22" s="313">
        <v>39689312</v>
      </c>
      <c r="CS22" s="313">
        <v>33398912</v>
      </c>
      <c r="CT22" s="313">
        <v>23640118</v>
      </c>
      <c r="CU22" s="313">
        <v>12994823</v>
      </c>
      <c r="CV22" s="314">
        <v>130547060</v>
      </c>
      <c r="CW22" s="316">
        <v>130547060</v>
      </c>
      <c r="CX22" s="312">
        <v>913653</v>
      </c>
      <c r="CY22" s="313">
        <v>3555187</v>
      </c>
      <c r="CZ22" s="314">
        <v>4468840</v>
      </c>
      <c r="DA22" s="312">
        <v>0</v>
      </c>
      <c r="DB22" s="313">
        <v>3779695</v>
      </c>
      <c r="DC22" s="313">
        <v>15658842</v>
      </c>
      <c r="DD22" s="313">
        <v>9833923</v>
      </c>
      <c r="DE22" s="313">
        <v>4743957</v>
      </c>
      <c r="DF22" s="313">
        <v>1946893</v>
      </c>
      <c r="DG22" s="314">
        <v>35963310</v>
      </c>
      <c r="DH22" s="316">
        <v>40432150</v>
      </c>
      <c r="DI22" s="312">
        <v>22211</v>
      </c>
      <c r="DJ22" s="313">
        <v>150245</v>
      </c>
      <c r="DK22" s="317">
        <v>172456</v>
      </c>
      <c r="DL22" s="318">
        <v>0</v>
      </c>
      <c r="DM22" s="313">
        <v>2247566</v>
      </c>
      <c r="DN22" s="313">
        <v>8121021</v>
      </c>
      <c r="DO22" s="313">
        <v>14270491</v>
      </c>
      <c r="DP22" s="313">
        <v>12547904</v>
      </c>
      <c r="DQ22" s="313">
        <v>5499509</v>
      </c>
      <c r="DR22" s="314">
        <v>42686491</v>
      </c>
      <c r="DS22" s="316">
        <v>42858947</v>
      </c>
      <c r="DT22" s="312">
        <v>22211</v>
      </c>
      <c r="DU22" s="313">
        <v>131156</v>
      </c>
      <c r="DV22" s="314">
        <v>153367</v>
      </c>
      <c r="DW22" s="312">
        <v>0</v>
      </c>
      <c r="DX22" s="313">
        <v>1982026</v>
      </c>
      <c r="DY22" s="313">
        <v>6739430</v>
      </c>
      <c r="DZ22" s="313">
        <v>12887776</v>
      </c>
      <c r="EA22" s="313">
        <v>10713084</v>
      </c>
      <c r="EB22" s="313">
        <v>4918160</v>
      </c>
      <c r="EC22" s="314">
        <v>37240476</v>
      </c>
      <c r="ED22" s="316">
        <v>37393843</v>
      </c>
      <c r="EE22" s="312">
        <v>0</v>
      </c>
      <c r="EF22" s="317">
        <v>19089</v>
      </c>
      <c r="EG22" s="314">
        <v>19089</v>
      </c>
      <c r="EH22" s="312">
        <v>0</v>
      </c>
      <c r="EI22" s="313">
        <v>265540</v>
      </c>
      <c r="EJ22" s="313">
        <v>1381591</v>
      </c>
      <c r="EK22" s="313">
        <v>1382715</v>
      </c>
      <c r="EL22" s="313">
        <v>1834820</v>
      </c>
      <c r="EM22" s="313">
        <v>581349</v>
      </c>
      <c r="EN22" s="317">
        <v>5446015</v>
      </c>
      <c r="EO22" s="316">
        <v>5465104</v>
      </c>
      <c r="EP22" s="312">
        <v>0</v>
      </c>
      <c r="EQ22" s="313">
        <v>0</v>
      </c>
      <c r="ER22" s="317">
        <v>0</v>
      </c>
      <c r="ES22" s="318">
        <v>0</v>
      </c>
      <c r="ET22" s="313">
        <v>0</v>
      </c>
      <c r="EU22" s="313">
        <v>0</v>
      </c>
      <c r="EV22" s="313">
        <v>0</v>
      </c>
      <c r="EW22" s="313">
        <v>0</v>
      </c>
      <c r="EX22" s="313">
        <v>0</v>
      </c>
      <c r="EY22" s="314">
        <v>0</v>
      </c>
      <c r="EZ22" s="316">
        <v>0</v>
      </c>
      <c r="FA22" s="312">
        <v>0</v>
      </c>
      <c r="FB22" s="313">
        <v>0</v>
      </c>
      <c r="FC22" s="317">
        <v>0</v>
      </c>
      <c r="FD22" s="318">
        <v>0</v>
      </c>
      <c r="FE22" s="313">
        <v>0</v>
      </c>
      <c r="FF22" s="313">
        <v>0</v>
      </c>
      <c r="FG22" s="313">
        <v>0</v>
      </c>
      <c r="FH22" s="313">
        <v>0</v>
      </c>
      <c r="FI22" s="313">
        <v>0</v>
      </c>
      <c r="FJ22" s="314">
        <v>0</v>
      </c>
      <c r="FK22" s="316">
        <v>0</v>
      </c>
      <c r="FL22" s="312">
        <v>2070734</v>
      </c>
      <c r="FM22" s="313">
        <v>4746171</v>
      </c>
      <c r="FN22" s="314">
        <v>6816905</v>
      </c>
      <c r="FO22" s="312">
        <v>0</v>
      </c>
      <c r="FP22" s="313">
        <v>4475167</v>
      </c>
      <c r="FQ22" s="313">
        <v>18561303</v>
      </c>
      <c r="FR22" s="313">
        <v>12856153</v>
      </c>
      <c r="FS22" s="313">
        <v>11774119</v>
      </c>
      <c r="FT22" s="313">
        <v>7180052</v>
      </c>
      <c r="FU22" s="314">
        <v>54846794</v>
      </c>
      <c r="FV22" s="316">
        <v>61663699</v>
      </c>
      <c r="FW22" s="319">
        <v>1205626</v>
      </c>
      <c r="FX22" s="313">
        <v>3506989</v>
      </c>
      <c r="FY22" s="317">
        <v>4712615</v>
      </c>
      <c r="FZ22" s="318">
        <v>0</v>
      </c>
      <c r="GA22" s="313">
        <v>3188572</v>
      </c>
      <c r="GB22" s="313">
        <v>17444921</v>
      </c>
      <c r="GC22" s="313">
        <v>12084958</v>
      </c>
      <c r="GD22" s="313">
        <v>10841527</v>
      </c>
      <c r="GE22" s="313">
        <v>7020047</v>
      </c>
      <c r="GF22" s="314">
        <v>50580025</v>
      </c>
      <c r="GG22" s="320">
        <v>55292640</v>
      </c>
      <c r="GH22" s="319">
        <v>145902</v>
      </c>
      <c r="GI22" s="313">
        <v>200595</v>
      </c>
      <c r="GJ22" s="317">
        <v>346497</v>
      </c>
      <c r="GK22" s="318">
        <v>0</v>
      </c>
      <c r="GL22" s="313">
        <v>349718</v>
      </c>
      <c r="GM22" s="313">
        <v>588978</v>
      </c>
      <c r="GN22" s="313">
        <v>307291</v>
      </c>
      <c r="GO22" s="313">
        <v>490908</v>
      </c>
      <c r="GP22" s="313">
        <v>53895</v>
      </c>
      <c r="GQ22" s="314">
        <v>1790790</v>
      </c>
      <c r="GR22" s="316">
        <v>2137287</v>
      </c>
      <c r="GS22" s="312">
        <v>719206</v>
      </c>
      <c r="GT22" s="313">
        <v>1038587</v>
      </c>
      <c r="GU22" s="314">
        <v>1757793</v>
      </c>
      <c r="GV22" s="312">
        <v>0</v>
      </c>
      <c r="GW22" s="313">
        <v>936877</v>
      </c>
      <c r="GX22" s="313">
        <v>527404</v>
      </c>
      <c r="GY22" s="313">
        <v>463904</v>
      </c>
      <c r="GZ22" s="313">
        <v>441684</v>
      </c>
      <c r="HA22" s="313">
        <v>106110</v>
      </c>
      <c r="HB22" s="317">
        <v>2475979</v>
      </c>
      <c r="HC22" s="316">
        <v>4233772</v>
      </c>
      <c r="HD22" s="312">
        <v>1558348</v>
      </c>
      <c r="HE22" s="313">
        <v>3057567</v>
      </c>
      <c r="HF22" s="317">
        <v>4615915</v>
      </c>
      <c r="HG22" s="318">
        <v>0</v>
      </c>
      <c r="HH22" s="313">
        <v>17709871</v>
      </c>
      <c r="HI22" s="313">
        <v>28370943</v>
      </c>
      <c r="HJ22" s="313">
        <v>22710785</v>
      </c>
      <c r="HK22" s="313">
        <v>20323489</v>
      </c>
      <c r="HL22" s="313">
        <v>16135741</v>
      </c>
      <c r="HM22" s="314">
        <v>105250829</v>
      </c>
      <c r="HN22" s="315">
        <v>109866744</v>
      </c>
      <c r="HO22" s="319">
        <v>1535370</v>
      </c>
      <c r="HP22" s="313">
        <v>3216965</v>
      </c>
      <c r="HQ22" s="314">
        <v>4752335</v>
      </c>
      <c r="HR22" s="312">
        <v>0</v>
      </c>
      <c r="HS22" s="313">
        <v>14661889</v>
      </c>
      <c r="HT22" s="313">
        <v>25422541</v>
      </c>
      <c r="HU22" s="313">
        <v>16404463</v>
      </c>
      <c r="HV22" s="313">
        <v>12193207</v>
      </c>
      <c r="HW22" s="313">
        <v>5851639</v>
      </c>
      <c r="HX22" s="317">
        <v>74533739</v>
      </c>
      <c r="HY22" s="316">
        <v>79286074</v>
      </c>
      <c r="HZ22" s="344">
        <v>292182</v>
      </c>
      <c r="IA22" s="342">
        <v>522637</v>
      </c>
      <c r="IB22" s="344">
        <v>814819</v>
      </c>
      <c r="IC22" s="341">
        <v>0</v>
      </c>
      <c r="ID22" s="342">
        <v>28297910</v>
      </c>
      <c r="IE22" s="343">
        <v>48367128</v>
      </c>
      <c r="IF22" s="344">
        <v>61816282</v>
      </c>
      <c r="IG22" s="342">
        <v>52963592</v>
      </c>
      <c r="IH22" s="344">
        <v>37333881</v>
      </c>
      <c r="II22" s="345">
        <v>228778793</v>
      </c>
      <c r="IJ22" s="344">
        <v>229593612</v>
      </c>
      <c r="IK22" s="328">
        <v>0</v>
      </c>
      <c r="IL22" s="329">
        <v>0</v>
      </c>
      <c r="IM22" s="330">
        <v>0</v>
      </c>
      <c r="IN22" s="390">
        <v>0</v>
      </c>
      <c r="IO22" s="331">
        <v>59079</v>
      </c>
      <c r="IP22" s="331">
        <v>212410</v>
      </c>
      <c r="IQ22" s="331">
        <v>350126</v>
      </c>
      <c r="IR22" s="331">
        <v>651220</v>
      </c>
      <c r="IS22" s="331">
        <v>0</v>
      </c>
      <c r="IT22" s="332">
        <v>1272835</v>
      </c>
      <c r="IU22" s="333">
        <v>1272835</v>
      </c>
      <c r="IV22" s="334">
        <v>0</v>
      </c>
      <c r="IW22" s="331">
        <v>0</v>
      </c>
      <c r="IX22" s="335">
        <v>0</v>
      </c>
      <c r="IY22" s="399">
        <v>0</v>
      </c>
      <c r="IZ22" s="331">
        <v>0</v>
      </c>
      <c r="JA22" s="331">
        <v>0</v>
      </c>
      <c r="JB22" s="331">
        <v>0</v>
      </c>
      <c r="JC22" s="331">
        <v>0</v>
      </c>
      <c r="JD22" s="331">
        <v>0</v>
      </c>
      <c r="JE22" s="335">
        <v>0</v>
      </c>
      <c r="JF22" s="336">
        <v>0</v>
      </c>
      <c r="JG22" s="334">
        <v>0</v>
      </c>
      <c r="JH22" s="331">
        <v>0</v>
      </c>
      <c r="JI22" s="332">
        <v>0</v>
      </c>
      <c r="JJ22" s="337">
        <v>0</v>
      </c>
      <c r="JK22" s="331">
        <v>14273963</v>
      </c>
      <c r="JL22" s="331">
        <v>23058075</v>
      </c>
      <c r="JM22" s="331">
        <v>16070494</v>
      </c>
      <c r="JN22" s="331">
        <v>13863759</v>
      </c>
      <c r="JO22" s="331">
        <v>7310307</v>
      </c>
      <c r="JP22" s="335">
        <v>74576598</v>
      </c>
      <c r="JQ22" s="333">
        <v>74576598</v>
      </c>
      <c r="JR22" s="334">
        <v>34786</v>
      </c>
      <c r="JS22" s="331">
        <v>165551</v>
      </c>
      <c r="JT22" s="332">
        <v>200337</v>
      </c>
      <c r="JU22" s="337">
        <v>0</v>
      </c>
      <c r="JV22" s="331">
        <v>2292687</v>
      </c>
      <c r="JW22" s="331">
        <v>2075752</v>
      </c>
      <c r="JX22" s="331">
        <v>1601912</v>
      </c>
      <c r="JY22" s="331">
        <v>1480880</v>
      </c>
      <c r="JZ22" s="331">
        <v>1104915</v>
      </c>
      <c r="KA22" s="335">
        <v>8556146</v>
      </c>
      <c r="KB22" s="333">
        <v>8756483</v>
      </c>
      <c r="KC22" s="338">
        <v>257396</v>
      </c>
      <c r="KD22" s="339">
        <v>357086</v>
      </c>
      <c r="KE22" s="335">
        <v>614482</v>
      </c>
      <c r="KF22" s="337">
        <v>0</v>
      </c>
      <c r="KG22" s="331">
        <v>1589477</v>
      </c>
      <c r="KH22" s="331">
        <v>5594573</v>
      </c>
      <c r="KI22" s="331">
        <v>10159308</v>
      </c>
      <c r="KJ22" s="331">
        <v>7504949</v>
      </c>
      <c r="KK22" s="331">
        <v>5162593</v>
      </c>
      <c r="KL22" s="335">
        <v>30010900</v>
      </c>
      <c r="KM22" s="340">
        <v>30625382</v>
      </c>
      <c r="KN22" s="328">
        <v>0</v>
      </c>
      <c r="KO22" s="329">
        <v>0</v>
      </c>
      <c r="KP22" s="330">
        <v>0</v>
      </c>
      <c r="KQ22" s="399">
        <v>0</v>
      </c>
      <c r="KR22" s="331">
        <v>9745616</v>
      </c>
      <c r="KS22" s="331">
        <v>15713032</v>
      </c>
      <c r="KT22" s="331">
        <v>22791553</v>
      </c>
      <c r="KU22" s="331">
        <v>13151258</v>
      </c>
      <c r="KV22" s="331">
        <v>8032378</v>
      </c>
      <c r="KW22" s="335">
        <v>69433837</v>
      </c>
      <c r="KX22" s="333">
        <v>69433837</v>
      </c>
      <c r="KY22" s="334">
        <v>0</v>
      </c>
      <c r="KZ22" s="331">
        <v>0</v>
      </c>
      <c r="LA22" s="335">
        <v>0</v>
      </c>
      <c r="LB22" s="399">
        <v>0</v>
      </c>
      <c r="LC22" s="331">
        <v>0</v>
      </c>
      <c r="LD22" s="331">
        <v>0</v>
      </c>
      <c r="LE22" s="331">
        <v>0</v>
      </c>
      <c r="LF22" s="331">
        <v>0</v>
      </c>
      <c r="LG22" s="331">
        <v>0</v>
      </c>
      <c r="LH22" s="335">
        <v>0</v>
      </c>
      <c r="LI22" s="336">
        <v>0</v>
      </c>
      <c r="LJ22" s="334">
        <v>0</v>
      </c>
      <c r="LK22" s="331">
        <v>0</v>
      </c>
      <c r="LL22" s="335">
        <v>0</v>
      </c>
      <c r="LM22" s="399">
        <v>0</v>
      </c>
      <c r="LN22" s="331">
        <v>0</v>
      </c>
      <c r="LO22" s="331">
        <v>643589</v>
      </c>
      <c r="LP22" s="331">
        <v>7319398</v>
      </c>
      <c r="LQ22" s="331">
        <v>13855818</v>
      </c>
      <c r="LR22" s="331">
        <v>10855919</v>
      </c>
      <c r="LS22" s="335">
        <v>32674724</v>
      </c>
      <c r="LT22" s="333">
        <v>32674724</v>
      </c>
      <c r="LU22" s="334">
        <v>0</v>
      </c>
      <c r="LV22" s="331">
        <v>0</v>
      </c>
      <c r="LW22" s="335">
        <v>0</v>
      </c>
      <c r="LX22" s="399">
        <v>0</v>
      </c>
      <c r="LY22" s="331">
        <v>337088</v>
      </c>
      <c r="LZ22" s="331">
        <v>1069697</v>
      </c>
      <c r="MA22" s="331">
        <v>3523491</v>
      </c>
      <c r="MB22" s="331">
        <v>2455708</v>
      </c>
      <c r="MC22" s="331">
        <v>4867769</v>
      </c>
      <c r="MD22" s="335">
        <v>12253753</v>
      </c>
      <c r="ME22" s="336">
        <v>12253753</v>
      </c>
      <c r="MF22" s="334">
        <v>0</v>
      </c>
      <c r="MG22" s="331">
        <v>0</v>
      </c>
      <c r="MH22" s="335">
        <v>0</v>
      </c>
      <c r="MI22" s="399">
        <v>0</v>
      </c>
      <c r="MJ22" s="331">
        <v>11357184</v>
      </c>
      <c r="MK22" s="331">
        <v>37848502</v>
      </c>
      <c r="ML22" s="331">
        <v>105813930</v>
      </c>
      <c r="MM22" s="331">
        <v>138670342</v>
      </c>
      <c r="MN22" s="331">
        <v>97403648</v>
      </c>
      <c r="MO22" s="335">
        <v>391093606</v>
      </c>
      <c r="MP22" s="340">
        <v>391093606</v>
      </c>
      <c r="MQ22" s="334">
        <v>0</v>
      </c>
      <c r="MR22" s="331">
        <v>0</v>
      </c>
      <c r="MS22" s="335">
        <v>0</v>
      </c>
      <c r="MT22" s="399">
        <v>0</v>
      </c>
      <c r="MU22" s="331">
        <v>1145504</v>
      </c>
      <c r="MV22" s="331">
        <v>3541086</v>
      </c>
      <c r="MW22" s="331">
        <v>56545013</v>
      </c>
      <c r="MX22" s="331">
        <v>87448724</v>
      </c>
      <c r="MY22" s="331">
        <v>65710737</v>
      </c>
      <c r="MZ22" s="335">
        <v>214391064</v>
      </c>
      <c r="NA22" s="340">
        <v>214391064</v>
      </c>
      <c r="NB22" s="334">
        <v>0</v>
      </c>
      <c r="NC22" s="331">
        <v>0</v>
      </c>
      <c r="ND22" s="335">
        <v>0</v>
      </c>
      <c r="NE22" s="399">
        <v>0</v>
      </c>
      <c r="NF22" s="331">
        <v>10211680</v>
      </c>
      <c r="NG22" s="331">
        <v>34307416</v>
      </c>
      <c r="NH22" s="331">
        <v>49268917</v>
      </c>
      <c r="NI22" s="331">
        <v>48188349</v>
      </c>
      <c r="NJ22" s="331">
        <v>25491568</v>
      </c>
      <c r="NK22" s="335">
        <v>167467930</v>
      </c>
      <c r="NL22" s="333">
        <v>167467930</v>
      </c>
      <c r="NM22" s="334">
        <v>0</v>
      </c>
      <c r="NN22" s="331">
        <v>0</v>
      </c>
      <c r="NO22" s="335">
        <v>0</v>
      </c>
      <c r="NP22" s="399">
        <v>0</v>
      </c>
      <c r="NQ22" s="331">
        <v>0</v>
      </c>
      <c r="NR22" s="331">
        <v>0</v>
      </c>
      <c r="NS22" s="331">
        <v>0</v>
      </c>
      <c r="NT22" s="331">
        <v>0</v>
      </c>
      <c r="NU22" s="331">
        <v>0</v>
      </c>
      <c r="NV22" s="335">
        <v>0</v>
      </c>
      <c r="NW22" s="336">
        <v>0</v>
      </c>
      <c r="NX22" s="334">
        <v>0</v>
      </c>
      <c r="NY22" s="331">
        <v>0</v>
      </c>
      <c r="NZ22" s="335">
        <v>0</v>
      </c>
      <c r="OA22" s="399">
        <v>0</v>
      </c>
      <c r="OB22" s="331">
        <v>0</v>
      </c>
      <c r="OC22" s="331">
        <v>0</v>
      </c>
      <c r="OD22" s="331">
        <v>0</v>
      </c>
      <c r="OE22" s="331">
        <v>3033269</v>
      </c>
      <c r="OF22" s="331">
        <v>6201343</v>
      </c>
      <c r="OG22" s="335">
        <v>9234612</v>
      </c>
      <c r="OH22" s="336">
        <v>9234612</v>
      </c>
      <c r="OI22" s="334">
        <v>8178609</v>
      </c>
      <c r="OJ22" s="331">
        <v>20053179</v>
      </c>
      <c r="OK22" s="332">
        <v>28231788</v>
      </c>
      <c r="OL22" s="337">
        <v>0</v>
      </c>
      <c r="OM22" s="331">
        <v>122447490</v>
      </c>
      <c r="ON22" s="331">
        <v>274583858</v>
      </c>
      <c r="OO22" s="331">
        <v>327296871</v>
      </c>
      <c r="OP22" s="331">
        <v>344187575</v>
      </c>
      <c r="OQ22" s="331">
        <v>232271518</v>
      </c>
      <c r="OR22" s="335">
        <v>1300787312</v>
      </c>
      <c r="OS22" s="340">
        <v>1329019100</v>
      </c>
    </row>
    <row r="23" spans="2:409" s="56" customFormat="1" ht="21" customHeight="1" x14ac:dyDescent="0.2">
      <c r="B23" s="396" t="s">
        <v>18</v>
      </c>
      <c r="C23" s="312">
        <v>8991467</v>
      </c>
      <c r="D23" s="313">
        <v>22035711</v>
      </c>
      <c r="E23" s="314">
        <v>31027178</v>
      </c>
      <c r="F23" s="315">
        <v>0</v>
      </c>
      <c r="G23" s="313">
        <v>154789152</v>
      </c>
      <c r="H23" s="313">
        <v>191184399</v>
      </c>
      <c r="I23" s="313">
        <v>182276582</v>
      </c>
      <c r="J23" s="313">
        <v>152553131</v>
      </c>
      <c r="K23" s="313">
        <v>116195400</v>
      </c>
      <c r="L23" s="315">
        <v>796998664</v>
      </c>
      <c r="M23" s="316">
        <v>828025842</v>
      </c>
      <c r="N23" s="312">
        <v>2362722</v>
      </c>
      <c r="O23" s="313">
        <v>5275915</v>
      </c>
      <c r="P23" s="314">
        <v>7638637</v>
      </c>
      <c r="Q23" s="312">
        <v>0</v>
      </c>
      <c r="R23" s="313">
        <v>41406501</v>
      </c>
      <c r="S23" s="313">
        <v>60306024</v>
      </c>
      <c r="T23" s="313">
        <v>57886306</v>
      </c>
      <c r="U23" s="313">
        <v>57726611</v>
      </c>
      <c r="V23" s="313">
        <v>60507198</v>
      </c>
      <c r="W23" s="314">
        <v>277832640</v>
      </c>
      <c r="X23" s="316">
        <v>285471277</v>
      </c>
      <c r="Y23" s="312">
        <v>0</v>
      </c>
      <c r="Z23" s="313">
        <v>0</v>
      </c>
      <c r="AA23" s="314">
        <v>0</v>
      </c>
      <c r="AB23" s="312">
        <v>0</v>
      </c>
      <c r="AC23" s="313">
        <v>18344522</v>
      </c>
      <c r="AD23" s="313">
        <v>29494765</v>
      </c>
      <c r="AE23" s="313">
        <v>33768946</v>
      </c>
      <c r="AF23" s="313">
        <v>35448176</v>
      </c>
      <c r="AG23" s="313">
        <v>38567986</v>
      </c>
      <c r="AH23" s="314">
        <v>155624395</v>
      </c>
      <c r="AI23" s="316">
        <v>155624395</v>
      </c>
      <c r="AJ23" s="312">
        <v>0</v>
      </c>
      <c r="AK23" s="313">
        <v>0</v>
      </c>
      <c r="AL23" s="314">
        <v>0</v>
      </c>
      <c r="AM23" s="312">
        <v>0</v>
      </c>
      <c r="AN23" s="313">
        <v>174609</v>
      </c>
      <c r="AO23" s="313">
        <v>584711</v>
      </c>
      <c r="AP23" s="313">
        <v>764903</v>
      </c>
      <c r="AQ23" s="313">
        <v>2980266</v>
      </c>
      <c r="AR23" s="313">
        <v>5549644</v>
      </c>
      <c r="AS23" s="314">
        <v>10054133</v>
      </c>
      <c r="AT23" s="316">
        <v>10054133</v>
      </c>
      <c r="AU23" s="312">
        <v>1382782</v>
      </c>
      <c r="AV23" s="313">
        <v>3965766</v>
      </c>
      <c r="AW23" s="314">
        <v>5348548</v>
      </c>
      <c r="AX23" s="312">
        <v>0</v>
      </c>
      <c r="AY23" s="313">
        <v>13461563</v>
      </c>
      <c r="AZ23" s="313">
        <v>18956124</v>
      </c>
      <c r="BA23" s="313">
        <v>12376082</v>
      </c>
      <c r="BB23" s="313">
        <v>9340249</v>
      </c>
      <c r="BC23" s="313">
        <v>9058214</v>
      </c>
      <c r="BD23" s="314">
        <v>63192232</v>
      </c>
      <c r="BE23" s="316">
        <v>68540780</v>
      </c>
      <c r="BF23" s="312">
        <v>182806</v>
      </c>
      <c r="BG23" s="313">
        <v>462793</v>
      </c>
      <c r="BH23" s="317">
        <v>645599</v>
      </c>
      <c r="BI23" s="318">
        <v>0</v>
      </c>
      <c r="BJ23" s="313">
        <v>2056700</v>
      </c>
      <c r="BK23" s="313">
        <v>2339057</v>
      </c>
      <c r="BL23" s="313">
        <v>2082615</v>
      </c>
      <c r="BM23" s="313">
        <v>1264726</v>
      </c>
      <c r="BN23" s="313">
        <v>804424</v>
      </c>
      <c r="BO23" s="314">
        <v>8547522</v>
      </c>
      <c r="BP23" s="316">
        <v>9193121</v>
      </c>
      <c r="BQ23" s="312">
        <v>797134</v>
      </c>
      <c r="BR23" s="313">
        <v>847356</v>
      </c>
      <c r="BS23" s="314">
        <v>1644490</v>
      </c>
      <c r="BT23" s="312">
        <v>0</v>
      </c>
      <c r="BU23" s="313">
        <v>7369107</v>
      </c>
      <c r="BV23" s="313">
        <v>8931367</v>
      </c>
      <c r="BW23" s="313">
        <v>8893760</v>
      </c>
      <c r="BX23" s="313">
        <v>8693194</v>
      </c>
      <c r="BY23" s="313">
        <v>6526930</v>
      </c>
      <c r="BZ23" s="314">
        <v>40414358</v>
      </c>
      <c r="CA23" s="316">
        <v>42058848</v>
      </c>
      <c r="CB23" s="312">
        <v>1644564</v>
      </c>
      <c r="CC23" s="313">
        <v>7355061</v>
      </c>
      <c r="CD23" s="314">
        <v>8999625</v>
      </c>
      <c r="CE23" s="312">
        <v>0</v>
      </c>
      <c r="CF23" s="313">
        <v>52213025</v>
      </c>
      <c r="CG23" s="313">
        <v>61127060</v>
      </c>
      <c r="CH23" s="313">
        <v>52789263</v>
      </c>
      <c r="CI23" s="313">
        <v>30328739</v>
      </c>
      <c r="CJ23" s="313">
        <v>15359566</v>
      </c>
      <c r="CK23" s="314">
        <v>211817653</v>
      </c>
      <c r="CL23" s="316">
        <v>220817278</v>
      </c>
      <c r="CM23" s="312">
        <v>0</v>
      </c>
      <c r="CN23" s="313">
        <v>0</v>
      </c>
      <c r="CO23" s="314">
        <v>0</v>
      </c>
      <c r="CP23" s="318">
        <v>0</v>
      </c>
      <c r="CQ23" s="313">
        <v>42813888</v>
      </c>
      <c r="CR23" s="313">
        <v>48965120</v>
      </c>
      <c r="CS23" s="313">
        <v>43065555</v>
      </c>
      <c r="CT23" s="313">
        <v>23821731</v>
      </c>
      <c r="CU23" s="313">
        <v>12767610</v>
      </c>
      <c r="CV23" s="314">
        <v>171433904</v>
      </c>
      <c r="CW23" s="316">
        <v>171433904</v>
      </c>
      <c r="CX23" s="312">
        <v>1644564</v>
      </c>
      <c r="CY23" s="313">
        <v>7355061</v>
      </c>
      <c r="CZ23" s="314">
        <v>8999625</v>
      </c>
      <c r="DA23" s="312">
        <v>0</v>
      </c>
      <c r="DB23" s="313">
        <v>9399137</v>
      </c>
      <c r="DC23" s="313">
        <v>12161940</v>
      </c>
      <c r="DD23" s="313">
        <v>9723708</v>
      </c>
      <c r="DE23" s="313">
        <v>6507008</v>
      </c>
      <c r="DF23" s="313">
        <v>2591956</v>
      </c>
      <c r="DG23" s="314">
        <v>40383749</v>
      </c>
      <c r="DH23" s="316">
        <v>49383374</v>
      </c>
      <c r="DI23" s="312">
        <v>71437</v>
      </c>
      <c r="DJ23" s="313">
        <v>365111</v>
      </c>
      <c r="DK23" s="317">
        <v>436548</v>
      </c>
      <c r="DL23" s="318">
        <v>0</v>
      </c>
      <c r="DM23" s="313">
        <v>4666725</v>
      </c>
      <c r="DN23" s="313">
        <v>7567238</v>
      </c>
      <c r="DO23" s="313">
        <v>17595866</v>
      </c>
      <c r="DP23" s="313">
        <v>14555045</v>
      </c>
      <c r="DQ23" s="313">
        <v>6324453</v>
      </c>
      <c r="DR23" s="314">
        <v>50709327</v>
      </c>
      <c r="DS23" s="316">
        <v>51145875</v>
      </c>
      <c r="DT23" s="312">
        <v>71437</v>
      </c>
      <c r="DU23" s="313">
        <v>365111</v>
      </c>
      <c r="DV23" s="314">
        <v>436548</v>
      </c>
      <c r="DW23" s="312">
        <v>0</v>
      </c>
      <c r="DX23" s="313">
        <v>4517606</v>
      </c>
      <c r="DY23" s="313">
        <v>7339381</v>
      </c>
      <c r="DZ23" s="313">
        <v>17114555</v>
      </c>
      <c r="EA23" s="313">
        <v>14330205</v>
      </c>
      <c r="EB23" s="313">
        <v>6273328</v>
      </c>
      <c r="EC23" s="314">
        <v>49575075</v>
      </c>
      <c r="ED23" s="316">
        <v>50011623</v>
      </c>
      <c r="EE23" s="312">
        <v>0</v>
      </c>
      <c r="EF23" s="317">
        <v>0</v>
      </c>
      <c r="EG23" s="314">
        <v>0</v>
      </c>
      <c r="EH23" s="312">
        <v>0</v>
      </c>
      <c r="EI23" s="313">
        <v>149119</v>
      </c>
      <c r="EJ23" s="313">
        <v>227857</v>
      </c>
      <c r="EK23" s="313">
        <v>481311</v>
      </c>
      <c r="EL23" s="313">
        <v>224840</v>
      </c>
      <c r="EM23" s="313">
        <v>51125</v>
      </c>
      <c r="EN23" s="317">
        <v>1134252</v>
      </c>
      <c r="EO23" s="316">
        <v>1134252</v>
      </c>
      <c r="EP23" s="312">
        <v>0</v>
      </c>
      <c r="EQ23" s="313">
        <v>0</v>
      </c>
      <c r="ER23" s="317">
        <v>0</v>
      </c>
      <c r="ES23" s="318">
        <v>0</v>
      </c>
      <c r="ET23" s="313">
        <v>0</v>
      </c>
      <c r="EU23" s="313">
        <v>0</v>
      </c>
      <c r="EV23" s="313">
        <v>0</v>
      </c>
      <c r="EW23" s="313">
        <v>0</v>
      </c>
      <c r="EX23" s="313">
        <v>0</v>
      </c>
      <c r="EY23" s="314">
        <v>0</v>
      </c>
      <c r="EZ23" s="316">
        <v>0</v>
      </c>
      <c r="FA23" s="312">
        <v>0</v>
      </c>
      <c r="FB23" s="313">
        <v>0</v>
      </c>
      <c r="FC23" s="317">
        <v>0</v>
      </c>
      <c r="FD23" s="318">
        <v>0</v>
      </c>
      <c r="FE23" s="313">
        <v>0</v>
      </c>
      <c r="FF23" s="313">
        <v>0</v>
      </c>
      <c r="FG23" s="313">
        <v>0</v>
      </c>
      <c r="FH23" s="313">
        <v>0</v>
      </c>
      <c r="FI23" s="313">
        <v>0</v>
      </c>
      <c r="FJ23" s="314">
        <v>0</v>
      </c>
      <c r="FK23" s="316">
        <v>0</v>
      </c>
      <c r="FL23" s="312">
        <v>1481124</v>
      </c>
      <c r="FM23" s="313">
        <v>4552334</v>
      </c>
      <c r="FN23" s="314">
        <v>6033458</v>
      </c>
      <c r="FO23" s="312">
        <v>0</v>
      </c>
      <c r="FP23" s="313">
        <v>8062644</v>
      </c>
      <c r="FQ23" s="313">
        <v>15844936</v>
      </c>
      <c r="FR23" s="313">
        <v>12686135</v>
      </c>
      <c r="FS23" s="313">
        <v>10744957</v>
      </c>
      <c r="FT23" s="313">
        <v>8647766</v>
      </c>
      <c r="FU23" s="314">
        <v>55986438</v>
      </c>
      <c r="FV23" s="316">
        <v>62019896</v>
      </c>
      <c r="FW23" s="319">
        <v>1136446</v>
      </c>
      <c r="FX23" s="313">
        <v>3523384</v>
      </c>
      <c r="FY23" s="317">
        <v>4659830</v>
      </c>
      <c r="FZ23" s="318">
        <v>0</v>
      </c>
      <c r="GA23" s="313">
        <v>6140785</v>
      </c>
      <c r="GB23" s="313">
        <v>15212271</v>
      </c>
      <c r="GC23" s="313">
        <v>12025409</v>
      </c>
      <c r="GD23" s="313">
        <v>10081885</v>
      </c>
      <c r="GE23" s="313">
        <v>8397476</v>
      </c>
      <c r="GF23" s="314">
        <v>51857826</v>
      </c>
      <c r="GG23" s="320">
        <v>56517656</v>
      </c>
      <c r="GH23" s="319">
        <v>164678</v>
      </c>
      <c r="GI23" s="313">
        <v>362490</v>
      </c>
      <c r="GJ23" s="317">
        <v>527168</v>
      </c>
      <c r="GK23" s="318">
        <v>0</v>
      </c>
      <c r="GL23" s="313">
        <v>252904</v>
      </c>
      <c r="GM23" s="313">
        <v>269106</v>
      </c>
      <c r="GN23" s="313">
        <v>213426</v>
      </c>
      <c r="GO23" s="313">
        <v>304512</v>
      </c>
      <c r="GP23" s="313">
        <v>218790</v>
      </c>
      <c r="GQ23" s="314">
        <v>1258738</v>
      </c>
      <c r="GR23" s="316">
        <v>1785906</v>
      </c>
      <c r="GS23" s="312">
        <v>180000</v>
      </c>
      <c r="GT23" s="313">
        <v>666460</v>
      </c>
      <c r="GU23" s="314">
        <v>846460</v>
      </c>
      <c r="GV23" s="312">
        <v>0</v>
      </c>
      <c r="GW23" s="313">
        <v>1668955</v>
      </c>
      <c r="GX23" s="313">
        <v>363559</v>
      </c>
      <c r="GY23" s="313">
        <v>447300</v>
      </c>
      <c r="GZ23" s="313">
        <v>358560</v>
      </c>
      <c r="HA23" s="313">
        <v>31500</v>
      </c>
      <c r="HB23" s="317">
        <v>2869874</v>
      </c>
      <c r="HC23" s="316">
        <v>3716334</v>
      </c>
      <c r="HD23" s="312">
        <v>1772246</v>
      </c>
      <c r="HE23" s="313">
        <v>863143</v>
      </c>
      <c r="HF23" s="317">
        <v>2635389</v>
      </c>
      <c r="HG23" s="318">
        <v>0</v>
      </c>
      <c r="HH23" s="313">
        <v>23731733</v>
      </c>
      <c r="HI23" s="313">
        <v>22939411</v>
      </c>
      <c r="HJ23" s="313">
        <v>24583567</v>
      </c>
      <c r="HK23" s="313">
        <v>28848987</v>
      </c>
      <c r="HL23" s="313">
        <v>18863482</v>
      </c>
      <c r="HM23" s="314">
        <v>118967180</v>
      </c>
      <c r="HN23" s="315">
        <v>121602569</v>
      </c>
      <c r="HO23" s="319">
        <v>1659374</v>
      </c>
      <c r="HP23" s="313">
        <v>3624147</v>
      </c>
      <c r="HQ23" s="314">
        <v>5283521</v>
      </c>
      <c r="HR23" s="312">
        <v>0</v>
      </c>
      <c r="HS23" s="313">
        <v>24708524</v>
      </c>
      <c r="HT23" s="313">
        <v>23399730</v>
      </c>
      <c r="HU23" s="313">
        <v>16735445</v>
      </c>
      <c r="HV23" s="313">
        <v>10348792</v>
      </c>
      <c r="HW23" s="313">
        <v>6492935</v>
      </c>
      <c r="HX23" s="317">
        <v>81685426</v>
      </c>
      <c r="HY23" s="316">
        <v>86968947</v>
      </c>
      <c r="HZ23" s="321">
        <v>305757</v>
      </c>
      <c r="IA23" s="322">
        <v>1566648</v>
      </c>
      <c r="IB23" s="323">
        <v>1872405</v>
      </c>
      <c r="IC23" s="324">
        <v>0</v>
      </c>
      <c r="ID23" s="322">
        <v>39057914</v>
      </c>
      <c r="IE23" s="325">
        <v>47314857</v>
      </c>
      <c r="IF23" s="323">
        <v>59173884</v>
      </c>
      <c r="IG23" s="322">
        <v>41586105</v>
      </c>
      <c r="IH23" s="323">
        <v>29338917</v>
      </c>
      <c r="II23" s="326">
        <v>216471677</v>
      </c>
      <c r="IJ23" s="327">
        <v>218344082</v>
      </c>
      <c r="IK23" s="328">
        <v>0</v>
      </c>
      <c r="IL23" s="329">
        <v>0</v>
      </c>
      <c r="IM23" s="330">
        <v>0</v>
      </c>
      <c r="IN23" s="390">
        <v>0</v>
      </c>
      <c r="IO23" s="331">
        <v>700691</v>
      </c>
      <c r="IP23" s="331">
        <v>1566351</v>
      </c>
      <c r="IQ23" s="331">
        <v>1223030</v>
      </c>
      <c r="IR23" s="331">
        <v>946230</v>
      </c>
      <c r="IS23" s="331">
        <v>2584220</v>
      </c>
      <c r="IT23" s="332">
        <v>7020522</v>
      </c>
      <c r="IU23" s="333">
        <v>7020522</v>
      </c>
      <c r="IV23" s="334">
        <v>0</v>
      </c>
      <c r="IW23" s="331">
        <v>0</v>
      </c>
      <c r="IX23" s="335">
        <v>0</v>
      </c>
      <c r="IY23" s="399">
        <v>0</v>
      </c>
      <c r="IZ23" s="331">
        <v>0</v>
      </c>
      <c r="JA23" s="331">
        <v>0</v>
      </c>
      <c r="JB23" s="331">
        <v>0</v>
      </c>
      <c r="JC23" s="331">
        <v>0</v>
      </c>
      <c r="JD23" s="331">
        <v>110725</v>
      </c>
      <c r="JE23" s="335">
        <v>110725</v>
      </c>
      <c r="JF23" s="336">
        <v>110725</v>
      </c>
      <c r="JG23" s="334">
        <v>0</v>
      </c>
      <c r="JH23" s="331">
        <v>0</v>
      </c>
      <c r="JI23" s="332">
        <v>0</v>
      </c>
      <c r="JJ23" s="337">
        <v>0</v>
      </c>
      <c r="JK23" s="331">
        <v>13649102</v>
      </c>
      <c r="JL23" s="331">
        <v>12611707</v>
      </c>
      <c r="JM23" s="331">
        <v>9286047</v>
      </c>
      <c r="JN23" s="331">
        <v>4407200</v>
      </c>
      <c r="JO23" s="331">
        <v>1891115</v>
      </c>
      <c r="JP23" s="335">
        <v>41845171</v>
      </c>
      <c r="JQ23" s="333">
        <v>41845171</v>
      </c>
      <c r="JR23" s="334">
        <v>0</v>
      </c>
      <c r="JS23" s="331">
        <v>0</v>
      </c>
      <c r="JT23" s="332">
        <v>0</v>
      </c>
      <c r="JU23" s="337">
        <v>0</v>
      </c>
      <c r="JV23" s="331">
        <v>855614</v>
      </c>
      <c r="JW23" s="331">
        <v>1483383</v>
      </c>
      <c r="JX23" s="331">
        <v>3017204</v>
      </c>
      <c r="JY23" s="331">
        <v>1286424</v>
      </c>
      <c r="JZ23" s="331">
        <v>1030266</v>
      </c>
      <c r="KA23" s="335">
        <v>7672891</v>
      </c>
      <c r="KB23" s="333">
        <v>7672891</v>
      </c>
      <c r="KC23" s="338">
        <v>305757</v>
      </c>
      <c r="KD23" s="339">
        <v>817485</v>
      </c>
      <c r="KE23" s="335">
        <v>1123242</v>
      </c>
      <c r="KF23" s="337">
        <v>0</v>
      </c>
      <c r="KG23" s="331">
        <v>8092022</v>
      </c>
      <c r="KH23" s="331">
        <v>7945875</v>
      </c>
      <c r="KI23" s="331">
        <v>13221941</v>
      </c>
      <c r="KJ23" s="331">
        <v>5392564</v>
      </c>
      <c r="KK23" s="331">
        <v>2685263</v>
      </c>
      <c r="KL23" s="335">
        <v>37337665</v>
      </c>
      <c r="KM23" s="340">
        <v>38460907</v>
      </c>
      <c r="KN23" s="328">
        <v>0</v>
      </c>
      <c r="KO23" s="329">
        <v>749163</v>
      </c>
      <c r="KP23" s="330">
        <v>749163</v>
      </c>
      <c r="KQ23" s="399">
        <v>0</v>
      </c>
      <c r="KR23" s="331">
        <v>14376966</v>
      </c>
      <c r="KS23" s="331">
        <v>21131372</v>
      </c>
      <c r="KT23" s="331">
        <v>26541244</v>
      </c>
      <c r="KU23" s="331">
        <v>17496500</v>
      </c>
      <c r="KV23" s="331">
        <v>7142012</v>
      </c>
      <c r="KW23" s="335">
        <v>86688094</v>
      </c>
      <c r="KX23" s="333">
        <v>87437257</v>
      </c>
      <c r="KY23" s="334">
        <v>0</v>
      </c>
      <c r="KZ23" s="331">
        <v>0</v>
      </c>
      <c r="LA23" s="335">
        <v>0</v>
      </c>
      <c r="LB23" s="399">
        <v>0</v>
      </c>
      <c r="LC23" s="331">
        <v>0</v>
      </c>
      <c r="LD23" s="331">
        <v>0</v>
      </c>
      <c r="LE23" s="331">
        <v>0</v>
      </c>
      <c r="LF23" s="331">
        <v>0</v>
      </c>
      <c r="LG23" s="331">
        <v>0</v>
      </c>
      <c r="LH23" s="335">
        <v>0</v>
      </c>
      <c r="LI23" s="336">
        <v>0</v>
      </c>
      <c r="LJ23" s="334">
        <v>0</v>
      </c>
      <c r="LK23" s="331">
        <v>0</v>
      </c>
      <c r="LL23" s="335">
        <v>0</v>
      </c>
      <c r="LM23" s="399">
        <v>0</v>
      </c>
      <c r="LN23" s="331">
        <v>0</v>
      </c>
      <c r="LO23" s="331">
        <v>282224</v>
      </c>
      <c r="LP23" s="331">
        <v>2023937</v>
      </c>
      <c r="LQ23" s="331">
        <v>4831025</v>
      </c>
      <c r="LR23" s="331">
        <v>1592243</v>
      </c>
      <c r="LS23" s="335">
        <v>8729429</v>
      </c>
      <c r="LT23" s="333">
        <v>8729429</v>
      </c>
      <c r="LU23" s="334">
        <v>0</v>
      </c>
      <c r="LV23" s="331">
        <v>0</v>
      </c>
      <c r="LW23" s="335">
        <v>0</v>
      </c>
      <c r="LX23" s="399">
        <v>0</v>
      </c>
      <c r="LY23" s="331">
        <v>1383519</v>
      </c>
      <c r="LZ23" s="331">
        <v>2293945</v>
      </c>
      <c r="MA23" s="331">
        <v>3860481</v>
      </c>
      <c r="MB23" s="331">
        <v>7226162</v>
      </c>
      <c r="MC23" s="331">
        <v>12303073</v>
      </c>
      <c r="MD23" s="335">
        <v>27067180</v>
      </c>
      <c r="ME23" s="336">
        <v>27067180</v>
      </c>
      <c r="MF23" s="334">
        <v>0</v>
      </c>
      <c r="MG23" s="331">
        <v>0</v>
      </c>
      <c r="MH23" s="335">
        <v>0</v>
      </c>
      <c r="MI23" s="399">
        <v>0</v>
      </c>
      <c r="MJ23" s="331">
        <v>7352987</v>
      </c>
      <c r="MK23" s="331">
        <v>22461210</v>
      </c>
      <c r="ML23" s="331">
        <v>85376491</v>
      </c>
      <c r="MM23" s="331">
        <v>154749773</v>
      </c>
      <c r="MN23" s="331">
        <v>109289671</v>
      </c>
      <c r="MO23" s="335">
        <v>379230132</v>
      </c>
      <c r="MP23" s="340">
        <v>379230132</v>
      </c>
      <c r="MQ23" s="334">
        <v>0</v>
      </c>
      <c r="MR23" s="331">
        <v>0</v>
      </c>
      <c r="MS23" s="335">
        <v>0</v>
      </c>
      <c r="MT23" s="399">
        <v>0</v>
      </c>
      <c r="MU23" s="331">
        <v>1180668</v>
      </c>
      <c r="MV23" s="331">
        <v>2971831</v>
      </c>
      <c r="MW23" s="331">
        <v>51968815</v>
      </c>
      <c r="MX23" s="331">
        <v>114626990</v>
      </c>
      <c r="MY23" s="331">
        <v>77062461</v>
      </c>
      <c r="MZ23" s="335">
        <v>247810765</v>
      </c>
      <c r="NA23" s="340">
        <v>247810765</v>
      </c>
      <c r="NB23" s="334">
        <v>0</v>
      </c>
      <c r="NC23" s="331">
        <v>0</v>
      </c>
      <c r="ND23" s="335">
        <v>0</v>
      </c>
      <c r="NE23" s="399">
        <v>0</v>
      </c>
      <c r="NF23" s="331">
        <v>6172319</v>
      </c>
      <c r="NG23" s="331">
        <v>19299497</v>
      </c>
      <c r="NH23" s="331">
        <v>33026829</v>
      </c>
      <c r="NI23" s="331">
        <v>35473896</v>
      </c>
      <c r="NJ23" s="331">
        <v>24369861</v>
      </c>
      <c r="NK23" s="335">
        <v>118342402</v>
      </c>
      <c r="NL23" s="333">
        <v>118342402</v>
      </c>
      <c r="NM23" s="334">
        <v>0</v>
      </c>
      <c r="NN23" s="331">
        <v>0</v>
      </c>
      <c r="NO23" s="335">
        <v>0</v>
      </c>
      <c r="NP23" s="399">
        <v>0</v>
      </c>
      <c r="NQ23" s="331">
        <v>0</v>
      </c>
      <c r="NR23" s="331">
        <v>0</v>
      </c>
      <c r="NS23" s="331">
        <v>0</v>
      </c>
      <c r="NT23" s="331">
        <v>0</v>
      </c>
      <c r="NU23" s="331">
        <v>0</v>
      </c>
      <c r="NV23" s="335">
        <v>0</v>
      </c>
      <c r="NW23" s="336">
        <v>0</v>
      </c>
      <c r="NX23" s="334">
        <v>0</v>
      </c>
      <c r="NY23" s="331">
        <v>0</v>
      </c>
      <c r="NZ23" s="335">
        <v>0</v>
      </c>
      <c r="OA23" s="399">
        <v>0</v>
      </c>
      <c r="OB23" s="331">
        <v>0</v>
      </c>
      <c r="OC23" s="331">
        <v>189882</v>
      </c>
      <c r="OD23" s="331">
        <v>380847</v>
      </c>
      <c r="OE23" s="331">
        <v>4648887</v>
      </c>
      <c r="OF23" s="331">
        <v>7857349</v>
      </c>
      <c r="OG23" s="335">
        <v>13076965</v>
      </c>
      <c r="OH23" s="336">
        <v>13076965</v>
      </c>
      <c r="OI23" s="334">
        <v>9297224</v>
      </c>
      <c r="OJ23" s="331">
        <v>23602359</v>
      </c>
      <c r="OK23" s="332">
        <v>32899583</v>
      </c>
      <c r="OL23" s="337">
        <v>0</v>
      </c>
      <c r="OM23" s="331">
        <v>201200053</v>
      </c>
      <c r="ON23" s="331">
        <v>260960466</v>
      </c>
      <c r="OO23" s="331">
        <v>326826957</v>
      </c>
      <c r="OP23" s="331">
        <v>348889009</v>
      </c>
      <c r="OQ23" s="331">
        <v>254823988</v>
      </c>
      <c r="OR23" s="335">
        <v>1392700473</v>
      </c>
      <c r="OS23" s="340">
        <v>1425600056</v>
      </c>
    </row>
    <row r="24" spans="2:409" s="56" customFormat="1" ht="21" customHeight="1" x14ac:dyDescent="0.2">
      <c r="B24" s="396" t="s">
        <v>19</v>
      </c>
      <c r="C24" s="312">
        <v>5820938</v>
      </c>
      <c r="D24" s="313">
        <v>11178081</v>
      </c>
      <c r="E24" s="314">
        <v>16999019</v>
      </c>
      <c r="F24" s="315">
        <v>0</v>
      </c>
      <c r="G24" s="313">
        <v>71470132</v>
      </c>
      <c r="H24" s="313">
        <v>69631903</v>
      </c>
      <c r="I24" s="313">
        <v>69589654</v>
      </c>
      <c r="J24" s="313">
        <v>50774744</v>
      </c>
      <c r="K24" s="313">
        <v>43926748</v>
      </c>
      <c r="L24" s="315">
        <v>305393181</v>
      </c>
      <c r="M24" s="316">
        <v>322392200</v>
      </c>
      <c r="N24" s="312">
        <v>1726863</v>
      </c>
      <c r="O24" s="313">
        <v>2492906</v>
      </c>
      <c r="P24" s="314">
        <v>4219769</v>
      </c>
      <c r="Q24" s="312">
        <v>0</v>
      </c>
      <c r="R24" s="313">
        <v>19436302</v>
      </c>
      <c r="S24" s="313">
        <v>18770850</v>
      </c>
      <c r="T24" s="313">
        <v>20618013</v>
      </c>
      <c r="U24" s="313">
        <v>18833096</v>
      </c>
      <c r="V24" s="313">
        <v>17973869</v>
      </c>
      <c r="W24" s="314">
        <v>95632130</v>
      </c>
      <c r="X24" s="316">
        <v>99851899</v>
      </c>
      <c r="Y24" s="312">
        <v>0</v>
      </c>
      <c r="Z24" s="313">
        <v>0</v>
      </c>
      <c r="AA24" s="314">
        <v>0</v>
      </c>
      <c r="AB24" s="312">
        <v>0</v>
      </c>
      <c r="AC24" s="313">
        <v>7437220</v>
      </c>
      <c r="AD24" s="313">
        <v>8764346</v>
      </c>
      <c r="AE24" s="313">
        <v>9614976</v>
      </c>
      <c r="AF24" s="313">
        <v>10388796</v>
      </c>
      <c r="AG24" s="313">
        <v>9315078</v>
      </c>
      <c r="AH24" s="314">
        <v>45520416</v>
      </c>
      <c r="AI24" s="316">
        <v>45520416</v>
      </c>
      <c r="AJ24" s="312">
        <v>0</v>
      </c>
      <c r="AK24" s="313">
        <v>0</v>
      </c>
      <c r="AL24" s="314">
        <v>0</v>
      </c>
      <c r="AM24" s="312">
        <v>0</v>
      </c>
      <c r="AN24" s="313">
        <v>388546</v>
      </c>
      <c r="AO24" s="313">
        <v>344384</v>
      </c>
      <c r="AP24" s="313">
        <v>1445706</v>
      </c>
      <c r="AQ24" s="313">
        <v>1522603</v>
      </c>
      <c r="AR24" s="313">
        <v>2450635</v>
      </c>
      <c r="AS24" s="314">
        <v>6151874</v>
      </c>
      <c r="AT24" s="316">
        <v>6151874</v>
      </c>
      <c r="AU24" s="312">
        <v>1090833</v>
      </c>
      <c r="AV24" s="313">
        <v>1708330</v>
      </c>
      <c r="AW24" s="314">
        <v>2799163</v>
      </c>
      <c r="AX24" s="312">
        <v>0</v>
      </c>
      <c r="AY24" s="313">
        <v>7818963</v>
      </c>
      <c r="AZ24" s="313">
        <v>6122959</v>
      </c>
      <c r="BA24" s="313">
        <v>5645898</v>
      </c>
      <c r="BB24" s="313">
        <v>3709280</v>
      </c>
      <c r="BC24" s="313">
        <v>3931103</v>
      </c>
      <c r="BD24" s="314">
        <v>27228203</v>
      </c>
      <c r="BE24" s="316">
        <v>30027366</v>
      </c>
      <c r="BF24" s="312">
        <v>112255</v>
      </c>
      <c r="BG24" s="313">
        <v>251176</v>
      </c>
      <c r="BH24" s="317">
        <v>363431</v>
      </c>
      <c r="BI24" s="318">
        <v>0</v>
      </c>
      <c r="BJ24" s="313">
        <v>687970</v>
      </c>
      <c r="BK24" s="313">
        <v>405811</v>
      </c>
      <c r="BL24" s="313">
        <v>611129</v>
      </c>
      <c r="BM24" s="313">
        <v>341973</v>
      </c>
      <c r="BN24" s="313">
        <v>80692</v>
      </c>
      <c r="BO24" s="314">
        <v>2127575</v>
      </c>
      <c r="BP24" s="316">
        <v>2491006</v>
      </c>
      <c r="BQ24" s="312">
        <v>523775</v>
      </c>
      <c r="BR24" s="313">
        <v>533400</v>
      </c>
      <c r="BS24" s="314">
        <v>1057175</v>
      </c>
      <c r="BT24" s="312">
        <v>0</v>
      </c>
      <c r="BU24" s="313">
        <v>3103603</v>
      </c>
      <c r="BV24" s="313">
        <v>3133350</v>
      </c>
      <c r="BW24" s="313">
        <v>3300304</v>
      </c>
      <c r="BX24" s="313">
        <v>2870444</v>
      </c>
      <c r="BY24" s="313">
        <v>2196361</v>
      </c>
      <c r="BZ24" s="314">
        <v>14604062</v>
      </c>
      <c r="CA24" s="316">
        <v>15661237</v>
      </c>
      <c r="CB24" s="312">
        <v>927212</v>
      </c>
      <c r="CC24" s="313">
        <v>3045431</v>
      </c>
      <c r="CD24" s="314">
        <v>3972643</v>
      </c>
      <c r="CE24" s="312">
        <v>0</v>
      </c>
      <c r="CF24" s="313">
        <v>22186166</v>
      </c>
      <c r="CG24" s="313">
        <v>25139573</v>
      </c>
      <c r="CH24" s="313">
        <v>19952025</v>
      </c>
      <c r="CI24" s="313">
        <v>10150712</v>
      </c>
      <c r="CJ24" s="313">
        <v>8539426</v>
      </c>
      <c r="CK24" s="314">
        <v>85967902</v>
      </c>
      <c r="CL24" s="316">
        <v>89940545</v>
      </c>
      <c r="CM24" s="312">
        <v>0</v>
      </c>
      <c r="CN24" s="313">
        <v>0</v>
      </c>
      <c r="CO24" s="314">
        <v>0</v>
      </c>
      <c r="CP24" s="318">
        <v>0</v>
      </c>
      <c r="CQ24" s="313">
        <v>15393284</v>
      </c>
      <c r="CR24" s="313">
        <v>17813453</v>
      </c>
      <c r="CS24" s="313">
        <v>14714269</v>
      </c>
      <c r="CT24" s="313">
        <v>6801283</v>
      </c>
      <c r="CU24" s="313">
        <v>7712799</v>
      </c>
      <c r="CV24" s="314">
        <v>62435088</v>
      </c>
      <c r="CW24" s="316">
        <v>62435088</v>
      </c>
      <c r="CX24" s="312">
        <v>927212</v>
      </c>
      <c r="CY24" s="313">
        <v>3045431</v>
      </c>
      <c r="CZ24" s="314">
        <v>3972643</v>
      </c>
      <c r="DA24" s="312">
        <v>0</v>
      </c>
      <c r="DB24" s="313">
        <v>6792882</v>
      </c>
      <c r="DC24" s="313">
        <v>7326120</v>
      </c>
      <c r="DD24" s="313">
        <v>5237756</v>
      </c>
      <c r="DE24" s="313">
        <v>3349429</v>
      </c>
      <c r="DF24" s="313">
        <v>826627</v>
      </c>
      <c r="DG24" s="314">
        <v>23532814</v>
      </c>
      <c r="DH24" s="316">
        <v>27505457</v>
      </c>
      <c r="DI24" s="312">
        <v>0</v>
      </c>
      <c r="DJ24" s="313">
        <v>218580</v>
      </c>
      <c r="DK24" s="317">
        <v>218580</v>
      </c>
      <c r="DL24" s="318">
        <v>0</v>
      </c>
      <c r="DM24" s="313">
        <v>2187738</v>
      </c>
      <c r="DN24" s="313">
        <v>2603376</v>
      </c>
      <c r="DO24" s="313">
        <v>6566417</v>
      </c>
      <c r="DP24" s="313">
        <v>2314986</v>
      </c>
      <c r="DQ24" s="313">
        <v>1640528</v>
      </c>
      <c r="DR24" s="314">
        <v>15313045</v>
      </c>
      <c r="DS24" s="316">
        <v>15531625</v>
      </c>
      <c r="DT24" s="312">
        <v>0</v>
      </c>
      <c r="DU24" s="313">
        <v>218580</v>
      </c>
      <c r="DV24" s="314">
        <v>218580</v>
      </c>
      <c r="DW24" s="312">
        <v>0</v>
      </c>
      <c r="DX24" s="313">
        <v>1758200</v>
      </c>
      <c r="DY24" s="313">
        <v>2169838</v>
      </c>
      <c r="DZ24" s="313">
        <v>5495948</v>
      </c>
      <c r="EA24" s="313">
        <v>1699789</v>
      </c>
      <c r="EB24" s="313">
        <v>1550589</v>
      </c>
      <c r="EC24" s="314">
        <v>12674364</v>
      </c>
      <c r="ED24" s="316">
        <v>12892944</v>
      </c>
      <c r="EE24" s="312">
        <v>0</v>
      </c>
      <c r="EF24" s="317">
        <v>0</v>
      </c>
      <c r="EG24" s="314">
        <v>0</v>
      </c>
      <c r="EH24" s="312">
        <v>0</v>
      </c>
      <c r="EI24" s="313">
        <v>429538</v>
      </c>
      <c r="EJ24" s="313">
        <v>433538</v>
      </c>
      <c r="EK24" s="313">
        <v>1070469</v>
      </c>
      <c r="EL24" s="313">
        <v>615197</v>
      </c>
      <c r="EM24" s="313">
        <v>89939</v>
      </c>
      <c r="EN24" s="317">
        <v>2638681</v>
      </c>
      <c r="EO24" s="316">
        <v>2638681</v>
      </c>
      <c r="EP24" s="312">
        <v>0</v>
      </c>
      <c r="EQ24" s="313">
        <v>0</v>
      </c>
      <c r="ER24" s="317">
        <v>0</v>
      </c>
      <c r="ES24" s="318">
        <v>0</v>
      </c>
      <c r="ET24" s="313">
        <v>0</v>
      </c>
      <c r="EU24" s="313">
        <v>0</v>
      </c>
      <c r="EV24" s="313">
        <v>0</v>
      </c>
      <c r="EW24" s="313">
        <v>0</v>
      </c>
      <c r="EX24" s="313">
        <v>0</v>
      </c>
      <c r="EY24" s="314">
        <v>0</v>
      </c>
      <c r="EZ24" s="316">
        <v>0</v>
      </c>
      <c r="FA24" s="312">
        <v>0</v>
      </c>
      <c r="FB24" s="313">
        <v>0</v>
      </c>
      <c r="FC24" s="317">
        <v>0</v>
      </c>
      <c r="FD24" s="318">
        <v>0</v>
      </c>
      <c r="FE24" s="313">
        <v>0</v>
      </c>
      <c r="FF24" s="313">
        <v>0</v>
      </c>
      <c r="FG24" s="313">
        <v>0</v>
      </c>
      <c r="FH24" s="313">
        <v>0</v>
      </c>
      <c r="FI24" s="313">
        <v>0</v>
      </c>
      <c r="FJ24" s="314">
        <v>0</v>
      </c>
      <c r="FK24" s="316">
        <v>0</v>
      </c>
      <c r="FL24" s="312">
        <v>1127490</v>
      </c>
      <c r="FM24" s="313">
        <v>2239370</v>
      </c>
      <c r="FN24" s="314">
        <v>3366860</v>
      </c>
      <c r="FO24" s="312">
        <v>0</v>
      </c>
      <c r="FP24" s="313">
        <v>4715235</v>
      </c>
      <c r="FQ24" s="313">
        <v>6369708</v>
      </c>
      <c r="FR24" s="313">
        <v>5700540</v>
      </c>
      <c r="FS24" s="313">
        <v>3584460</v>
      </c>
      <c r="FT24" s="313">
        <v>3206347</v>
      </c>
      <c r="FU24" s="314">
        <v>23576290</v>
      </c>
      <c r="FV24" s="316">
        <v>26943150</v>
      </c>
      <c r="FW24" s="319">
        <v>1004872</v>
      </c>
      <c r="FX24" s="313">
        <v>1668322</v>
      </c>
      <c r="FY24" s="317">
        <v>2673194</v>
      </c>
      <c r="FZ24" s="318">
        <v>0</v>
      </c>
      <c r="GA24" s="313">
        <v>4094191</v>
      </c>
      <c r="GB24" s="313">
        <v>5742829</v>
      </c>
      <c r="GC24" s="313">
        <v>5253284</v>
      </c>
      <c r="GD24" s="313">
        <v>3519588</v>
      </c>
      <c r="GE24" s="313">
        <v>3111723</v>
      </c>
      <c r="GF24" s="314">
        <v>21721615</v>
      </c>
      <c r="GG24" s="320">
        <v>24394809</v>
      </c>
      <c r="GH24" s="319">
        <v>0</v>
      </c>
      <c r="GI24" s="313">
        <v>33897</v>
      </c>
      <c r="GJ24" s="317">
        <v>33897</v>
      </c>
      <c r="GK24" s="318">
        <v>0</v>
      </c>
      <c r="GL24" s="313">
        <v>163001</v>
      </c>
      <c r="GM24" s="313">
        <v>80019</v>
      </c>
      <c r="GN24" s="313">
        <v>63426</v>
      </c>
      <c r="GO24" s="313">
        <v>44352</v>
      </c>
      <c r="GP24" s="313">
        <v>94624</v>
      </c>
      <c r="GQ24" s="314">
        <v>445422</v>
      </c>
      <c r="GR24" s="316">
        <v>479319</v>
      </c>
      <c r="GS24" s="312">
        <v>122618</v>
      </c>
      <c r="GT24" s="313">
        <v>537151</v>
      </c>
      <c r="GU24" s="314">
        <v>659769</v>
      </c>
      <c r="GV24" s="312">
        <v>0</v>
      </c>
      <c r="GW24" s="313">
        <v>458043</v>
      </c>
      <c r="GX24" s="313">
        <v>546860</v>
      </c>
      <c r="GY24" s="313">
        <v>383830</v>
      </c>
      <c r="GZ24" s="313">
        <v>20520</v>
      </c>
      <c r="HA24" s="313">
        <v>0</v>
      </c>
      <c r="HB24" s="317">
        <v>1409253</v>
      </c>
      <c r="HC24" s="316">
        <v>2069022</v>
      </c>
      <c r="HD24" s="312">
        <v>883400</v>
      </c>
      <c r="HE24" s="313">
        <v>1614240</v>
      </c>
      <c r="HF24" s="317">
        <v>2497640</v>
      </c>
      <c r="HG24" s="318">
        <v>0</v>
      </c>
      <c r="HH24" s="313">
        <v>10900064</v>
      </c>
      <c r="HI24" s="313">
        <v>8475969</v>
      </c>
      <c r="HJ24" s="313">
        <v>10541900</v>
      </c>
      <c r="HK24" s="313">
        <v>12629168</v>
      </c>
      <c r="HL24" s="313">
        <v>10309128</v>
      </c>
      <c r="HM24" s="314">
        <v>52856229</v>
      </c>
      <c r="HN24" s="315">
        <v>55353869</v>
      </c>
      <c r="HO24" s="319">
        <v>1155973</v>
      </c>
      <c r="HP24" s="313">
        <v>1567554</v>
      </c>
      <c r="HQ24" s="314">
        <v>2723527</v>
      </c>
      <c r="HR24" s="312">
        <v>0</v>
      </c>
      <c r="HS24" s="313">
        <v>12044627</v>
      </c>
      <c r="HT24" s="313">
        <v>8272427</v>
      </c>
      <c r="HU24" s="313">
        <v>6210759</v>
      </c>
      <c r="HV24" s="313">
        <v>3262322</v>
      </c>
      <c r="HW24" s="313">
        <v>2257450</v>
      </c>
      <c r="HX24" s="317">
        <v>32047585</v>
      </c>
      <c r="HY24" s="316">
        <v>34771112</v>
      </c>
      <c r="HZ24" s="344">
        <v>25817</v>
      </c>
      <c r="IA24" s="342">
        <v>195538</v>
      </c>
      <c r="IB24" s="344">
        <v>221355</v>
      </c>
      <c r="IC24" s="341">
        <v>0</v>
      </c>
      <c r="ID24" s="342">
        <v>16182303</v>
      </c>
      <c r="IE24" s="343">
        <v>21952104</v>
      </c>
      <c r="IF24" s="344">
        <v>24672742</v>
      </c>
      <c r="IG24" s="342">
        <v>16471915</v>
      </c>
      <c r="IH24" s="344">
        <v>13455203</v>
      </c>
      <c r="II24" s="345">
        <v>92734267</v>
      </c>
      <c r="IJ24" s="344">
        <v>92955622</v>
      </c>
      <c r="IK24" s="328">
        <v>0</v>
      </c>
      <c r="IL24" s="329">
        <v>0</v>
      </c>
      <c r="IM24" s="330">
        <v>0</v>
      </c>
      <c r="IN24" s="390">
        <v>0</v>
      </c>
      <c r="IO24" s="331">
        <v>944551</v>
      </c>
      <c r="IP24" s="331">
        <v>1143499</v>
      </c>
      <c r="IQ24" s="331">
        <v>1696625</v>
      </c>
      <c r="IR24" s="331">
        <v>1103435</v>
      </c>
      <c r="IS24" s="331">
        <v>754758</v>
      </c>
      <c r="IT24" s="332">
        <v>5642868</v>
      </c>
      <c r="IU24" s="333">
        <v>5642868</v>
      </c>
      <c r="IV24" s="334">
        <v>0</v>
      </c>
      <c r="IW24" s="331">
        <v>0</v>
      </c>
      <c r="IX24" s="335">
        <v>0</v>
      </c>
      <c r="IY24" s="399">
        <v>0</v>
      </c>
      <c r="IZ24" s="331">
        <v>11661</v>
      </c>
      <c r="JA24" s="331">
        <v>9069</v>
      </c>
      <c r="JB24" s="331">
        <v>41666</v>
      </c>
      <c r="JC24" s="331">
        <v>96074</v>
      </c>
      <c r="JD24" s="331">
        <v>0</v>
      </c>
      <c r="JE24" s="335">
        <v>158470</v>
      </c>
      <c r="JF24" s="336">
        <v>158470</v>
      </c>
      <c r="JG24" s="334">
        <v>0</v>
      </c>
      <c r="JH24" s="331">
        <v>0</v>
      </c>
      <c r="JI24" s="332">
        <v>0</v>
      </c>
      <c r="JJ24" s="337">
        <v>0</v>
      </c>
      <c r="JK24" s="331">
        <v>6280071</v>
      </c>
      <c r="JL24" s="331">
        <v>6494745</v>
      </c>
      <c r="JM24" s="331">
        <v>5113602</v>
      </c>
      <c r="JN24" s="331">
        <v>2759760</v>
      </c>
      <c r="JO24" s="331">
        <v>2297484</v>
      </c>
      <c r="JP24" s="335">
        <v>22945662</v>
      </c>
      <c r="JQ24" s="333">
        <v>22945662</v>
      </c>
      <c r="JR24" s="334">
        <v>25817</v>
      </c>
      <c r="JS24" s="331">
        <v>0</v>
      </c>
      <c r="JT24" s="332">
        <v>25817</v>
      </c>
      <c r="JU24" s="337">
        <v>0</v>
      </c>
      <c r="JV24" s="331">
        <v>1315502</v>
      </c>
      <c r="JW24" s="331">
        <v>1791196</v>
      </c>
      <c r="JX24" s="331">
        <v>1819923</v>
      </c>
      <c r="JY24" s="331">
        <v>791361</v>
      </c>
      <c r="JZ24" s="331">
        <v>426816</v>
      </c>
      <c r="KA24" s="335">
        <v>6144798</v>
      </c>
      <c r="KB24" s="333">
        <v>6170615</v>
      </c>
      <c r="KC24" s="338">
        <v>0</v>
      </c>
      <c r="KD24" s="339">
        <v>195538</v>
      </c>
      <c r="KE24" s="335">
        <v>195538</v>
      </c>
      <c r="KF24" s="337">
        <v>0</v>
      </c>
      <c r="KG24" s="331">
        <v>3802309</v>
      </c>
      <c r="KH24" s="331">
        <v>6132952</v>
      </c>
      <c r="KI24" s="331">
        <v>7404427</v>
      </c>
      <c r="KJ24" s="331">
        <v>5154071</v>
      </c>
      <c r="KK24" s="331">
        <v>1704710</v>
      </c>
      <c r="KL24" s="335">
        <v>24198469</v>
      </c>
      <c r="KM24" s="340">
        <v>24394007</v>
      </c>
      <c r="KN24" s="328">
        <v>0</v>
      </c>
      <c r="KO24" s="329">
        <v>0</v>
      </c>
      <c r="KP24" s="330">
        <v>0</v>
      </c>
      <c r="KQ24" s="399">
        <v>0</v>
      </c>
      <c r="KR24" s="331">
        <v>3828209</v>
      </c>
      <c r="KS24" s="331">
        <v>6122171</v>
      </c>
      <c r="KT24" s="331">
        <v>7947003</v>
      </c>
      <c r="KU24" s="331">
        <v>5255440</v>
      </c>
      <c r="KV24" s="331">
        <v>4598672</v>
      </c>
      <c r="KW24" s="335">
        <v>27751495</v>
      </c>
      <c r="KX24" s="333">
        <v>27751495</v>
      </c>
      <c r="KY24" s="334">
        <v>0</v>
      </c>
      <c r="KZ24" s="331">
        <v>0</v>
      </c>
      <c r="LA24" s="335">
        <v>0</v>
      </c>
      <c r="LB24" s="399">
        <v>0</v>
      </c>
      <c r="LC24" s="331">
        <v>0</v>
      </c>
      <c r="LD24" s="331">
        <v>0</v>
      </c>
      <c r="LE24" s="331">
        <v>0</v>
      </c>
      <c r="LF24" s="331">
        <v>0</v>
      </c>
      <c r="LG24" s="331">
        <v>0</v>
      </c>
      <c r="LH24" s="335">
        <v>0</v>
      </c>
      <c r="LI24" s="336">
        <v>0</v>
      </c>
      <c r="LJ24" s="334">
        <v>0</v>
      </c>
      <c r="LK24" s="331">
        <v>0</v>
      </c>
      <c r="LL24" s="335">
        <v>0</v>
      </c>
      <c r="LM24" s="399">
        <v>0</v>
      </c>
      <c r="LN24" s="331">
        <v>0</v>
      </c>
      <c r="LO24" s="331">
        <v>0</v>
      </c>
      <c r="LP24" s="331">
        <v>0</v>
      </c>
      <c r="LQ24" s="331">
        <v>0</v>
      </c>
      <c r="LR24" s="331">
        <v>0</v>
      </c>
      <c r="LS24" s="335">
        <v>0</v>
      </c>
      <c r="LT24" s="333">
        <v>0</v>
      </c>
      <c r="LU24" s="334">
        <v>0</v>
      </c>
      <c r="LV24" s="331">
        <v>0</v>
      </c>
      <c r="LW24" s="335">
        <v>0</v>
      </c>
      <c r="LX24" s="399">
        <v>0</v>
      </c>
      <c r="LY24" s="331">
        <v>0</v>
      </c>
      <c r="LZ24" s="331">
        <v>258472</v>
      </c>
      <c r="MA24" s="331">
        <v>649496</v>
      </c>
      <c r="MB24" s="331">
        <v>1311774</v>
      </c>
      <c r="MC24" s="331">
        <v>3672763</v>
      </c>
      <c r="MD24" s="335">
        <v>5892505</v>
      </c>
      <c r="ME24" s="336">
        <v>5892505</v>
      </c>
      <c r="MF24" s="334">
        <v>0</v>
      </c>
      <c r="MG24" s="331">
        <v>0</v>
      </c>
      <c r="MH24" s="335">
        <v>0</v>
      </c>
      <c r="MI24" s="399">
        <v>0</v>
      </c>
      <c r="MJ24" s="331">
        <v>6927000</v>
      </c>
      <c r="MK24" s="331">
        <v>16166670</v>
      </c>
      <c r="ML24" s="331">
        <v>60680552</v>
      </c>
      <c r="MM24" s="331">
        <v>55589890</v>
      </c>
      <c r="MN24" s="331">
        <v>47601061</v>
      </c>
      <c r="MO24" s="335">
        <v>186965173</v>
      </c>
      <c r="MP24" s="340">
        <v>186965173</v>
      </c>
      <c r="MQ24" s="334">
        <v>0</v>
      </c>
      <c r="MR24" s="331">
        <v>0</v>
      </c>
      <c r="MS24" s="335">
        <v>0</v>
      </c>
      <c r="MT24" s="399">
        <v>0</v>
      </c>
      <c r="MU24" s="331">
        <v>0</v>
      </c>
      <c r="MV24" s="331">
        <v>1430484</v>
      </c>
      <c r="MW24" s="331">
        <v>35454425</v>
      </c>
      <c r="MX24" s="331">
        <v>37135252</v>
      </c>
      <c r="MY24" s="331">
        <v>36723321</v>
      </c>
      <c r="MZ24" s="335">
        <v>110743482</v>
      </c>
      <c r="NA24" s="340">
        <v>110743482</v>
      </c>
      <c r="NB24" s="334">
        <v>0</v>
      </c>
      <c r="NC24" s="331">
        <v>0</v>
      </c>
      <c r="ND24" s="335">
        <v>0</v>
      </c>
      <c r="NE24" s="399">
        <v>0</v>
      </c>
      <c r="NF24" s="331">
        <v>6927000</v>
      </c>
      <c r="NG24" s="331">
        <v>14736186</v>
      </c>
      <c r="NH24" s="331">
        <v>25226127</v>
      </c>
      <c r="NI24" s="331">
        <v>17254525</v>
      </c>
      <c r="NJ24" s="331">
        <v>8637879</v>
      </c>
      <c r="NK24" s="335">
        <v>72781717</v>
      </c>
      <c r="NL24" s="333">
        <v>72781717</v>
      </c>
      <c r="NM24" s="334">
        <v>0</v>
      </c>
      <c r="NN24" s="331">
        <v>0</v>
      </c>
      <c r="NO24" s="335">
        <v>0</v>
      </c>
      <c r="NP24" s="399">
        <v>0</v>
      </c>
      <c r="NQ24" s="331">
        <v>0</v>
      </c>
      <c r="NR24" s="331">
        <v>0</v>
      </c>
      <c r="NS24" s="331">
        <v>0</v>
      </c>
      <c r="NT24" s="331">
        <v>0</v>
      </c>
      <c r="NU24" s="331">
        <v>0</v>
      </c>
      <c r="NV24" s="335">
        <v>0</v>
      </c>
      <c r="NW24" s="336">
        <v>0</v>
      </c>
      <c r="NX24" s="334">
        <v>0</v>
      </c>
      <c r="NY24" s="331">
        <v>0</v>
      </c>
      <c r="NZ24" s="335">
        <v>0</v>
      </c>
      <c r="OA24" s="399">
        <v>0</v>
      </c>
      <c r="OB24" s="331">
        <v>0</v>
      </c>
      <c r="OC24" s="331">
        <v>0</v>
      </c>
      <c r="OD24" s="331">
        <v>0</v>
      </c>
      <c r="OE24" s="331">
        <v>1200113</v>
      </c>
      <c r="OF24" s="331">
        <v>2239861</v>
      </c>
      <c r="OG24" s="335">
        <v>3439974</v>
      </c>
      <c r="OH24" s="336">
        <v>3439974</v>
      </c>
      <c r="OI24" s="334">
        <v>5846755</v>
      </c>
      <c r="OJ24" s="331">
        <v>11373619</v>
      </c>
      <c r="OK24" s="332">
        <v>17220374</v>
      </c>
      <c r="OL24" s="337">
        <v>0</v>
      </c>
      <c r="OM24" s="331">
        <v>94579435</v>
      </c>
      <c r="ON24" s="331">
        <v>107750677</v>
      </c>
      <c r="OO24" s="331">
        <v>154942948</v>
      </c>
      <c r="OP24" s="331">
        <v>122836549</v>
      </c>
      <c r="OQ24" s="331">
        <v>104983012</v>
      </c>
      <c r="OR24" s="335">
        <v>585092621</v>
      </c>
      <c r="OS24" s="340">
        <v>602312995</v>
      </c>
    </row>
    <row r="25" spans="2:409" s="56" customFormat="1" ht="21" customHeight="1" x14ac:dyDescent="0.2">
      <c r="B25" s="396" t="s">
        <v>20</v>
      </c>
      <c r="C25" s="312">
        <v>6166791</v>
      </c>
      <c r="D25" s="313">
        <v>12448561</v>
      </c>
      <c r="E25" s="314">
        <v>18615352</v>
      </c>
      <c r="F25" s="312">
        <v>0</v>
      </c>
      <c r="G25" s="313">
        <v>102789946</v>
      </c>
      <c r="H25" s="313">
        <v>88459065</v>
      </c>
      <c r="I25" s="313">
        <v>89674240</v>
      </c>
      <c r="J25" s="313">
        <v>78114788</v>
      </c>
      <c r="K25" s="313">
        <v>51090011</v>
      </c>
      <c r="L25" s="353">
        <v>410128050</v>
      </c>
      <c r="M25" s="316">
        <v>428743402</v>
      </c>
      <c r="N25" s="312">
        <v>1758723</v>
      </c>
      <c r="O25" s="313">
        <v>4739373</v>
      </c>
      <c r="P25" s="314">
        <v>6498096</v>
      </c>
      <c r="Q25" s="312">
        <v>0</v>
      </c>
      <c r="R25" s="313">
        <v>29769066</v>
      </c>
      <c r="S25" s="313">
        <v>29472844</v>
      </c>
      <c r="T25" s="313">
        <v>28932244</v>
      </c>
      <c r="U25" s="313">
        <v>29142865</v>
      </c>
      <c r="V25" s="313">
        <v>28791085</v>
      </c>
      <c r="W25" s="314">
        <v>146108104</v>
      </c>
      <c r="X25" s="316">
        <v>152606200</v>
      </c>
      <c r="Y25" s="312">
        <v>0</v>
      </c>
      <c r="Z25" s="313">
        <v>0</v>
      </c>
      <c r="AA25" s="314">
        <v>0</v>
      </c>
      <c r="AB25" s="312">
        <v>0</v>
      </c>
      <c r="AC25" s="313">
        <v>11643777</v>
      </c>
      <c r="AD25" s="313">
        <v>14021172</v>
      </c>
      <c r="AE25" s="313">
        <v>16009175</v>
      </c>
      <c r="AF25" s="313">
        <v>16873912</v>
      </c>
      <c r="AG25" s="313">
        <v>19716798</v>
      </c>
      <c r="AH25" s="314">
        <v>78264834</v>
      </c>
      <c r="AI25" s="316">
        <v>78264834</v>
      </c>
      <c r="AJ25" s="312">
        <v>0</v>
      </c>
      <c r="AK25" s="313">
        <v>0</v>
      </c>
      <c r="AL25" s="314">
        <v>0</v>
      </c>
      <c r="AM25" s="312">
        <v>0</v>
      </c>
      <c r="AN25" s="313">
        <v>130885</v>
      </c>
      <c r="AO25" s="313">
        <v>297421</v>
      </c>
      <c r="AP25" s="313">
        <v>539445</v>
      </c>
      <c r="AQ25" s="313">
        <v>1740534</v>
      </c>
      <c r="AR25" s="313">
        <v>2494759</v>
      </c>
      <c r="AS25" s="314">
        <v>5203044</v>
      </c>
      <c r="AT25" s="316">
        <v>5203044</v>
      </c>
      <c r="AU25" s="312">
        <v>1074169</v>
      </c>
      <c r="AV25" s="313">
        <v>2824064</v>
      </c>
      <c r="AW25" s="314">
        <v>3898233</v>
      </c>
      <c r="AX25" s="312">
        <v>0</v>
      </c>
      <c r="AY25" s="313">
        <v>11003903</v>
      </c>
      <c r="AZ25" s="313">
        <v>9243907</v>
      </c>
      <c r="BA25" s="313">
        <v>6172534</v>
      </c>
      <c r="BB25" s="313">
        <v>5601858</v>
      </c>
      <c r="BC25" s="313">
        <v>3411920</v>
      </c>
      <c r="BD25" s="314">
        <v>35434122</v>
      </c>
      <c r="BE25" s="316">
        <v>39332355</v>
      </c>
      <c r="BF25" s="312">
        <v>346591</v>
      </c>
      <c r="BG25" s="313">
        <v>1401551</v>
      </c>
      <c r="BH25" s="317">
        <v>1748142</v>
      </c>
      <c r="BI25" s="318">
        <v>0</v>
      </c>
      <c r="BJ25" s="313">
        <v>2993152</v>
      </c>
      <c r="BK25" s="313">
        <v>2189896</v>
      </c>
      <c r="BL25" s="313">
        <v>1667272</v>
      </c>
      <c r="BM25" s="313">
        <v>1475943</v>
      </c>
      <c r="BN25" s="313">
        <v>389861</v>
      </c>
      <c r="BO25" s="314">
        <v>8716124</v>
      </c>
      <c r="BP25" s="316">
        <v>10464266</v>
      </c>
      <c r="BQ25" s="312">
        <v>337963</v>
      </c>
      <c r="BR25" s="313">
        <v>513758</v>
      </c>
      <c r="BS25" s="314">
        <v>851721</v>
      </c>
      <c r="BT25" s="312">
        <v>0</v>
      </c>
      <c r="BU25" s="313">
        <v>3997349</v>
      </c>
      <c r="BV25" s="313">
        <v>3720448</v>
      </c>
      <c r="BW25" s="313">
        <v>4543818</v>
      </c>
      <c r="BX25" s="313">
        <v>3450618</v>
      </c>
      <c r="BY25" s="313">
        <v>2777747</v>
      </c>
      <c r="BZ25" s="314">
        <v>18489980</v>
      </c>
      <c r="CA25" s="316">
        <v>19341701</v>
      </c>
      <c r="CB25" s="312">
        <v>373045</v>
      </c>
      <c r="CC25" s="313">
        <v>1434943</v>
      </c>
      <c r="CD25" s="314">
        <v>1807988</v>
      </c>
      <c r="CE25" s="312">
        <v>0</v>
      </c>
      <c r="CF25" s="313">
        <v>30742210</v>
      </c>
      <c r="CG25" s="313">
        <v>25090246</v>
      </c>
      <c r="CH25" s="313">
        <v>22087217</v>
      </c>
      <c r="CI25" s="313">
        <v>14736203</v>
      </c>
      <c r="CJ25" s="313">
        <v>4483619</v>
      </c>
      <c r="CK25" s="314">
        <v>97139495</v>
      </c>
      <c r="CL25" s="316">
        <v>98947483</v>
      </c>
      <c r="CM25" s="312">
        <v>0</v>
      </c>
      <c r="CN25" s="313">
        <v>0</v>
      </c>
      <c r="CO25" s="314">
        <v>0</v>
      </c>
      <c r="CP25" s="318">
        <v>0</v>
      </c>
      <c r="CQ25" s="313">
        <v>23054063</v>
      </c>
      <c r="CR25" s="313">
        <v>18685626</v>
      </c>
      <c r="CS25" s="313">
        <v>18095226</v>
      </c>
      <c r="CT25" s="313">
        <v>10542931</v>
      </c>
      <c r="CU25" s="313">
        <v>3122648</v>
      </c>
      <c r="CV25" s="314">
        <v>73500494</v>
      </c>
      <c r="CW25" s="316">
        <v>73500494</v>
      </c>
      <c r="CX25" s="312">
        <v>373045</v>
      </c>
      <c r="CY25" s="313">
        <v>1434943</v>
      </c>
      <c r="CZ25" s="314">
        <v>1807988</v>
      </c>
      <c r="DA25" s="312">
        <v>0</v>
      </c>
      <c r="DB25" s="313">
        <v>7688147</v>
      </c>
      <c r="DC25" s="313">
        <v>6404620</v>
      </c>
      <c r="DD25" s="313">
        <v>3991991</v>
      </c>
      <c r="DE25" s="313">
        <v>4193272</v>
      </c>
      <c r="DF25" s="313">
        <v>1360971</v>
      </c>
      <c r="DG25" s="314">
        <v>23639001</v>
      </c>
      <c r="DH25" s="316">
        <v>25446989</v>
      </c>
      <c r="DI25" s="312">
        <v>12796</v>
      </c>
      <c r="DJ25" s="313">
        <v>56257</v>
      </c>
      <c r="DK25" s="317">
        <v>69053</v>
      </c>
      <c r="DL25" s="318">
        <v>0</v>
      </c>
      <c r="DM25" s="313">
        <v>3445566</v>
      </c>
      <c r="DN25" s="313">
        <v>4157492</v>
      </c>
      <c r="DO25" s="313">
        <v>10448111</v>
      </c>
      <c r="DP25" s="313">
        <v>6823008</v>
      </c>
      <c r="DQ25" s="313">
        <v>5035640</v>
      </c>
      <c r="DR25" s="314">
        <v>29909817</v>
      </c>
      <c r="DS25" s="316">
        <v>29978870</v>
      </c>
      <c r="DT25" s="312">
        <v>12796</v>
      </c>
      <c r="DU25" s="313">
        <v>56257</v>
      </c>
      <c r="DV25" s="314">
        <v>69053</v>
      </c>
      <c r="DW25" s="312">
        <v>0</v>
      </c>
      <c r="DX25" s="313">
        <v>3140933</v>
      </c>
      <c r="DY25" s="313">
        <v>3939155</v>
      </c>
      <c r="DZ25" s="313">
        <v>10196700</v>
      </c>
      <c r="EA25" s="313">
        <v>6092508</v>
      </c>
      <c r="EB25" s="313">
        <v>4437721</v>
      </c>
      <c r="EC25" s="314">
        <v>27807017</v>
      </c>
      <c r="ED25" s="316">
        <v>27876070</v>
      </c>
      <c r="EE25" s="312">
        <v>0</v>
      </c>
      <c r="EF25" s="317">
        <v>0</v>
      </c>
      <c r="EG25" s="314">
        <v>0</v>
      </c>
      <c r="EH25" s="312">
        <v>0</v>
      </c>
      <c r="EI25" s="313">
        <v>304633</v>
      </c>
      <c r="EJ25" s="313">
        <v>218337</v>
      </c>
      <c r="EK25" s="313">
        <v>251411</v>
      </c>
      <c r="EL25" s="313">
        <v>730500</v>
      </c>
      <c r="EM25" s="313">
        <v>597919</v>
      </c>
      <c r="EN25" s="317">
        <v>2102800</v>
      </c>
      <c r="EO25" s="316">
        <v>2102800</v>
      </c>
      <c r="EP25" s="312">
        <v>0</v>
      </c>
      <c r="EQ25" s="313">
        <v>0</v>
      </c>
      <c r="ER25" s="317">
        <v>0</v>
      </c>
      <c r="ES25" s="318">
        <v>0</v>
      </c>
      <c r="ET25" s="313">
        <v>0</v>
      </c>
      <c r="EU25" s="313">
        <v>0</v>
      </c>
      <c r="EV25" s="313">
        <v>0</v>
      </c>
      <c r="EW25" s="313">
        <v>0</v>
      </c>
      <c r="EX25" s="313">
        <v>0</v>
      </c>
      <c r="EY25" s="314">
        <v>0</v>
      </c>
      <c r="EZ25" s="316">
        <v>0</v>
      </c>
      <c r="FA25" s="312">
        <v>0</v>
      </c>
      <c r="FB25" s="313">
        <v>0</v>
      </c>
      <c r="FC25" s="317">
        <v>0</v>
      </c>
      <c r="FD25" s="318">
        <v>0</v>
      </c>
      <c r="FE25" s="313">
        <v>0</v>
      </c>
      <c r="FF25" s="313">
        <v>0</v>
      </c>
      <c r="FG25" s="313">
        <v>0</v>
      </c>
      <c r="FH25" s="313">
        <v>0</v>
      </c>
      <c r="FI25" s="313">
        <v>0</v>
      </c>
      <c r="FJ25" s="314">
        <v>0</v>
      </c>
      <c r="FK25" s="316">
        <v>0</v>
      </c>
      <c r="FL25" s="312">
        <v>2103249</v>
      </c>
      <c r="FM25" s="313">
        <v>2799270</v>
      </c>
      <c r="FN25" s="314">
        <v>4902519</v>
      </c>
      <c r="FO25" s="312">
        <v>0</v>
      </c>
      <c r="FP25" s="313">
        <v>7488803</v>
      </c>
      <c r="FQ25" s="313">
        <v>7840134</v>
      </c>
      <c r="FR25" s="313">
        <v>6920713</v>
      </c>
      <c r="FS25" s="313">
        <v>5873751</v>
      </c>
      <c r="FT25" s="313">
        <v>3802734</v>
      </c>
      <c r="FU25" s="314">
        <v>31926135</v>
      </c>
      <c r="FV25" s="316">
        <v>36828654</v>
      </c>
      <c r="FW25" s="319">
        <v>933899</v>
      </c>
      <c r="FX25" s="313">
        <v>2361420</v>
      </c>
      <c r="FY25" s="317">
        <v>3295319</v>
      </c>
      <c r="FZ25" s="318">
        <v>0</v>
      </c>
      <c r="GA25" s="313">
        <v>6244032</v>
      </c>
      <c r="GB25" s="313">
        <v>7109604</v>
      </c>
      <c r="GC25" s="313">
        <v>6474151</v>
      </c>
      <c r="GD25" s="313">
        <v>5589916</v>
      </c>
      <c r="GE25" s="313">
        <v>3474050</v>
      </c>
      <c r="GF25" s="314">
        <v>28891753</v>
      </c>
      <c r="GG25" s="320">
        <v>32187072</v>
      </c>
      <c r="GH25" s="319">
        <v>40500</v>
      </c>
      <c r="GI25" s="313">
        <v>59940</v>
      </c>
      <c r="GJ25" s="317">
        <v>100440</v>
      </c>
      <c r="GK25" s="318">
        <v>0</v>
      </c>
      <c r="GL25" s="313">
        <v>463288</v>
      </c>
      <c r="GM25" s="313">
        <v>177930</v>
      </c>
      <c r="GN25" s="313">
        <v>308862</v>
      </c>
      <c r="GO25" s="313">
        <v>83315</v>
      </c>
      <c r="GP25" s="313">
        <v>328684</v>
      </c>
      <c r="GQ25" s="314">
        <v>1362079</v>
      </c>
      <c r="GR25" s="316">
        <v>1462519</v>
      </c>
      <c r="GS25" s="312">
        <v>1128850</v>
      </c>
      <c r="GT25" s="313">
        <v>377910</v>
      </c>
      <c r="GU25" s="314">
        <v>1506760</v>
      </c>
      <c r="GV25" s="312">
        <v>0</v>
      </c>
      <c r="GW25" s="313">
        <v>781483</v>
      </c>
      <c r="GX25" s="313">
        <v>552600</v>
      </c>
      <c r="GY25" s="313">
        <v>137700</v>
      </c>
      <c r="GZ25" s="313">
        <v>200520</v>
      </c>
      <c r="HA25" s="313">
        <v>0</v>
      </c>
      <c r="HB25" s="317">
        <v>1672303</v>
      </c>
      <c r="HC25" s="316">
        <v>3179063</v>
      </c>
      <c r="HD25" s="312">
        <v>760882</v>
      </c>
      <c r="HE25" s="313">
        <v>1343798</v>
      </c>
      <c r="HF25" s="317">
        <v>2104680</v>
      </c>
      <c r="HG25" s="318">
        <v>0</v>
      </c>
      <c r="HH25" s="313">
        <v>14037733</v>
      </c>
      <c r="HI25" s="313">
        <v>11470971</v>
      </c>
      <c r="HJ25" s="313">
        <v>13165468</v>
      </c>
      <c r="HK25" s="313">
        <v>16031245</v>
      </c>
      <c r="HL25" s="313">
        <v>5912447</v>
      </c>
      <c r="HM25" s="314">
        <v>60617864</v>
      </c>
      <c r="HN25" s="315">
        <v>62722544</v>
      </c>
      <c r="HO25" s="319">
        <v>1158096</v>
      </c>
      <c r="HP25" s="313">
        <v>2074920</v>
      </c>
      <c r="HQ25" s="314">
        <v>3233016</v>
      </c>
      <c r="HR25" s="312">
        <v>0</v>
      </c>
      <c r="HS25" s="313">
        <v>17306568</v>
      </c>
      <c r="HT25" s="313">
        <v>10427378</v>
      </c>
      <c r="HU25" s="313">
        <v>8120487</v>
      </c>
      <c r="HV25" s="313">
        <v>5507716</v>
      </c>
      <c r="HW25" s="313">
        <v>3064486</v>
      </c>
      <c r="HX25" s="317">
        <v>44426635</v>
      </c>
      <c r="HY25" s="316">
        <v>47659651</v>
      </c>
      <c r="HZ25" s="321">
        <v>119952</v>
      </c>
      <c r="IA25" s="322">
        <v>0</v>
      </c>
      <c r="IB25" s="323">
        <v>119952</v>
      </c>
      <c r="IC25" s="324">
        <v>0</v>
      </c>
      <c r="ID25" s="322">
        <v>16724243</v>
      </c>
      <c r="IE25" s="325">
        <v>16613078</v>
      </c>
      <c r="IF25" s="323">
        <v>26686838</v>
      </c>
      <c r="IG25" s="322">
        <v>7782454</v>
      </c>
      <c r="IH25" s="323">
        <v>7799203</v>
      </c>
      <c r="II25" s="326">
        <v>75605816</v>
      </c>
      <c r="IJ25" s="327">
        <v>75725768</v>
      </c>
      <c r="IK25" s="328">
        <v>0</v>
      </c>
      <c r="IL25" s="329">
        <v>0</v>
      </c>
      <c r="IM25" s="330">
        <v>0</v>
      </c>
      <c r="IN25" s="390">
        <v>0</v>
      </c>
      <c r="IO25" s="331">
        <v>93201</v>
      </c>
      <c r="IP25" s="331">
        <v>0</v>
      </c>
      <c r="IQ25" s="331">
        <v>0</v>
      </c>
      <c r="IR25" s="331">
        <v>0</v>
      </c>
      <c r="IS25" s="331">
        <v>536832</v>
      </c>
      <c r="IT25" s="332">
        <v>630033</v>
      </c>
      <c r="IU25" s="333">
        <v>630033</v>
      </c>
      <c r="IV25" s="334">
        <v>0</v>
      </c>
      <c r="IW25" s="331">
        <v>0</v>
      </c>
      <c r="IX25" s="335">
        <v>0</v>
      </c>
      <c r="IY25" s="399">
        <v>0</v>
      </c>
      <c r="IZ25" s="331">
        <v>0</v>
      </c>
      <c r="JA25" s="331">
        <v>0</v>
      </c>
      <c r="JB25" s="331">
        <v>0</v>
      </c>
      <c r="JC25" s="331">
        <v>0</v>
      </c>
      <c r="JD25" s="331">
        <v>0</v>
      </c>
      <c r="JE25" s="335">
        <v>0</v>
      </c>
      <c r="JF25" s="336">
        <v>0</v>
      </c>
      <c r="JG25" s="334">
        <v>0</v>
      </c>
      <c r="JH25" s="331">
        <v>0</v>
      </c>
      <c r="JI25" s="332">
        <v>0</v>
      </c>
      <c r="JJ25" s="337">
        <v>0</v>
      </c>
      <c r="JK25" s="331">
        <v>9142653</v>
      </c>
      <c r="JL25" s="331">
        <v>6779934</v>
      </c>
      <c r="JM25" s="331">
        <v>6053845</v>
      </c>
      <c r="JN25" s="331">
        <v>2006613</v>
      </c>
      <c r="JO25" s="331">
        <v>900802</v>
      </c>
      <c r="JP25" s="335">
        <v>24883847</v>
      </c>
      <c r="JQ25" s="333">
        <v>24883847</v>
      </c>
      <c r="JR25" s="334">
        <v>0</v>
      </c>
      <c r="JS25" s="331">
        <v>0</v>
      </c>
      <c r="JT25" s="332">
        <v>0</v>
      </c>
      <c r="JU25" s="337">
        <v>0</v>
      </c>
      <c r="JV25" s="331">
        <v>0</v>
      </c>
      <c r="JW25" s="331">
        <v>45283</v>
      </c>
      <c r="JX25" s="331">
        <v>1043156</v>
      </c>
      <c r="JY25" s="331">
        <v>827497</v>
      </c>
      <c r="JZ25" s="331">
        <v>906852</v>
      </c>
      <c r="KA25" s="335">
        <v>2822788</v>
      </c>
      <c r="KB25" s="333">
        <v>2822788</v>
      </c>
      <c r="KC25" s="338">
        <v>119952</v>
      </c>
      <c r="KD25" s="339">
        <v>0</v>
      </c>
      <c r="KE25" s="335">
        <v>119952</v>
      </c>
      <c r="KF25" s="337">
        <v>0</v>
      </c>
      <c r="KG25" s="331">
        <v>3095864</v>
      </c>
      <c r="KH25" s="331">
        <v>2513676</v>
      </c>
      <c r="KI25" s="331">
        <v>4053861</v>
      </c>
      <c r="KJ25" s="331">
        <v>1096169</v>
      </c>
      <c r="KK25" s="331">
        <v>333678</v>
      </c>
      <c r="KL25" s="335">
        <v>11093248</v>
      </c>
      <c r="KM25" s="340">
        <v>11213200</v>
      </c>
      <c r="KN25" s="328">
        <v>0</v>
      </c>
      <c r="KO25" s="329">
        <v>0</v>
      </c>
      <c r="KP25" s="330">
        <v>0</v>
      </c>
      <c r="KQ25" s="399">
        <v>0</v>
      </c>
      <c r="KR25" s="331">
        <v>4392525</v>
      </c>
      <c r="KS25" s="331">
        <v>7274185</v>
      </c>
      <c r="KT25" s="331">
        <v>15535976</v>
      </c>
      <c r="KU25" s="331">
        <v>3852175</v>
      </c>
      <c r="KV25" s="331">
        <v>5121039</v>
      </c>
      <c r="KW25" s="335">
        <v>36175900</v>
      </c>
      <c r="KX25" s="333">
        <v>36175900</v>
      </c>
      <c r="KY25" s="334">
        <v>0</v>
      </c>
      <c r="KZ25" s="331">
        <v>0</v>
      </c>
      <c r="LA25" s="335">
        <v>0</v>
      </c>
      <c r="LB25" s="399">
        <v>0</v>
      </c>
      <c r="LC25" s="331">
        <v>0</v>
      </c>
      <c r="LD25" s="331">
        <v>0</v>
      </c>
      <c r="LE25" s="331">
        <v>0</v>
      </c>
      <c r="LF25" s="331">
        <v>0</v>
      </c>
      <c r="LG25" s="331">
        <v>0</v>
      </c>
      <c r="LH25" s="335">
        <v>0</v>
      </c>
      <c r="LI25" s="336">
        <v>0</v>
      </c>
      <c r="LJ25" s="334">
        <v>0</v>
      </c>
      <c r="LK25" s="331">
        <v>0</v>
      </c>
      <c r="LL25" s="335">
        <v>0</v>
      </c>
      <c r="LM25" s="399">
        <v>0</v>
      </c>
      <c r="LN25" s="331">
        <v>0</v>
      </c>
      <c r="LO25" s="331">
        <v>0</v>
      </c>
      <c r="LP25" s="331">
        <v>0</v>
      </c>
      <c r="LQ25" s="331">
        <v>0</v>
      </c>
      <c r="LR25" s="331">
        <v>0</v>
      </c>
      <c r="LS25" s="335">
        <v>0</v>
      </c>
      <c r="LT25" s="333">
        <v>0</v>
      </c>
      <c r="LU25" s="334">
        <v>0</v>
      </c>
      <c r="LV25" s="331">
        <v>0</v>
      </c>
      <c r="LW25" s="335">
        <v>0</v>
      </c>
      <c r="LX25" s="399">
        <v>0</v>
      </c>
      <c r="LY25" s="331">
        <v>0</v>
      </c>
      <c r="LZ25" s="331">
        <v>0</v>
      </c>
      <c r="MA25" s="331">
        <v>0</v>
      </c>
      <c r="MB25" s="331">
        <v>0</v>
      </c>
      <c r="MC25" s="331">
        <v>0</v>
      </c>
      <c r="MD25" s="335">
        <v>0</v>
      </c>
      <c r="ME25" s="336">
        <v>0</v>
      </c>
      <c r="MF25" s="334">
        <v>0</v>
      </c>
      <c r="MG25" s="331">
        <v>0</v>
      </c>
      <c r="MH25" s="335">
        <v>0</v>
      </c>
      <c r="MI25" s="399">
        <v>0</v>
      </c>
      <c r="MJ25" s="331">
        <v>4014112</v>
      </c>
      <c r="MK25" s="331">
        <v>15352123</v>
      </c>
      <c r="ML25" s="331">
        <v>50903598</v>
      </c>
      <c r="MM25" s="331">
        <v>83689812</v>
      </c>
      <c r="MN25" s="331">
        <v>43459239</v>
      </c>
      <c r="MO25" s="335">
        <v>197418884</v>
      </c>
      <c r="MP25" s="340">
        <v>197418884</v>
      </c>
      <c r="MQ25" s="334">
        <v>0</v>
      </c>
      <c r="MR25" s="331">
        <v>0</v>
      </c>
      <c r="MS25" s="335">
        <v>0</v>
      </c>
      <c r="MT25" s="399">
        <v>0</v>
      </c>
      <c r="MU25" s="331">
        <v>1303821</v>
      </c>
      <c r="MV25" s="331">
        <v>5742685</v>
      </c>
      <c r="MW25" s="331">
        <v>40717473</v>
      </c>
      <c r="MX25" s="331">
        <v>65654151</v>
      </c>
      <c r="MY25" s="331">
        <v>33323347</v>
      </c>
      <c r="MZ25" s="335">
        <v>146741477</v>
      </c>
      <c r="NA25" s="340">
        <v>146741477</v>
      </c>
      <c r="NB25" s="334">
        <v>0</v>
      </c>
      <c r="NC25" s="331">
        <v>0</v>
      </c>
      <c r="ND25" s="335">
        <v>0</v>
      </c>
      <c r="NE25" s="399">
        <v>0</v>
      </c>
      <c r="NF25" s="331">
        <v>2710291</v>
      </c>
      <c r="NG25" s="331">
        <v>9609438</v>
      </c>
      <c r="NH25" s="331">
        <v>10186125</v>
      </c>
      <c r="NI25" s="331">
        <v>17233650</v>
      </c>
      <c r="NJ25" s="331">
        <v>8063522</v>
      </c>
      <c r="NK25" s="335">
        <v>47803026</v>
      </c>
      <c r="NL25" s="333">
        <v>47803026</v>
      </c>
      <c r="NM25" s="334">
        <v>0</v>
      </c>
      <c r="NN25" s="331">
        <v>0</v>
      </c>
      <c r="NO25" s="335">
        <v>0</v>
      </c>
      <c r="NP25" s="399">
        <v>0</v>
      </c>
      <c r="NQ25" s="331">
        <v>0</v>
      </c>
      <c r="NR25" s="331">
        <v>0</v>
      </c>
      <c r="NS25" s="331">
        <v>0</v>
      </c>
      <c r="NT25" s="331">
        <v>0</v>
      </c>
      <c r="NU25" s="331">
        <v>0</v>
      </c>
      <c r="NV25" s="335">
        <v>0</v>
      </c>
      <c r="NW25" s="336">
        <v>0</v>
      </c>
      <c r="NX25" s="334">
        <v>0</v>
      </c>
      <c r="NY25" s="331">
        <v>0</v>
      </c>
      <c r="NZ25" s="335">
        <v>0</v>
      </c>
      <c r="OA25" s="399">
        <v>0</v>
      </c>
      <c r="OB25" s="331">
        <v>0</v>
      </c>
      <c r="OC25" s="331">
        <v>0</v>
      </c>
      <c r="OD25" s="331">
        <v>0</v>
      </c>
      <c r="OE25" s="331">
        <v>802011</v>
      </c>
      <c r="OF25" s="331">
        <v>2072370</v>
      </c>
      <c r="OG25" s="335">
        <v>2874381</v>
      </c>
      <c r="OH25" s="336">
        <v>2874381</v>
      </c>
      <c r="OI25" s="334">
        <v>6286743</v>
      </c>
      <c r="OJ25" s="331">
        <v>12448561</v>
      </c>
      <c r="OK25" s="332">
        <v>18735304</v>
      </c>
      <c r="OL25" s="337">
        <v>0</v>
      </c>
      <c r="OM25" s="331">
        <v>123528301</v>
      </c>
      <c r="ON25" s="331">
        <v>120424266</v>
      </c>
      <c r="OO25" s="331">
        <v>167264676</v>
      </c>
      <c r="OP25" s="331">
        <v>169587054</v>
      </c>
      <c r="OQ25" s="331">
        <v>102348453</v>
      </c>
      <c r="OR25" s="335">
        <v>683152750</v>
      </c>
      <c r="OS25" s="340">
        <v>701888054</v>
      </c>
    </row>
    <row r="26" spans="2:409" s="56" customFormat="1" ht="21" customHeight="1" x14ac:dyDescent="0.2">
      <c r="B26" s="396" t="s">
        <v>21</v>
      </c>
      <c r="C26" s="312">
        <v>6645311</v>
      </c>
      <c r="D26" s="313">
        <v>12359802</v>
      </c>
      <c r="E26" s="314">
        <v>19005113</v>
      </c>
      <c r="F26" s="315">
        <v>0</v>
      </c>
      <c r="G26" s="313">
        <v>84064002</v>
      </c>
      <c r="H26" s="313">
        <v>112122745</v>
      </c>
      <c r="I26" s="313">
        <v>104334332</v>
      </c>
      <c r="J26" s="313">
        <v>80983029</v>
      </c>
      <c r="K26" s="313">
        <v>62173284</v>
      </c>
      <c r="L26" s="353">
        <v>443677392</v>
      </c>
      <c r="M26" s="316">
        <v>462682505</v>
      </c>
      <c r="N26" s="312">
        <v>2270956</v>
      </c>
      <c r="O26" s="313">
        <v>4043133</v>
      </c>
      <c r="P26" s="314">
        <v>6314089</v>
      </c>
      <c r="Q26" s="312">
        <v>0</v>
      </c>
      <c r="R26" s="313">
        <v>26554368</v>
      </c>
      <c r="S26" s="313">
        <v>40687842</v>
      </c>
      <c r="T26" s="313">
        <v>38453043</v>
      </c>
      <c r="U26" s="313">
        <v>33940641</v>
      </c>
      <c r="V26" s="313">
        <v>32021952</v>
      </c>
      <c r="W26" s="314">
        <v>171657846</v>
      </c>
      <c r="X26" s="316">
        <v>177971935</v>
      </c>
      <c r="Y26" s="312">
        <v>0</v>
      </c>
      <c r="Z26" s="313">
        <v>0</v>
      </c>
      <c r="AA26" s="314">
        <v>0</v>
      </c>
      <c r="AB26" s="312">
        <v>0</v>
      </c>
      <c r="AC26" s="313">
        <v>11809069</v>
      </c>
      <c r="AD26" s="313">
        <v>20763638</v>
      </c>
      <c r="AE26" s="313">
        <v>22768719</v>
      </c>
      <c r="AF26" s="313">
        <v>21130281</v>
      </c>
      <c r="AG26" s="313">
        <v>20556572</v>
      </c>
      <c r="AH26" s="314">
        <v>97028279</v>
      </c>
      <c r="AI26" s="316">
        <v>97028279</v>
      </c>
      <c r="AJ26" s="312">
        <v>0</v>
      </c>
      <c r="AK26" s="313">
        <v>0</v>
      </c>
      <c r="AL26" s="314">
        <v>0</v>
      </c>
      <c r="AM26" s="312">
        <v>0</v>
      </c>
      <c r="AN26" s="313">
        <v>0</v>
      </c>
      <c r="AO26" s="313">
        <v>138280</v>
      </c>
      <c r="AP26" s="313">
        <v>710752</v>
      </c>
      <c r="AQ26" s="313">
        <v>1828083</v>
      </c>
      <c r="AR26" s="313">
        <v>2890548</v>
      </c>
      <c r="AS26" s="314">
        <v>5567663</v>
      </c>
      <c r="AT26" s="316">
        <v>5567663</v>
      </c>
      <c r="AU26" s="312">
        <v>1257239</v>
      </c>
      <c r="AV26" s="313">
        <v>2595717</v>
      </c>
      <c r="AW26" s="314">
        <v>3852956</v>
      </c>
      <c r="AX26" s="312">
        <v>0</v>
      </c>
      <c r="AY26" s="313">
        <v>9355399</v>
      </c>
      <c r="AZ26" s="313">
        <v>12272176</v>
      </c>
      <c r="BA26" s="313">
        <v>8832193</v>
      </c>
      <c r="BB26" s="313">
        <v>6335693</v>
      </c>
      <c r="BC26" s="313">
        <v>5165936</v>
      </c>
      <c r="BD26" s="314">
        <v>41961397</v>
      </c>
      <c r="BE26" s="316">
        <v>45814353</v>
      </c>
      <c r="BF26" s="312">
        <v>335870</v>
      </c>
      <c r="BG26" s="313">
        <v>855995</v>
      </c>
      <c r="BH26" s="317">
        <v>1191865</v>
      </c>
      <c r="BI26" s="318">
        <v>0</v>
      </c>
      <c r="BJ26" s="313">
        <v>893013</v>
      </c>
      <c r="BK26" s="313">
        <v>1758835</v>
      </c>
      <c r="BL26" s="313">
        <v>1032833</v>
      </c>
      <c r="BM26" s="313">
        <v>299667</v>
      </c>
      <c r="BN26" s="313">
        <v>182074</v>
      </c>
      <c r="BO26" s="314">
        <v>4166422</v>
      </c>
      <c r="BP26" s="316">
        <v>5358287</v>
      </c>
      <c r="BQ26" s="312">
        <v>677847</v>
      </c>
      <c r="BR26" s="313">
        <v>591421</v>
      </c>
      <c r="BS26" s="314">
        <v>1269268</v>
      </c>
      <c r="BT26" s="312">
        <v>0</v>
      </c>
      <c r="BU26" s="313">
        <v>4496887</v>
      </c>
      <c r="BV26" s="313">
        <v>5754913</v>
      </c>
      <c r="BW26" s="313">
        <v>5108546</v>
      </c>
      <c r="BX26" s="313">
        <v>4346917</v>
      </c>
      <c r="BY26" s="313">
        <v>3226822</v>
      </c>
      <c r="BZ26" s="314">
        <v>22934085</v>
      </c>
      <c r="CA26" s="316">
        <v>24203353</v>
      </c>
      <c r="CB26" s="312">
        <v>593880</v>
      </c>
      <c r="CC26" s="313">
        <v>1377640</v>
      </c>
      <c r="CD26" s="314">
        <v>1971520</v>
      </c>
      <c r="CE26" s="312">
        <v>0</v>
      </c>
      <c r="CF26" s="313">
        <v>24470332</v>
      </c>
      <c r="CG26" s="313">
        <v>31191001</v>
      </c>
      <c r="CH26" s="313">
        <v>25113430</v>
      </c>
      <c r="CI26" s="313">
        <v>12981706</v>
      </c>
      <c r="CJ26" s="313">
        <v>5999084</v>
      </c>
      <c r="CK26" s="314">
        <v>99755553</v>
      </c>
      <c r="CL26" s="316">
        <v>101727073</v>
      </c>
      <c r="CM26" s="312">
        <v>0</v>
      </c>
      <c r="CN26" s="313">
        <v>0</v>
      </c>
      <c r="CO26" s="314">
        <v>0</v>
      </c>
      <c r="CP26" s="318">
        <v>0</v>
      </c>
      <c r="CQ26" s="313">
        <v>21089501</v>
      </c>
      <c r="CR26" s="313">
        <v>26828503</v>
      </c>
      <c r="CS26" s="313">
        <v>22233321</v>
      </c>
      <c r="CT26" s="313">
        <v>11317411</v>
      </c>
      <c r="CU26" s="313">
        <v>5175341</v>
      </c>
      <c r="CV26" s="314">
        <v>86644077</v>
      </c>
      <c r="CW26" s="316">
        <v>86644077</v>
      </c>
      <c r="CX26" s="312">
        <v>593880</v>
      </c>
      <c r="CY26" s="313">
        <v>1377640</v>
      </c>
      <c r="CZ26" s="314">
        <v>1971520</v>
      </c>
      <c r="DA26" s="312">
        <v>0</v>
      </c>
      <c r="DB26" s="313">
        <v>3380831</v>
      </c>
      <c r="DC26" s="313">
        <v>4362498</v>
      </c>
      <c r="DD26" s="313">
        <v>2880109</v>
      </c>
      <c r="DE26" s="313">
        <v>1664295</v>
      </c>
      <c r="DF26" s="313">
        <v>823743</v>
      </c>
      <c r="DG26" s="314">
        <v>13111476</v>
      </c>
      <c r="DH26" s="316">
        <v>15082996</v>
      </c>
      <c r="DI26" s="312">
        <v>45906</v>
      </c>
      <c r="DJ26" s="313">
        <v>180158</v>
      </c>
      <c r="DK26" s="317">
        <v>226064</v>
      </c>
      <c r="DL26" s="318">
        <v>0</v>
      </c>
      <c r="DM26" s="313">
        <v>734934</v>
      </c>
      <c r="DN26" s="313">
        <v>4366128</v>
      </c>
      <c r="DO26" s="313">
        <v>9861392</v>
      </c>
      <c r="DP26" s="313">
        <v>6556140</v>
      </c>
      <c r="DQ26" s="313">
        <v>5490561</v>
      </c>
      <c r="DR26" s="314">
        <v>27009155</v>
      </c>
      <c r="DS26" s="316">
        <v>27235219</v>
      </c>
      <c r="DT26" s="312">
        <v>45906</v>
      </c>
      <c r="DU26" s="313">
        <v>75011</v>
      </c>
      <c r="DV26" s="314">
        <v>120917</v>
      </c>
      <c r="DW26" s="312">
        <v>0</v>
      </c>
      <c r="DX26" s="313">
        <v>702104</v>
      </c>
      <c r="DY26" s="313">
        <v>4258364</v>
      </c>
      <c r="DZ26" s="313">
        <v>9285086</v>
      </c>
      <c r="EA26" s="313">
        <v>6333400</v>
      </c>
      <c r="EB26" s="313">
        <v>4603785</v>
      </c>
      <c r="EC26" s="314">
        <v>25182739</v>
      </c>
      <c r="ED26" s="316">
        <v>25303656</v>
      </c>
      <c r="EE26" s="312">
        <v>0</v>
      </c>
      <c r="EF26" s="317">
        <v>105147</v>
      </c>
      <c r="EG26" s="314">
        <v>105147</v>
      </c>
      <c r="EH26" s="312">
        <v>0</v>
      </c>
      <c r="EI26" s="313">
        <v>32830</v>
      </c>
      <c r="EJ26" s="313">
        <v>107764</v>
      </c>
      <c r="EK26" s="313">
        <v>576306</v>
      </c>
      <c r="EL26" s="313">
        <v>222740</v>
      </c>
      <c r="EM26" s="313">
        <v>886776</v>
      </c>
      <c r="EN26" s="317">
        <v>1826416</v>
      </c>
      <c r="EO26" s="316">
        <v>1931563</v>
      </c>
      <c r="EP26" s="312">
        <v>0</v>
      </c>
      <c r="EQ26" s="313">
        <v>0</v>
      </c>
      <c r="ER26" s="317">
        <v>0</v>
      </c>
      <c r="ES26" s="318">
        <v>0</v>
      </c>
      <c r="ET26" s="313">
        <v>0</v>
      </c>
      <c r="EU26" s="313">
        <v>0</v>
      </c>
      <c r="EV26" s="313">
        <v>0</v>
      </c>
      <c r="EW26" s="313">
        <v>0</v>
      </c>
      <c r="EX26" s="313">
        <v>0</v>
      </c>
      <c r="EY26" s="314">
        <v>0</v>
      </c>
      <c r="EZ26" s="316">
        <v>0</v>
      </c>
      <c r="FA26" s="312">
        <v>0</v>
      </c>
      <c r="FB26" s="313">
        <v>0</v>
      </c>
      <c r="FC26" s="317">
        <v>0</v>
      </c>
      <c r="FD26" s="318">
        <v>0</v>
      </c>
      <c r="FE26" s="313">
        <v>0</v>
      </c>
      <c r="FF26" s="313">
        <v>0</v>
      </c>
      <c r="FG26" s="313">
        <v>0</v>
      </c>
      <c r="FH26" s="313">
        <v>0</v>
      </c>
      <c r="FI26" s="313">
        <v>0</v>
      </c>
      <c r="FJ26" s="314">
        <v>0</v>
      </c>
      <c r="FK26" s="316">
        <v>0</v>
      </c>
      <c r="FL26" s="312">
        <v>1413714</v>
      </c>
      <c r="FM26" s="313">
        <v>3743055</v>
      </c>
      <c r="FN26" s="314">
        <v>5156769</v>
      </c>
      <c r="FO26" s="312">
        <v>0</v>
      </c>
      <c r="FP26" s="313">
        <v>4006720</v>
      </c>
      <c r="FQ26" s="313">
        <v>10029497</v>
      </c>
      <c r="FR26" s="313">
        <v>8185434</v>
      </c>
      <c r="FS26" s="313">
        <v>5412438</v>
      </c>
      <c r="FT26" s="313">
        <v>4195960</v>
      </c>
      <c r="FU26" s="314">
        <v>31830049</v>
      </c>
      <c r="FV26" s="316">
        <v>36986818</v>
      </c>
      <c r="FW26" s="319">
        <v>1007923</v>
      </c>
      <c r="FX26" s="313">
        <v>2136196</v>
      </c>
      <c r="FY26" s="317">
        <v>3144119</v>
      </c>
      <c r="FZ26" s="318">
        <v>0</v>
      </c>
      <c r="GA26" s="313">
        <v>3481510</v>
      </c>
      <c r="GB26" s="313">
        <v>9697574</v>
      </c>
      <c r="GC26" s="313">
        <v>7600010</v>
      </c>
      <c r="GD26" s="313">
        <v>5328783</v>
      </c>
      <c r="GE26" s="313">
        <v>4138418</v>
      </c>
      <c r="GF26" s="314">
        <v>30246295</v>
      </c>
      <c r="GG26" s="320">
        <v>33390414</v>
      </c>
      <c r="GH26" s="319">
        <v>198341</v>
      </c>
      <c r="GI26" s="313">
        <v>43740</v>
      </c>
      <c r="GJ26" s="317">
        <v>242081</v>
      </c>
      <c r="GK26" s="318">
        <v>0</v>
      </c>
      <c r="GL26" s="313">
        <v>124800</v>
      </c>
      <c r="GM26" s="313">
        <v>143373</v>
      </c>
      <c r="GN26" s="313">
        <v>111144</v>
      </c>
      <c r="GO26" s="313">
        <v>83655</v>
      </c>
      <c r="GP26" s="313">
        <v>57542</v>
      </c>
      <c r="GQ26" s="314">
        <v>520514</v>
      </c>
      <c r="GR26" s="316">
        <v>762595</v>
      </c>
      <c r="GS26" s="312">
        <v>207450</v>
      </c>
      <c r="GT26" s="313">
        <v>1563119</v>
      </c>
      <c r="GU26" s="314">
        <v>1770569</v>
      </c>
      <c r="GV26" s="312">
        <v>0</v>
      </c>
      <c r="GW26" s="313">
        <v>400410</v>
      </c>
      <c r="GX26" s="313">
        <v>188550</v>
      </c>
      <c r="GY26" s="313">
        <v>474280</v>
      </c>
      <c r="GZ26" s="313">
        <v>0</v>
      </c>
      <c r="HA26" s="313">
        <v>0</v>
      </c>
      <c r="HB26" s="317">
        <v>1063240</v>
      </c>
      <c r="HC26" s="316">
        <v>2833809</v>
      </c>
      <c r="HD26" s="312">
        <v>1020977</v>
      </c>
      <c r="HE26" s="313">
        <v>1147111</v>
      </c>
      <c r="HF26" s="317">
        <v>2168088</v>
      </c>
      <c r="HG26" s="318">
        <v>0</v>
      </c>
      <c r="HH26" s="313">
        <v>14692811</v>
      </c>
      <c r="HI26" s="313">
        <v>12216312</v>
      </c>
      <c r="HJ26" s="313">
        <v>13295312</v>
      </c>
      <c r="HK26" s="313">
        <v>16655583</v>
      </c>
      <c r="HL26" s="313">
        <v>11067937</v>
      </c>
      <c r="HM26" s="314">
        <v>67927955</v>
      </c>
      <c r="HN26" s="315">
        <v>70096043</v>
      </c>
      <c r="HO26" s="319">
        <v>1299878</v>
      </c>
      <c r="HP26" s="313">
        <v>1868705</v>
      </c>
      <c r="HQ26" s="314">
        <v>3168583</v>
      </c>
      <c r="HR26" s="312">
        <v>0</v>
      </c>
      <c r="HS26" s="313">
        <v>13604837</v>
      </c>
      <c r="HT26" s="313">
        <v>13631965</v>
      </c>
      <c r="HU26" s="313">
        <v>9425721</v>
      </c>
      <c r="HV26" s="313">
        <v>5436521</v>
      </c>
      <c r="HW26" s="313">
        <v>3397790</v>
      </c>
      <c r="HX26" s="317">
        <v>45496834</v>
      </c>
      <c r="HY26" s="316">
        <v>48665417</v>
      </c>
      <c r="HZ26" s="344">
        <v>0</v>
      </c>
      <c r="IA26" s="342">
        <v>249608</v>
      </c>
      <c r="IB26" s="344">
        <v>249608</v>
      </c>
      <c r="IC26" s="341">
        <v>0</v>
      </c>
      <c r="ID26" s="342">
        <v>16187634</v>
      </c>
      <c r="IE26" s="343">
        <v>22428231</v>
      </c>
      <c r="IF26" s="344">
        <v>24123307</v>
      </c>
      <c r="IG26" s="342">
        <v>10561575</v>
      </c>
      <c r="IH26" s="344">
        <v>6516449</v>
      </c>
      <c r="II26" s="345">
        <v>79817196</v>
      </c>
      <c r="IJ26" s="344">
        <v>80066804</v>
      </c>
      <c r="IK26" s="328">
        <v>0</v>
      </c>
      <c r="IL26" s="329">
        <v>0</v>
      </c>
      <c r="IM26" s="330">
        <v>0</v>
      </c>
      <c r="IN26" s="390">
        <v>0</v>
      </c>
      <c r="IO26" s="331">
        <v>66380</v>
      </c>
      <c r="IP26" s="331">
        <v>341207</v>
      </c>
      <c r="IQ26" s="331">
        <v>155890</v>
      </c>
      <c r="IR26" s="331">
        <v>0</v>
      </c>
      <c r="IS26" s="331">
        <v>253733</v>
      </c>
      <c r="IT26" s="332">
        <v>817210</v>
      </c>
      <c r="IU26" s="333">
        <v>817210</v>
      </c>
      <c r="IV26" s="334">
        <v>0</v>
      </c>
      <c r="IW26" s="331">
        <v>0</v>
      </c>
      <c r="IX26" s="335">
        <v>0</v>
      </c>
      <c r="IY26" s="399">
        <v>0</v>
      </c>
      <c r="IZ26" s="331">
        <v>0</v>
      </c>
      <c r="JA26" s="331">
        <v>0</v>
      </c>
      <c r="JB26" s="331">
        <v>0</v>
      </c>
      <c r="JC26" s="331">
        <v>0</v>
      </c>
      <c r="JD26" s="331">
        <v>0</v>
      </c>
      <c r="JE26" s="335">
        <v>0</v>
      </c>
      <c r="JF26" s="336">
        <v>0</v>
      </c>
      <c r="JG26" s="334">
        <v>0</v>
      </c>
      <c r="JH26" s="331">
        <v>0</v>
      </c>
      <c r="JI26" s="332">
        <v>0</v>
      </c>
      <c r="JJ26" s="337">
        <v>0</v>
      </c>
      <c r="JK26" s="331">
        <v>10929178</v>
      </c>
      <c r="JL26" s="331">
        <v>10415689</v>
      </c>
      <c r="JM26" s="331">
        <v>8545767</v>
      </c>
      <c r="JN26" s="331">
        <v>3494109</v>
      </c>
      <c r="JO26" s="331">
        <v>2470280</v>
      </c>
      <c r="JP26" s="335">
        <v>35855023</v>
      </c>
      <c r="JQ26" s="333">
        <v>35855023</v>
      </c>
      <c r="JR26" s="334">
        <v>0</v>
      </c>
      <c r="JS26" s="331">
        <v>0</v>
      </c>
      <c r="JT26" s="332">
        <v>0</v>
      </c>
      <c r="JU26" s="337">
        <v>0</v>
      </c>
      <c r="JV26" s="331">
        <v>0</v>
      </c>
      <c r="JW26" s="331">
        <v>0</v>
      </c>
      <c r="JX26" s="331">
        <v>0</v>
      </c>
      <c r="JY26" s="331">
        <v>0</v>
      </c>
      <c r="JZ26" s="331">
        <v>0</v>
      </c>
      <c r="KA26" s="335">
        <v>0</v>
      </c>
      <c r="KB26" s="333">
        <v>0</v>
      </c>
      <c r="KC26" s="338">
        <v>0</v>
      </c>
      <c r="KD26" s="339">
        <v>0</v>
      </c>
      <c r="KE26" s="335">
        <v>0</v>
      </c>
      <c r="KF26" s="337">
        <v>0</v>
      </c>
      <c r="KG26" s="331">
        <v>983053</v>
      </c>
      <c r="KH26" s="331">
        <v>915653</v>
      </c>
      <c r="KI26" s="331">
        <v>4815357</v>
      </c>
      <c r="KJ26" s="331">
        <v>1166324</v>
      </c>
      <c r="KK26" s="331">
        <v>957408</v>
      </c>
      <c r="KL26" s="335">
        <v>8837795</v>
      </c>
      <c r="KM26" s="340">
        <v>8837795</v>
      </c>
      <c r="KN26" s="328">
        <v>0</v>
      </c>
      <c r="KO26" s="329">
        <v>249608</v>
      </c>
      <c r="KP26" s="330">
        <v>249608</v>
      </c>
      <c r="KQ26" s="399">
        <v>0</v>
      </c>
      <c r="KR26" s="331">
        <v>4209023</v>
      </c>
      <c r="KS26" s="331">
        <v>10755682</v>
      </c>
      <c r="KT26" s="331">
        <v>10606293</v>
      </c>
      <c r="KU26" s="331">
        <v>5901142</v>
      </c>
      <c r="KV26" s="331">
        <v>2072144</v>
      </c>
      <c r="KW26" s="335">
        <v>33544284</v>
      </c>
      <c r="KX26" s="333">
        <v>33793892</v>
      </c>
      <c r="KY26" s="334">
        <v>0</v>
      </c>
      <c r="KZ26" s="331">
        <v>0</v>
      </c>
      <c r="LA26" s="335">
        <v>0</v>
      </c>
      <c r="LB26" s="399">
        <v>0</v>
      </c>
      <c r="LC26" s="331">
        <v>0</v>
      </c>
      <c r="LD26" s="331">
        <v>0</v>
      </c>
      <c r="LE26" s="331">
        <v>0</v>
      </c>
      <c r="LF26" s="331">
        <v>0</v>
      </c>
      <c r="LG26" s="331">
        <v>0</v>
      </c>
      <c r="LH26" s="335">
        <v>0</v>
      </c>
      <c r="LI26" s="336">
        <v>0</v>
      </c>
      <c r="LJ26" s="334">
        <v>0</v>
      </c>
      <c r="LK26" s="331">
        <v>0</v>
      </c>
      <c r="LL26" s="335">
        <v>0</v>
      </c>
      <c r="LM26" s="399">
        <v>0</v>
      </c>
      <c r="LN26" s="331">
        <v>0</v>
      </c>
      <c r="LO26" s="331">
        <v>0</v>
      </c>
      <c r="LP26" s="331">
        <v>0</v>
      </c>
      <c r="LQ26" s="331">
        <v>0</v>
      </c>
      <c r="LR26" s="331">
        <v>0</v>
      </c>
      <c r="LS26" s="335">
        <v>0</v>
      </c>
      <c r="LT26" s="333">
        <v>0</v>
      </c>
      <c r="LU26" s="334">
        <v>0</v>
      </c>
      <c r="LV26" s="331">
        <v>0</v>
      </c>
      <c r="LW26" s="335">
        <v>0</v>
      </c>
      <c r="LX26" s="399">
        <v>0</v>
      </c>
      <c r="LY26" s="331">
        <v>0</v>
      </c>
      <c r="LZ26" s="331">
        <v>0</v>
      </c>
      <c r="MA26" s="331">
        <v>0</v>
      </c>
      <c r="MB26" s="331">
        <v>0</v>
      </c>
      <c r="MC26" s="331">
        <v>762884</v>
      </c>
      <c r="MD26" s="335">
        <v>762884</v>
      </c>
      <c r="ME26" s="336">
        <v>762884</v>
      </c>
      <c r="MF26" s="334">
        <v>0</v>
      </c>
      <c r="MG26" s="331">
        <v>0</v>
      </c>
      <c r="MH26" s="335">
        <v>0</v>
      </c>
      <c r="MI26" s="399">
        <v>0</v>
      </c>
      <c r="MJ26" s="331">
        <v>6288906</v>
      </c>
      <c r="MK26" s="331">
        <v>12230152</v>
      </c>
      <c r="ML26" s="331">
        <v>61437860</v>
      </c>
      <c r="MM26" s="331">
        <v>81664880</v>
      </c>
      <c r="MN26" s="331">
        <v>58432773</v>
      </c>
      <c r="MO26" s="335">
        <v>220054571</v>
      </c>
      <c r="MP26" s="340">
        <v>220054571</v>
      </c>
      <c r="MQ26" s="334">
        <v>0</v>
      </c>
      <c r="MR26" s="331">
        <v>0</v>
      </c>
      <c r="MS26" s="335">
        <v>0</v>
      </c>
      <c r="MT26" s="399">
        <v>0</v>
      </c>
      <c r="MU26" s="331">
        <v>830516</v>
      </c>
      <c r="MV26" s="331">
        <v>3234362</v>
      </c>
      <c r="MW26" s="331">
        <v>47399910</v>
      </c>
      <c r="MX26" s="331">
        <v>60096334</v>
      </c>
      <c r="MY26" s="331">
        <v>40725885</v>
      </c>
      <c r="MZ26" s="335">
        <v>152287007</v>
      </c>
      <c r="NA26" s="340">
        <v>152287007</v>
      </c>
      <c r="NB26" s="334">
        <v>0</v>
      </c>
      <c r="NC26" s="331">
        <v>0</v>
      </c>
      <c r="ND26" s="335">
        <v>0</v>
      </c>
      <c r="NE26" s="399">
        <v>0</v>
      </c>
      <c r="NF26" s="331">
        <v>5458390</v>
      </c>
      <c r="NG26" s="331">
        <v>8995790</v>
      </c>
      <c r="NH26" s="331">
        <v>13674770</v>
      </c>
      <c r="NI26" s="331">
        <v>16146461</v>
      </c>
      <c r="NJ26" s="331">
        <v>11058702</v>
      </c>
      <c r="NK26" s="335">
        <v>55334113</v>
      </c>
      <c r="NL26" s="333">
        <v>55334113</v>
      </c>
      <c r="NM26" s="334">
        <v>0</v>
      </c>
      <c r="NN26" s="331">
        <v>0</v>
      </c>
      <c r="NO26" s="335">
        <v>0</v>
      </c>
      <c r="NP26" s="399">
        <v>0</v>
      </c>
      <c r="NQ26" s="331">
        <v>0</v>
      </c>
      <c r="NR26" s="331">
        <v>0</v>
      </c>
      <c r="NS26" s="331">
        <v>0</v>
      </c>
      <c r="NT26" s="331">
        <v>0</v>
      </c>
      <c r="NU26" s="331">
        <v>0</v>
      </c>
      <c r="NV26" s="335">
        <v>0</v>
      </c>
      <c r="NW26" s="336">
        <v>0</v>
      </c>
      <c r="NX26" s="334">
        <v>0</v>
      </c>
      <c r="NY26" s="331">
        <v>0</v>
      </c>
      <c r="NZ26" s="335">
        <v>0</v>
      </c>
      <c r="OA26" s="399">
        <v>0</v>
      </c>
      <c r="OB26" s="331">
        <v>0</v>
      </c>
      <c r="OC26" s="331">
        <v>0</v>
      </c>
      <c r="OD26" s="331">
        <v>363180</v>
      </c>
      <c r="OE26" s="331">
        <v>5422085</v>
      </c>
      <c r="OF26" s="331">
        <v>6648186</v>
      </c>
      <c r="OG26" s="335">
        <v>12433451</v>
      </c>
      <c r="OH26" s="336">
        <v>12433451</v>
      </c>
      <c r="OI26" s="334">
        <v>6645311</v>
      </c>
      <c r="OJ26" s="331">
        <v>12609410</v>
      </c>
      <c r="OK26" s="332">
        <v>19254721</v>
      </c>
      <c r="OL26" s="337">
        <v>0</v>
      </c>
      <c r="OM26" s="331">
        <v>106540542</v>
      </c>
      <c r="ON26" s="331">
        <v>146781128</v>
      </c>
      <c r="OO26" s="331">
        <v>189895499</v>
      </c>
      <c r="OP26" s="331">
        <v>173209484</v>
      </c>
      <c r="OQ26" s="331">
        <v>127122506</v>
      </c>
      <c r="OR26" s="335">
        <v>743549159</v>
      </c>
      <c r="OS26" s="340">
        <v>762803880</v>
      </c>
    </row>
    <row r="27" spans="2:409" s="56" customFormat="1" ht="21" customHeight="1" x14ac:dyDescent="0.2">
      <c r="B27" s="396" t="s">
        <v>22</v>
      </c>
      <c r="C27" s="312">
        <v>1553791</v>
      </c>
      <c r="D27" s="313">
        <v>4390670</v>
      </c>
      <c r="E27" s="314">
        <v>5944461</v>
      </c>
      <c r="F27" s="315">
        <v>0</v>
      </c>
      <c r="G27" s="313">
        <v>27078411</v>
      </c>
      <c r="H27" s="313">
        <v>37250971</v>
      </c>
      <c r="I27" s="313">
        <v>26421136</v>
      </c>
      <c r="J27" s="313">
        <v>29252803</v>
      </c>
      <c r="K27" s="313">
        <v>17166179</v>
      </c>
      <c r="L27" s="353">
        <v>137169500</v>
      </c>
      <c r="M27" s="316">
        <v>143113961</v>
      </c>
      <c r="N27" s="312">
        <v>283456</v>
      </c>
      <c r="O27" s="313">
        <v>550424</v>
      </c>
      <c r="P27" s="314">
        <v>833880</v>
      </c>
      <c r="Q27" s="312">
        <v>0</v>
      </c>
      <c r="R27" s="313">
        <v>5436228</v>
      </c>
      <c r="S27" s="313">
        <v>10240673</v>
      </c>
      <c r="T27" s="313">
        <v>5592679</v>
      </c>
      <c r="U27" s="313">
        <v>10936157</v>
      </c>
      <c r="V27" s="313">
        <v>9646294</v>
      </c>
      <c r="W27" s="314">
        <v>41852031</v>
      </c>
      <c r="X27" s="316">
        <v>42685911</v>
      </c>
      <c r="Y27" s="312">
        <v>0</v>
      </c>
      <c r="Z27" s="313">
        <v>0</v>
      </c>
      <c r="AA27" s="314">
        <v>0</v>
      </c>
      <c r="AB27" s="312">
        <v>0</v>
      </c>
      <c r="AC27" s="313">
        <v>2230760</v>
      </c>
      <c r="AD27" s="313">
        <v>5362012</v>
      </c>
      <c r="AE27" s="313">
        <v>2902118</v>
      </c>
      <c r="AF27" s="313">
        <v>6887958</v>
      </c>
      <c r="AG27" s="313">
        <v>5322110</v>
      </c>
      <c r="AH27" s="314">
        <v>22704958</v>
      </c>
      <c r="AI27" s="316">
        <v>22704958</v>
      </c>
      <c r="AJ27" s="312">
        <v>0</v>
      </c>
      <c r="AK27" s="313">
        <v>0</v>
      </c>
      <c r="AL27" s="314">
        <v>0</v>
      </c>
      <c r="AM27" s="312">
        <v>0</v>
      </c>
      <c r="AN27" s="313">
        <v>152721</v>
      </c>
      <c r="AO27" s="313">
        <v>129278</v>
      </c>
      <c r="AP27" s="313">
        <v>415468</v>
      </c>
      <c r="AQ27" s="313">
        <v>766643</v>
      </c>
      <c r="AR27" s="313">
        <v>2084742</v>
      </c>
      <c r="AS27" s="314">
        <v>3548852</v>
      </c>
      <c r="AT27" s="316">
        <v>3548852</v>
      </c>
      <c r="AU27" s="312">
        <v>165790</v>
      </c>
      <c r="AV27" s="313">
        <v>346860</v>
      </c>
      <c r="AW27" s="314">
        <v>512650</v>
      </c>
      <c r="AX27" s="312">
        <v>0</v>
      </c>
      <c r="AY27" s="313">
        <v>1812390</v>
      </c>
      <c r="AZ27" s="313">
        <v>3055874</v>
      </c>
      <c r="BA27" s="313">
        <v>1106099</v>
      </c>
      <c r="BB27" s="313">
        <v>1978500</v>
      </c>
      <c r="BC27" s="313">
        <v>1626938</v>
      </c>
      <c r="BD27" s="314">
        <v>9579801</v>
      </c>
      <c r="BE27" s="316">
        <v>10092451</v>
      </c>
      <c r="BF27" s="312">
        <v>22260</v>
      </c>
      <c r="BG27" s="313">
        <v>38954</v>
      </c>
      <c r="BH27" s="317">
        <v>61214</v>
      </c>
      <c r="BI27" s="318">
        <v>0</v>
      </c>
      <c r="BJ27" s="313">
        <v>436781</v>
      </c>
      <c r="BK27" s="313">
        <v>301354</v>
      </c>
      <c r="BL27" s="313">
        <v>79477</v>
      </c>
      <c r="BM27" s="313">
        <v>161655</v>
      </c>
      <c r="BN27" s="313">
        <v>0</v>
      </c>
      <c r="BO27" s="314">
        <v>979267</v>
      </c>
      <c r="BP27" s="316">
        <v>1040481</v>
      </c>
      <c r="BQ27" s="312">
        <v>95406</v>
      </c>
      <c r="BR27" s="313">
        <v>164610</v>
      </c>
      <c r="BS27" s="314">
        <v>260016</v>
      </c>
      <c r="BT27" s="312">
        <v>0</v>
      </c>
      <c r="BU27" s="313">
        <v>803576</v>
      </c>
      <c r="BV27" s="313">
        <v>1392155</v>
      </c>
      <c r="BW27" s="313">
        <v>1089517</v>
      </c>
      <c r="BX27" s="313">
        <v>1141401</v>
      </c>
      <c r="BY27" s="313">
        <v>612504</v>
      </c>
      <c r="BZ27" s="314">
        <v>5039153</v>
      </c>
      <c r="CA27" s="316">
        <v>5299169</v>
      </c>
      <c r="CB27" s="312">
        <v>111848</v>
      </c>
      <c r="CC27" s="313">
        <v>318160</v>
      </c>
      <c r="CD27" s="314">
        <v>430008</v>
      </c>
      <c r="CE27" s="312">
        <v>0</v>
      </c>
      <c r="CF27" s="313">
        <v>7430837</v>
      </c>
      <c r="CG27" s="313">
        <v>11690934</v>
      </c>
      <c r="CH27" s="313">
        <v>7594208</v>
      </c>
      <c r="CI27" s="313">
        <v>4828412</v>
      </c>
      <c r="CJ27" s="313">
        <v>2054846</v>
      </c>
      <c r="CK27" s="314">
        <v>33599237</v>
      </c>
      <c r="CL27" s="316">
        <v>34029245</v>
      </c>
      <c r="CM27" s="312">
        <v>0</v>
      </c>
      <c r="CN27" s="313">
        <v>0</v>
      </c>
      <c r="CO27" s="314">
        <v>0</v>
      </c>
      <c r="CP27" s="318">
        <v>0</v>
      </c>
      <c r="CQ27" s="313">
        <v>5771290</v>
      </c>
      <c r="CR27" s="313">
        <v>9357698</v>
      </c>
      <c r="CS27" s="313">
        <v>6921420</v>
      </c>
      <c r="CT27" s="313">
        <v>3659363</v>
      </c>
      <c r="CU27" s="313">
        <v>1559080</v>
      </c>
      <c r="CV27" s="314">
        <v>27268851</v>
      </c>
      <c r="CW27" s="316">
        <v>27268851</v>
      </c>
      <c r="CX27" s="312">
        <v>111848</v>
      </c>
      <c r="CY27" s="313">
        <v>318160</v>
      </c>
      <c r="CZ27" s="314">
        <v>430008</v>
      </c>
      <c r="DA27" s="312">
        <v>0</v>
      </c>
      <c r="DB27" s="313">
        <v>1659547</v>
      </c>
      <c r="DC27" s="313">
        <v>2333236</v>
      </c>
      <c r="DD27" s="313">
        <v>672788</v>
      </c>
      <c r="DE27" s="313">
        <v>1169049</v>
      </c>
      <c r="DF27" s="313">
        <v>495766</v>
      </c>
      <c r="DG27" s="314">
        <v>6330386</v>
      </c>
      <c r="DH27" s="316">
        <v>6760394</v>
      </c>
      <c r="DI27" s="312">
        <v>0</v>
      </c>
      <c r="DJ27" s="313">
        <v>82993</v>
      </c>
      <c r="DK27" s="317">
        <v>82993</v>
      </c>
      <c r="DL27" s="318">
        <v>0</v>
      </c>
      <c r="DM27" s="313">
        <v>410141</v>
      </c>
      <c r="DN27" s="313">
        <v>1539188</v>
      </c>
      <c r="DO27" s="313">
        <v>2850099</v>
      </c>
      <c r="DP27" s="313">
        <v>3021360</v>
      </c>
      <c r="DQ27" s="313">
        <v>392719</v>
      </c>
      <c r="DR27" s="314">
        <v>8213507</v>
      </c>
      <c r="DS27" s="316">
        <v>8296500</v>
      </c>
      <c r="DT27" s="312">
        <v>0</v>
      </c>
      <c r="DU27" s="313">
        <v>82993</v>
      </c>
      <c r="DV27" s="314">
        <v>82993</v>
      </c>
      <c r="DW27" s="312">
        <v>0</v>
      </c>
      <c r="DX27" s="313">
        <v>214207</v>
      </c>
      <c r="DY27" s="313">
        <v>1427313</v>
      </c>
      <c r="DZ27" s="313">
        <v>2830397</v>
      </c>
      <c r="EA27" s="313">
        <v>2526601</v>
      </c>
      <c r="EB27" s="313">
        <v>275771</v>
      </c>
      <c r="EC27" s="314">
        <v>7274289</v>
      </c>
      <c r="ED27" s="316">
        <v>7357282</v>
      </c>
      <c r="EE27" s="312">
        <v>0</v>
      </c>
      <c r="EF27" s="317">
        <v>0</v>
      </c>
      <c r="EG27" s="314">
        <v>0</v>
      </c>
      <c r="EH27" s="312">
        <v>0</v>
      </c>
      <c r="EI27" s="313">
        <v>195934</v>
      </c>
      <c r="EJ27" s="313">
        <v>111875</v>
      </c>
      <c r="EK27" s="313">
        <v>19702</v>
      </c>
      <c r="EL27" s="313">
        <v>494759</v>
      </c>
      <c r="EM27" s="313">
        <v>116948</v>
      </c>
      <c r="EN27" s="317">
        <v>939218</v>
      </c>
      <c r="EO27" s="316">
        <v>939218</v>
      </c>
      <c r="EP27" s="312">
        <v>0</v>
      </c>
      <c r="EQ27" s="313">
        <v>0</v>
      </c>
      <c r="ER27" s="317">
        <v>0</v>
      </c>
      <c r="ES27" s="318">
        <v>0</v>
      </c>
      <c r="ET27" s="313">
        <v>0</v>
      </c>
      <c r="EU27" s="313">
        <v>0</v>
      </c>
      <c r="EV27" s="313">
        <v>0</v>
      </c>
      <c r="EW27" s="313">
        <v>0</v>
      </c>
      <c r="EX27" s="313">
        <v>0</v>
      </c>
      <c r="EY27" s="314">
        <v>0</v>
      </c>
      <c r="EZ27" s="316">
        <v>0</v>
      </c>
      <c r="FA27" s="312">
        <v>0</v>
      </c>
      <c r="FB27" s="313">
        <v>0</v>
      </c>
      <c r="FC27" s="317">
        <v>0</v>
      </c>
      <c r="FD27" s="318">
        <v>0</v>
      </c>
      <c r="FE27" s="313">
        <v>0</v>
      </c>
      <c r="FF27" s="313">
        <v>0</v>
      </c>
      <c r="FG27" s="313">
        <v>0</v>
      </c>
      <c r="FH27" s="313">
        <v>0</v>
      </c>
      <c r="FI27" s="313">
        <v>0</v>
      </c>
      <c r="FJ27" s="314">
        <v>0</v>
      </c>
      <c r="FK27" s="316">
        <v>0</v>
      </c>
      <c r="FL27" s="312">
        <v>495568</v>
      </c>
      <c r="FM27" s="313">
        <v>1789661</v>
      </c>
      <c r="FN27" s="314">
        <v>2285229</v>
      </c>
      <c r="FO27" s="312">
        <v>0</v>
      </c>
      <c r="FP27" s="313">
        <v>2391336</v>
      </c>
      <c r="FQ27" s="313">
        <v>3594585</v>
      </c>
      <c r="FR27" s="313">
        <v>2297908</v>
      </c>
      <c r="FS27" s="313">
        <v>2570966</v>
      </c>
      <c r="FT27" s="313">
        <v>1487053</v>
      </c>
      <c r="FU27" s="314">
        <v>12341848</v>
      </c>
      <c r="FV27" s="316">
        <v>14627077</v>
      </c>
      <c r="FW27" s="319">
        <v>282601</v>
      </c>
      <c r="FX27" s="313">
        <v>1086963</v>
      </c>
      <c r="FY27" s="317">
        <v>1369564</v>
      </c>
      <c r="FZ27" s="318">
        <v>0</v>
      </c>
      <c r="GA27" s="313">
        <v>1895980</v>
      </c>
      <c r="GB27" s="313">
        <v>3221133</v>
      </c>
      <c r="GC27" s="313">
        <v>2139058</v>
      </c>
      <c r="GD27" s="313">
        <v>2283073</v>
      </c>
      <c r="GE27" s="313">
        <v>1477873</v>
      </c>
      <c r="GF27" s="314">
        <v>11017117</v>
      </c>
      <c r="GG27" s="320">
        <v>12386681</v>
      </c>
      <c r="GH27" s="319">
        <v>32967</v>
      </c>
      <c r="GI27" s="313">
        <v>89298</v>
      </c>
      <c r="GJ27" s="317">
        <v>122265</v>
      </c>
      <c r="GK27" s="318">
        <v>0</v>
      </c>
      <c r="GL27" s="313">
        <v>145076</v>
      </c>
      <c r="GM27" s="313">
        <v>122526</v>
      </c>
      <c r="GN27" s="313">
        <v>139590</v>
      </c>
      <c r="GO27" s="313">
        <v>13543</v>
      </c>
      <c r="GP27" s="313">
        <v>9180</v>
      </c>
      <c r="GQ27" s="314">
        <v>429915</v>
      </c>
      <c r="GR27" s="316">
        <v>552180</v>
      </c>
      <c r="GS27" s="312">
        <v>180000</v>
      </c>
      <c r="GT27" s="313">
        <v>613400</v>
      </c>
      <c r="GU27" s="314">
        <v>793400</v>
      </c>
      <c r="GV27" s="312">
        <v>0</v>
      </c>
      <c r="GW27" s="313">
        <v>350280</v>
      </c>
      <c r="GX27" s="313">
        <v>250926</v>
      </c>
      <c r="GY27" s="313">
        <v>19260</v>
      </c>
      <c r="GZ27" s="313">
        <v>274350</v>
      </c>
      <c r="HA27" s="313">
        <v>0</v>
      </c>
      <c r="HB27" s="317">
        <v>894816</v>
      </c>
      <c r="HC27" s="316">
        <v>1688216</v>
      </c>
      <c r="HD27" s="312">
        <v>343851</v>
      </c>
      <c r="HE27" s="313">
        <v>819489</v>
      </c>
      <c r="HF27" s="317">
        <v>1163340</v>
      </c>
      <c r="HG27" s="318">
        <v>0</v>
      </c>
      <c r="HH27" s="313">
        <v>6173657</v>
      </c>
      <c r="HI27" s="313">
        <v>5314535</v>
      </c>
      <c r="HJ27" s="313">
        <v>4991904</v>
      </c>
      <c r="HK27" s="313">
        <v>5629151</v>
      </c>
      <c r="HL27" s="313">
        <v>2586666</v>
      </c>
      <c r="HM27" s="314">
        <v>24695913</v>
      </c>
      <c r="HN27" s="315">
        <v>25859253</v>
      </c>
      <c r="HO27" s="319">
        <v>319068</v>
      </c>
      <c r="HP27" s="313">
        <v>829943</v>
      </c>
      <c r="HQ27" s="314">
        <v>1149011</v>
      </c>
      <c r="HR27" s="312">
        <v>0</v>
      </c>
      <c r="HS27" s="313">
        <v>5236212</v>
      </c>
      <c r="HT27" s="313">
        <v>4871056</v>
      </c>
      <c r="HU27" s="313">
        <v>3094338</v>
      </c>
      <c r="HV27" s="313">
        <v>2266757</v>
      </c>
      <c r="HW27" s="313">
        <v>998601</v>
      </c>
      <c r="HX27" s="317">
        <v>16466964</v>
      </c>
      <c r="HY27" s="316">
        <v>17615975</v>
      </c>
      <c r="HZ27" s="321">
        <v>100901</v>
      </c>
      <c r="IA27" s="322">
        <v>541318</v>
      </c>
      <c r="IB27" s="323">
        <v>642219</v>
      </c>
      <c r="IC27" s="324">
        <v>0</v>
      </c>
      <c r="ID27" s="322">
        <v>11448848</v>
      </c>
      <c r="IE27" s="325">
        <v>18111948</v>
      </c>
      <c r="IF27" s="323">
        <v>18307041</v>
      </c>
      <c r="IG27" s="322">
        <v>14500712</v>
      </c>
      <c r="IH27" s="323">
        <v>7202860</v>
      </c>
      <c r="II27" s="326">
        <v>69571409</v>
      </c>
      <c r="IJ27" s="327">
        <v>70213628</v>
      </c>
      <c r="IK27" s="328">
        <v>0</v>
      </c>
      <c r="IL27" s="329">
        <v>0</v>
      </c>
      <c r="IM27" s="330">
        <v>0</v>
      </c>
      <c r="IN27" s="390">
        <v>0</v>
      </c>
      <c r="IO27" s="331">
        <v>0</v>
      </c>
      <c r="IP27" s="331">
        <v>598445</v>
      </c>
      <c r="IQ27" s="331">
        <v>983331</v>
      </c>
      <c r="IR27" s="331">
        <v>833195</v>
      </c>
      <c r="IS27" s="331">
        <v>0</v>
      </c>
      <c r="IT27" s="332">
        <v>2414971</v>
      </c>
      <c r="IU27" s="333">
        <v>2414971</v>
      </c>
      <c r="IV27" s="334">
        <v>0</v>
      </c>
      <c r="IW27" s="331">
        <v>0</v>
      </c>
      <c r="IX27" s="335">
        <v>0</v>
      </c>
      <c r="IY27" s="399">
        <v>0</v>
      </c>
      <c r="IZ27" s="331">
        <v>0</v>
      </c>
      <c r="JA27" s="331">
        <v>0</v>
      </c>
      <c r="JB27" s="331">
        <v>0</v>
      </c>
      <c r="JC27" s="331">
        <v>0</v>
      </c>
      <c r="JD27" s="331">
        <v>0</v>
      </c>
      <c r="JE27" s="335">
        <v>0</v>
      </c>
      <c r="JF27" s="336">
        <v>0</v>
      </c>
      <c r="JG27" s="334">
        <v>0</v>
      </c>
      <c r="JH27" s="331">
        <v>0</v>
      </c>
      <c r="JI27" s="332">
        <v>0</v>
      </c>
      <c r="JJ27" s="337">
        <v>0</v>
      </c>
      <c r="JK27" s="331">
        <v>6698831</v>
      </c>
      <c r="JL27" s="331">
        <v>7224921</v>
      </c>
      <c r="JM27" s="331">
        <v>5161394</v>
      </c>
      <c r="JN27" s="331">
        <v>2980142</v>
      </c>
      <c r="JO27" s="331">
        <v>1028916</v>
      </c>
      <c r="JP27" s="335">
        <v>23094204</v>
      </c>
      <c r="JQ27" s="333">
        <v>23094204</v>
      </c>
      <c r="JR27" s="334">
        <v>0</v>
      </c>
      <c r="JS27" s="331">
        <v>0</v>
      </c>
      <c r="JT27" s="332">
        <v>0</v>
      </c>
      <c r="JU27" s="337">
        <v>0</v>
      </c>
      <c r="JV27" s="331">
        <v>121997</v>
      </c>
      <c r="JW27" s="331">
        <v>469445</v>
      </c>
      <c r="JX27" s="331">
        <v>786849</v>
      </c>
      <c r="JY27" s="331">
        <v>743704</v>
      </c>
      <c r="JZ27" s="331">
        <v>70320</v>
      </c>
      <c r="KA27" s="335">
        <v>2192315</v>
      </c>
      <c r="KB27" s="333">
        <v>2192315</v>
      </c>
      <c r="KC27" s="338">
        <v>100901</v>
      </c>
      <c r="KD27" s="339">
        <v>349294</v>
      </c>
      <c r="KE27" s="335">
        <v>450195</v>
      </c>
      <c r="KF27" s="337">
        <v>0</v>
      </c>
      <c r="KG27" s="331">
        <v>2554431</v>
      </c>
      <c r="KH27" s="331">
        <v>4489363</v>
      </c>
      <c r="KI27" s="331">
        <v>4542162</v>
      </c>
      <c r="KJ27" s="331">
        <v>2396988</v>
      </c>
      <c r="KK27" s="331">
        <v>2450688</v>
      </c>
      <c r="KL27" s="335">
        <v>16433632</v>
      </c>
      <c r="KM27" s="340">
        <v>16883827</v>
      </c>
      <c r="KN27" s="328">
        <v>0</v>
      </c>
      <c r="KO27" s="329">
        <v>192024</v>
      </c>
      <c r="KP27" s="330">
        <v>192024</v>
      </c>
      <c r="KQ27" s="399">
        <v>0</v>
      </c>
      <c r="KR27" s="331">
        <v>2073589</v>
      </c>
      <c r="KS27" s="331">
        <v>4837286</v>
      </c>
      <c r="KT27" s="331">
        <v>4550497</v>
      </c>
      <c r="KU27" s="331">
        <v>3752530</v>
      </c>
      <c r="KV27" s="331">
        <v>1167356</v>
      </c>
      <c r="KW27" s="335">
        <v>16381258</v>
      </c>
      <c r="KX27" s="333">
        <v>16573282</v>
      </c>
      <c r="KY27" s="334">
        <v>0</v>
      </c>
      <c r="KZ27" s="331">
        <v>0</v>
      </c>
      <c r="LA27" s="335">
        <v>0</v>
      </c>
      <c r="LB27" s="399">
        <v>0</v>
      </c>
      <c r="LC27" s="331">
        <v>0</v>
      </c>
      <c r="LD27" s="331">
        <v>0</v>
      </c>
      <c r="LE27" s="331">
        <v>0</v>
      </c>
      <c r="LF27" s="331">
        <v>0</v>
      </c>
      <c r="LG27" s="331">
        <v>0</v>
      </c>
      <c r="LH27" s="335">
        <v>0</v>
      </c>
      <c r="LI27" s="336">
        <v>0</v>
      </c>
      <c r="LJ27" s="334">
        <v>0</v>
      </c>
      <c r="LK27" s="331">
        <v>0</v>
      </c>
      <c r="LL27" s="335">
        <v>0</v>
      </c>
      <c r="LM27" s="399">
        <v>0</v>
      </c>
      <c r="LN27" s="331">
        <v>0</v>
      </c>
      <c r="LO27" s="331">
        <v>492488</v>
      </c>
      <c r="LP27" s="331">
        <v>2282808</v>
      </c>
      <c r="LQ27" s="331">
        <v>3794153</v>
      </c>
      <c r="LR27" s="331">
        <v>2485580</v>
      </c>
      <c r="LS27" s="335">
        <v>9055029</v>
      </c>
      <c r="LT27" s="333">
        <v>9055029</v>
      </c>
      <c r="LU27" s="334">
        <v>0</v>
      </c>
      <c r="LV27" s="331">
        <v>0</v>
      </c>
      <c r="LW27" s="335">
        <v>0</v>
      </c>
      <c r="LX27" s="399">
        <v>0</v>
      </c>
      <c r="LY27" s="331">
        <v>0</v>
      </c>
      <c r="LZ27" s="331">
        <v>0</v>
      </c>
      <c r="MA27" s="331">
        <v>0</v>
      </c>
      <c r="MB27" s="331">
        <v>0</v>
      </c>
      <c r="MC27" s="331">
        <v>0</v>
      </c>
      <c r="MD27" s="335">
        <v>0</v>
      </c>
      <c r="ME27" s="336">
        <v>0</v>
      </c>
      <c r="MF27" s="334">
        <v>0</v>
      </c>
      <c r="MG27" s="331">
        <v>0</v>
      </c>
      <c r="MH27" s="335">
        <v>0</v>
      </c>
      <c r="MI27" s="399">
        <v>0</v>
      </c>
      <c r="MJ27" s="331">
        <v>2966213</v>
      </c>
      <c r="MK27" s="331">
        <v>6408047</v>
      </c>
      <c r="ML27" s="331">
        <v>18772619</v>
      </c>
      <c r="MM27" s="331">
        <v>35833884</v>
      </c>
      <c r="MN27" s="331">
        <v>17770492</v>
      </c>
      <c r="MO27" s="335">
        <v>81751255</v>
      </c>
      <c r="MP27" s="340">
        <v>81751255</v>
      </c>
      <c r="MQ27" s="334">
        <v>0</v>
      </c>
      <c r="MR27" s="331">
        <v>0</v>
      </c>
      <c r="MS27" s="335">
        <v>0</v>
      </c>
      <c r="MT27" s="399">
        <v>0</v>
      </c>
      <c r="MU27" s="331">
        <v>421318</v>
      </c>
      <c r="MV27" s="331">
        <v>1308387</v>
      </c>
      <c r="MW27" s="331">
        <v>10436708</v>
      </c>
      <c r="MX27" s="331">
        <v>19835184</v>
      </c>
      <c r="MY27" s="331">
        <v>9613533</v>
      </c>
      <c r="MZ27" s="335">
        <v>41615130</v>
      </c>
      <c r="NA27" s="340">
        <v>41615130</v>
      </c>
      <c r="NB27" s="334">
        <v>0</v>
      </c>
      <c r="NC27" s="331">
        <v>0</v>
      </c>
      <c r="ND27" s="335">
        <v>0</v>
      </c>
      <c r="NE27" s="399">
        <v>0</v>
      </c>
      <c r="NF27" s="331">
        <v>2544895</v>
      </c>
      <c r="NG27" s="331">
        <v>5099660</v>
      </c>
      <c r="NH27" s="331">
        <v>7571749</v>
      </c>
      <c r="NI27" s="331">
        <v>13856997</v>
      </c>
      <c r="NJ27" s="331">
        <v>5994585</v>
      </c>
      <c r="NK27" s="335">
        <v>35067886</v>
      </c>
      <c r="NL27" s="333">
        <v>35067886</v>
      </c>
      <c r="NM27" s="334">
        <v>0</v>
      </c>
      <c r="NN27" s="331">
        <v>0</v>
      </c>
      <c r="NO27" s="335">
        <v>0</v>
      </c>
      <c r="NP27" s="399">
        <v>0</v>
      </c>
      <c r="NQ27" s="331">
        <v>0</v>
      </c>
      <c r="NR27" s="331">
        <v>0</v>
      </c>
      <c r="NS27" s="331">
        <v>0</v>
      </c>
      <c r="NT27" s="331">
        <v>0</v>
      </c>
      <c r="NU27" s="331">
        <v>0</v>
      </c>
      <c r="NV27" s="335">
        <v>0</v>
      </c>
      <c r="NW27" s="336">
        <v>0</v>
      </c>
      <c r="NX27" s="334">
        <v>0</v>
      </c>
      <c r="NY27" s="331">
        <v>0</v>
      </c>
      <c r="NZ27" s="335">
        <v>0</v>
      </c>
      <c r="OA27" s="399">
        <v>0</v>
      </c>
      <c r="OB27" s="331">
        <v>0</v>
      </c>
      <c r="OC27" s="331">
        <v>0</v>
      </c>
      <c r="OD27" s="331">
        <v>764162</v>
      </c>
      <c r="OE27" s="331">
        <v>2141703</v>
      </c>
      <c r="OF27" s="331">
        <v>2162374</v>
      </c>
      <c r="OG27" s="335">
        <v>5068239</v>
      </c>
      <c r="OH27" s="336">
        <v>5068239</v>
      </c>
      <c r="OI27" s="334">
        <v>1654692</v>
      </c>
      <c r="OJ27" s="331">
        <v>4931988</v>
      </c>
      <c r="OK27" s="332">
        <v>6586680</v>
      </c>
      <c r="OL27" s="337">
        <v>0</v>
      </c>
      <c r="OM27" s="331">
        <v>41493472</v>
      </c>
      <c r="ON27" s="331">
        <v>61770966</v>
      </c>
      <c r="OO27" s="331">
        <v>63500796</v>
      </c>
      <c r="OP27" s="331">
        <v>79587399</v>
      </c>
      <c r="OQ27" s="331">
        <v>42139531</v>
      </c>
      <c r="OR27" s="335">
        <v>288492164</v>
      </c>
      <c r="OS27" s="340">
        <v>295078844</v>
      </c>
    </row>
    <row r="28" spans="2:409" s="56" customFormat="1" ht="21" customHeight="1" x14ac:dyDescent="0.2">
      <c r="B28" s="396" t="s">
        <v>23</v>
      </c>
      <c r="C28" s="312">
        <v>4367268</v>
      </c>
      <c r="D28" s="313">
        <v>8111726</v>
      </c>
      <c r="E28" s="314">
        <v>12478994</v>
      </c>
      <c r="F28" s="315">
        <v>0</v>
      </c>
      <c r="G28" s="313">
        <v>52489609</v>
      </c>
      <c r="H28" s="313">
        <v>67886256</v>
      </c>
      <c r="I28" s="313">
        <v>55190789</v>
      </c>
      <c r="J28" s="313">
        <v>59173400</v>
      </c>
      <c r="K28" s="313">
        <v>35546189</v>
      </c>
      <c r="L28" s="353">
        <v>270286243</v>
      </c>
      <c r="M28" s="316">
        <v>282765237</v>
      </c>
      <c r="N28" s="312">
        <v>1421459</v>
      </c>
      <c r="O28" s="313">
        <v>2936363</v>
      </c>
      <c r="P28" s="314">
        <v>4357822</v>
      </c>
      <c r="Q28" s="312">
        <v>0</v>
      </c>
      <c r="R28" s="313">
        <v>12730984</v>
      </c>
      <c r="S28" s="313">
        <v>19498098</v>
      </c>
      <c r="T28" s="313">
        <v>15186198</v>
      </c>
      <c r="U28" s="313">
        <v>20279775</v>
      </c>
      <c r="V28" s="313">
        <v>16640161</v>
      </c>
      <c r="W28" s="314">
        <v>84335216</v>
      </c>
      <c r="X28" s="316">
        <v>88693038</v>
      </c>
      <c r="Y28" s="312">
        <v>0</v>
      </c>
      <c r="Z28" s="313">
        <v>0</v>
      </c>
      <c r="AA28" s="314">
        <v>0</v>
      </c>
      <c r="AB28" s="312">
        <v>0</v>
      </c>
      <c r="AC28" s="313">
        <v>5978958</v>
      </c>
      <c r="AD28" s="313">
        <v>7529581</v>
      </c>
      <c r="AE28" s="313">
        <v>7224995</v>
      </c>
      <c r="AF28" s="313">
        <v>11223963</v>
      </c>
      <c r="AG28" s="313">
        <v>9498177</v>
      </c>
      <c r="AH28" s="314">
        <v>41455674</v>
      </c>
      <c r="AI28" s="316">
        <v>41455674</v>
      </c>
      <c r="AJ28" s="312">
        <v>0</v>
      </c>
      <c r="AK28" s="313">
        <v>0</v>
      </c>
      <c r="AL28" s="314">
        <v>0</v>
      </c>
      <c r="AM28" s="312">
        <v>0</v>
      </c>
      <c r="AN28" s="313">
        <v>0</v>
      </c>
      <c r="AO28" s="313">
        <v>376602</v>
      </c>
      <c r="AP28" s="313">
        <v>475774</v>
      </c>
      <c r="AQ28" s="313">
        <v>1180291</v>
      </c>
      <c r="AR28" s="313">
        <v>1650326</v>
      </c>
      <c r="AS28" s="314">
        <v>3682993</v>
      </c>
      <c r="AT28" s="316">
        <v>3682993</v>
      </c>
      <c r="AU28" s="312">
        <v>997873</v>
      </c>
      <c r="AV28" s="313">
        <v>2342087</v>
      </c>
      <c r="AW28" s="314">
        <v>3339960</v>
      </c>
      <c r="AX28" s="312">
        <v>0</v>
      </c>
      <c r="AY28" s="313">
        <v>3653132</v>
      </c>
      <c r="AZ28" s="313">
        <v>8212958</v>
      </c>
      <c r="BA28" s="313">
        <v>4519593</v>
      </c>
      <c r="BB28" s="313">
        <v>4348261</v>
      </c>
      <c r="BC28" s="313">
        <v>3366431</v>
      </c>
      <c r="BD28" s="314">
        <v>24100375</v>
      </c>
      <c r="BE28" s="316">
        <v>27440335</v>
      </c>
      <c r="BF28" s="312">
        <v>80921</v>
      </c>
      <c r="BG28" s="313">
        <v>434111</v>
      </c>
      <c r="BH28" s="317">
        <v>515032</v>
      </c>
      <c r="BI28" s="318">
        <v>0</v>
      </c>
      <c r="BJ28" s="313">
        <v>320328</v>
      </c>
      <c r="BK28" s="313">
        <v>737050</v>
      </c>
      <c r="BL28" s="313">
        <v>518270</v>
      </c>
      <c r="BM28" s="313">
        <v>418141</v>
      </c>
      <c r="BN28" s="313">
        <v>91872</v>
      </c>
      <c r="BO28" s="314">
        <v>2085661</v>
      </c>
      <c r="BP28" s="316">
        <v>2600693</v>
      </c>
      <c r="BQ28" s="312">
        <v>342665</v>
      </c>
      <c r="BR28" s="313">
        <v>160165</v>
      </c>
      <c r="BS28" s="314">
        <v>502830</v>
      </c>
      <c r="BT28" s="312">
        <v>0</v>
      </c>
      <c r="BU28" s="313">
        <v>2778566</v>
      </c>
      <c r="BV28" s="313">
        <v>2641907</v>
      </c>
      <c r="BW28" s="313">
        <v>2447566</v>
      </c>
      <c r="BX28" s="313">
        <v>3109119</v>
      </c>
      <c r="BY28" s="313">
        <v>2033355</v>
      </c>
      <c r="BZ28" s="314">
        <v>13010513</v>
      </c>
      <c r="CA28" s="316">
        <v>13513343</v>
      </c>
      <c r="CB28" s="312">
        <v>56200</v>
      </c>
      <c r="CC28" s="313">
        <v>225251</v>
      </c>
      <c r="CD28" s="314">
        <v>281451</v>
      </c>
      <c r="CE28" s="312">
        <v>0</v>
      </c>
      <c r="CF28" s="313">
        <v>16798565</v>
      </c>
      <c r="CG28" s="313">
        <v>21469810</v>
      </c>
      <c r="CH28" s="313">
        <v>15622821</v>
      </c>
      <c r="CI28" s="313">
        <v>10627324</v>
      </c>
      <c r="CJ28" s="313">
        <v>3660736</v>
      </c>
      <c r="CK28" s="314">
        <v>68179256</v>
      </c>
      <c r="CL28" s="316">
        <v>68460707</v>
      </c>
      <c r="CM28" s="312">
        <v>0</v>
      </c>
      <c r="CN28" s="313">
        <v>0</v>
      </c>
      <c r="CO28" s="314">
        <v>0</v>
      </c>
      <c r="CP28" s="318">
        <v>0</v>
      </c>
      <c r="CQ28" s="313">
        <v>14993388</v>
      </c>
      <c r="CR28" s="313">
        <v>18196942</v>
      </c>
      <c r="CS28" s="313">
        <v>13330497</v>
      </c>
      <c r="CT28" s="313">
        <v>8849059</v>
      </c>
      <c r="CU28" s="313">
        <v>3313160</v>
      </c>
      <c r="CV28" s="314">
        <v>58683046</v>
      </c>
      <c r="CW28" s="316">
        <v>58683046</v>
      </c>
      <c r="CX28" s="312">
        <v>56200</v>
      </c>
      <c r="CY28" s="313">
        <v>225251</v>
      </c>
      <c r="CZ28" s="314">
        <v>281451</v>
      </c>
      <c r="DA28" s="312">
        <v>0</v>
      </c>
      <c r="DB28" s="313">
        <v>1805177</v>
      </c>
      <c r="DC28" s="313">
        <v>3272868</v>
      </c>
      <c r="DD28" s="313">
        <v>2292324</v>
      </c>
      <c r="DE28" s="313">
        <v>1778265</v>
      </c>
      <c r="DF28" s="313">
        <v>347576</v>
      </c>
      <c r="DG28" s="314">
        <v>9496210</v>
      </c>
      <c r="DH28" s="316">
        <v>9777661</v>
      </c>
      <c r="DI28" s="312">
        <v>0</v>
      </c>
      <c r="DJ28" s="313">
        <v>18249</v>
      </c>
      <c r="DK28" s="317">
        <v>18249</v>
      </c>
      <c r="DL28" s="318">
        <v>0</v>
      </c>
      <c r="DM28" s="313">
        <v>2012708</v>
      </c>
      <c r="DN28" s="313">
        <v>2861396</v>
      </c>
      <c r="DO28" s="313">
        <v>6203283</v>
      </c>
      <c r="DP28" s="313">
        <v>6059273</v>
      </c>
      <c r="DQ28" s="313">
        <v>2193778</v>
      </c>
      <c r="DR28" s="314">
        <v>19330438</v>
      </c>
      <c r="DS28" s="316">
        <v>19348687</v>
      </c>
      <c r="DT28" s="312">
        <v>0</v>
      </c>
      <c r="DU28" s="313">
        <v>18249</v>
      </c>
      <c r="DV28" s="314">
        <v>18249</v>
      </c>
      <c r="DW28" s="312">
        <v>0</v>
      </c>
      <c r="DX28" s="313">
        <v>1978190</v>
      </c>
      <c r="DY28" s="313">
        <v>2538059</v>
      </c>
      <c r="DZ28" s="313">
        <v>6089756</v>
      </c>
      <c r="EA28" s="313">
        <v>5873127</v>
      </c>
      <c r="EB28" s="313">
        <v>1866883</v>
      </c>
      <c r="EC28" s="314">
        <v>18346015</v>
      </c>
      <c r="ED28" s="316">
        <v>18364264</v>
      </c>
      <c r="EE28" s="312">
        <v>0</v>
      </c>
      <c r="EF28" s="317">
        <v>0</v>
      </c>
      <c r="EG28" s="314">
        <v>0</v>
      </c>
      <c r="EH28" s="312">
        <v>0</v>
      </c>
      <c r="EI28" s="313">
        <v>34518</v>
      </c>
      <c r="EJ28" s="313">
        <v>323337</v>
      </c>
      <c r="EK28" s="313">
        <v>113527</v>
      </c>
      <c r="EL28" s="313">
        <v>186146</v>
      </c>
      <c r="EM28" s="313">
        <v>326895</v>
      </c>
      <c r="EN28" s="317">
        <v>984423</v>
      </c>
      <c r="EO28" s="316">
        <v>984423</v>
      </c>
      <c r="EP28" s="312">
        <v>0</v>
      </c>
      <c r="EQ28" s="313">
        <v>0</v>
      </c>
      <c r="ER28" s="317">
        <v>0</v>
      </c>
      <c r="ES28" s="318">
        <v>0</v>
      </c>
      <c r="ET28" s="313">
        <v>0</v>
      </c>
      <c r="EU28" s="313">
        <v>0</v>
      </c>
      <c r="EV28" s="313">
        <v>0</v>
      </c>
      <c r="EW28" s="313">
        <v>0</v>
      </c>
      <c r="EX28" s="313">
        <v>0</v>
      </c>
      <c r="EY28" s="314">
        <v>0</v>
      </c>
      <c r="EZ28" s="316">
        <v>0</v>
      </c>
      <c r="FA28" s="312">
        <v>0</v>
      </c>
      <c r="FB28" s="313">
        <v>0</v>
      </c>
      <c r="FC28" s="317">
        <v>0</v>
      </c>
      <c r="FD28" s="318">
        <v>0</v>
      </c>
      <c r="FE28" s="313">
        <v>0</v>
      </c>
      <c r="FF28" s="313">
        <v>0</v>
      </c>
      <c r="FG28" s="313">
        <v>0</v>
      </c>
      <c r="FH28" s="313">
        <v>0</v>
      </c>
      <c r="FI28" s="313">
        <v>0</v>
      </c>
      <c r="FJ28" s="314">
        <v>0</v>
      </c>
      <c r="FK28" s="316">
        <v>0</v>
      </c>
      <c r="FL28" s="312">
        <v>1390088</v>
      </c>
      <c r="FM28" s="313">
        <v>3007203</v>
      </c>
      <c r="FN28" s="314">
        <v>4397291</v>
      </c>
      <c r="FO28" s="312">
        <v>0</v>
      </c>
      <c r="FP28" s="313">
        <v>3458602</v>
      </c>
      <c r="FQ28" s="313">
        <v>6601327</v>
      </c>
      <c r="FR28" s="313">
        <v>4139424</v>
      </c>
      <c r="FS28" s="313">
        <v>4519028</v>
      </c>
      <c r="FT28" s="313">
        <v>2352779</v>
      </c>
      <c r="FU28" s="314">
        <v>21071160</v>
      </c>
      <c r="FV28" s="316">
        <v>25468451</v>
      </c>
      <c r="FW28" s="319">
        <v>690014</v>
      </c>
      <c r="FX28" s="313">
        <v>1896173</v>
      </c>
      <c r="FY28" s="317">
        <v>2586187</v>
      </c>
      <c r="FZ28" s="318">
        <v>0</v>
      </c>
      <c r="GA28" s="313">
        <v>2245284</v>
      </c>
      <c r="GB28" s="313">
        <v>6010351</v>
      </c>
      <c r="GC28" s="313">
        <v>3652463</v>
      </c>
      <c r="GD28" s="313">
        <v>4137896</v>
      </c>
      <c r="GE28" s="313">
        <v>2352779</v>
      </c>
      <c r="GF28" s="314">
        <v>18398773</v>
      </c>
      <c r="GG28" s="320">
        <v>20984960</v>
      </c>
      <c r="GH28" s="319">
        <v>98604</v>
      </c>
      <c r="GI28" s="313">
        <v>185820</v>
      </c>
      <c r="GJ28" s="317">
        <v>284424</v>
      </c>
      <c r="GK28" s="318">
        <v>0</v>
      </c>
      <c r="GL28" s="313">
        <v>157068</v>
      </c>
      <c r="GM28" s="313">
        <v>158796</v>
      </c>
      <c r="GN28" s="313">
        <v>185020</v>
      </c>
      <c r="GO28" s="313">
        <v>117162</v>
      </c>
      <c r="GP28" s="313">
        <v>0</v>
      </c>
      <c r="GQ28" s="314">
        <v>618046</v>
      </c>
      <c r="GR28" s="316">
        <v>902470</v>
      </c>
      <c r="GS28" s="312">
        <v>601470</v>
      </c>
      <c r="GT28" s="313">
        <v>925210</v>
      </c>
      <c r="GU28" s="314">
        <v>1526680</v>
      </c>
      <c r="GV28" s="312">
        <v>0</v>
      </c>
      <c r="GW28" s="313">
        <v>1056250</v>
      </c>
      <c r="GX28" s="313">
        <v>432180</v>
      </c>
      <c r="GY28" s="313">
        <v>301941</v>
      </c>
      <c r="GZ28" s="313">
        <v>263970</v>
      </c>
      <c r="HA28" s="313">
        <v>0</v>
      </c>
      <c r="HB28" s="317">
        <v>2054341</v>
      </c>
      <c r="HC28" s="316">
        <v>3581021</v>
      </c>
      <c r="HD28" s="312">
        <v>742303</v>
      </c>
      <c r="HE28" s="313">
        <v>393577</v>
      </c>
      <c r="HF28" s="317">
        <v>1135880</v>
      </c>
      <c r="HG28" s="318">
        <v>0</v>
      </c>
      <c r="HH28" s="313">
        <v>9507641</v>
      </c>
      <c r="HI28" s="313">
        <v>8959178</v>
      </c>
      <c r="HJ28" s="313">
        <v>8509340</v>
      </c>
      <c r="HK28" s="313">
        <v>13581683</v>
      </c>
      <c r="HL28" s="313">
        <v>8713439</v>
      </c>
      <c r="HM28" s="314">
        <v>49271281</v>
      </c>
      <c r="HN28" s="315">
        <v>50407161</v>
      </c>
      <c r="HO28" s="319">
        <v>757218</v>
      </c>
      <c r="HP28" s="313">
        <v>1531083</v>
      </c>
      <c r="HQ28" s="314">
        <v>2288301</v>
      </c>
      <c r="HR28" s="312">
        <v>0</v>
      </c>
      <c r="HS28" s="313">
        <v>7981109</v>
      </c>
      <c r="HT28" s="313">
        <v>8496447</v>
      </c>
      <c r="HU28" s="313">
        <v>5529723</v>
      </c>
      <c r="HV28" s="313">
        <v>4106317</v>
      </c>
      <c r="HW28" s="313">
        <v>1985296</v>
      </c>
      <c r="HX28" s="317">
        <v>28098892</v>
      </c>
      <c r="HY28" s="316">
        <v>30387193</v>
      </c>
      <c r="HZ28" s="344">
        <v>305465</v>
      </c>
      <c r="IA28" s="342">
        <v>0</v>
      </c>
      <c r="IB28" s="344">
        <v>305465</v>
      </c>
      <c r="IC28" s="341">
        <v>0</v>
      </c>
      <c r="ID28" s="342">
        <v>14394000</v>
      </c>
      <c r="IE28" s="343">
        <v>10851276</v>
      </c>
      <c r="IF28" s="344">
        <v>11916470</v>
      </c>
      <c r="IG28" s="342">
        <v>9004610</v>
      </c>
      <c r="IH28" s="344">
        <v>5558919</v>
      </c>
      <c r="II28" s="345">
        <v>51725275</v>
      </c>
      <c r="IJ28" s="344">
        <v>52030740</v>
      </c>
      <c r="IK28" s="328">
        <v>0</v>
      </c>
      <c r="IL28" s="329">
        <v>0</v>
      </c>
      <c r="IM28" s="330">
        <v>0</v>
      </c>
      <c r="IN28" s="390">
        <v>0</v>
      </c>
      <c r="IO28" s="331">
        <v>0</v>
      </c>
      <c r="IP28" s="331">
        <v>0</v>
      </c>
      <c r="IQ28" s="331">
        <v>151923</v>
      </c>
      <c r="IR28" s="331">
        <v>0</v>
      </c>
      <c r="IS28" s="331">
        <v>278616</v>
      </c>
      <c r="IT28" s="332">
        <v>430539</v>
      </c>
      <c r="IU28" s="333">
        <v>430539</v>
      </c>
      <c r="IV28" s="334">
        <v>0</v>
      </c>
      <c r="IW28" s="331">
        <v>0</v>
      </c>
      <c r="IX28" s="335">
        <v>0</v>
      </c>
      <c r="IY28" s="399">
        <v>0</v>
      </c>
      <c r="IZ28" s="331">
        <v>0</v>
      </c>
      <c r="JA28" s="331">
        <v>0</v>
      </c>
      <c r="JB28" s="331">
        <v>0</v>
      </c>
      <c r="JC28" s="331">
        <v>0</v>
      </c>
      <c r="JD28" s="331">
        <v>0</v>
      </c>
      <c r="JE28" s="335">
        <v>0</v>
      </c>
      <c r="JF28" s="336">
        <v>0</v>
      </c>
      <c r="JG28" s="334">
        <v>0</v>
      </c>
      <c r="JH28" s="331">
        <v>0</v>
      </c>
      <c r="JI28" s="332">
        <v>0</v>
      </c>
      <c r="JJ28" s="337">
        <v>0</v>
      </c>
      <c r="JK28" s="331">
        <v>3983140</v>
      </c>
      <c r="JL28" s="331">
        <v>3825357</v>
      </c>
      <c r="JM28" s="331">
        <v>2400317</v>
      </c>
      <c r="JN28" s="331">
        <v>2709529</v>
      </c>
      <c r="JO28" s="331">
        <v>1195663</v>
      </c>
      <c r="JP28" s="335">
        <v>14114006</v>
      </c>
      <c r="JQ28" s="333">
        <v>14114006</v>
      </c>
      <c r="JR28" s="334">
        <v>0</v>
      </c>
      <c r="JS28" s="331">
        <v>0</v>
      </c>
      <c r="JT28" s="332">
        <v>0</v>
      </c>
      <c r="JU28" s="337">
        <v>0</v>
      </c>
      <c r="JV28" s="331">
        <v>0</v>
      </c>
      <c r="JW28" s="331">
        <v>0</v>
      </c>
      <c r="JX28" s="331">
        <v>196014</v>
      </c>
      <c r="JY28" s="331">
        <v>293067</v>
      </c>
      <c r="JZ28" s="331">
        <v>0</v>
      </c>
      <c r="KA28" s="335">
        <v>489081</v>
      </c>
      <c r="KB28" s="333">
        <v>489081</v>
      </c>
      <c r="KC28" s="338">
        <v>305465</v>
      </c>
      <c r="KD28" s="339">
        <v>0</v>
      </c>
      <c r="KE28" s="335">
        <v>305465</v>
      </c>
      <c r="KF28" s="337">
        <v>0</v>
      </c>
      <c r="KG28" s="331">
        <v>649030</v>
      </c>
      <c r="KH28" s="331">
        <v>487669</v>
      </c>
      <c r="KI28" s="331">
        <v>1021263</v>
      </c>
      <c r="KJ28" s="331">
        <v>0</v>
      </c>
      <c r="KK28" s="331">
        <v>0</v>
      </c>
      <c r="KL28" s="335">
        <v>2157962</v>
      </c>
      <c r="KM28" s="340">
        <v>2463427</v>
      </c>
      <c r="KN28" s="328">
        <v>0</v>
      </c>
      <c r="KO28" s="329">
        <v>0</v>
      </c>
      <c r="KP28" s="330">
        <v>0</v>
      </c>
      <c r="KQ28" s="399">
        <v>0</v>
      </c>
      <c r="KR28" s="331">
        <v>9513101</v>
      </c>
      <c r="KS28" s="331">
        <v>6210966</v>
      </c>
      <c r="KT28" s="331">
        <v>7393383</v>
      </c>
      <c r="KU28" s="331">
        <v>4377887</v>
      </c>
      <c r="KV28" s="331">
        <v>3445969</v>
      </c>
      <c r="KW28" s="335">
        <v>30941306</v>
      </c>
      <c r="KX28" s="333">
        <v>30941306</v>
      </c>
      <c r="KY28" s="334">
        <v>0</v>
      </c>
      <c r="KZ28" s="331">
        <v>0</v>
      </c>
      <c r="LA28" s="335">
        <v>0</v>
      </c>
      <c r="LB28" s="399">
        <v>0</v>
      </c>
      <c r="LC28" s="331">
        <v>0</v>
      </c>
      <c r="LD28" s="331">
        <v>0</v>
      </c>
      <c r="LE28" s="331">
        <v>0</v>
      </c>
      <c r="LF28" s="331">
        <v>0</v>
      </c>
      <c r="LG28" s="331">
        <v>0</v>
      </c>
      <c r="LH28" s="335">
        <v>0</v>
      </c>
      <c r="LI28" s="336">
        <v>0</v>
      </c>
      <c r="LJ28" s="334">
        <v>0</v>
      </c>
      <c r="LK28" s="331">
        <v>0</v>
      </c>
      <c r="LL28" s="335">
        <v>0</v>
      </c>
      <c r="LM28" s="399">
        <v>0</v>
      </c>
      <c r="LN28" s="331">
        <v>0</v>
      </c>
      <c r="LO28" s="331">
        <v>0</v>
      </c>
      <c r="LP28" s="331">
        <v>0</v>
      </c>
      <c r="LQ28" s="331">
        <v>0</v>
      </c>
      <c r="LR28" s="331">
        <v>0</v>
      </c>
      <c r="LS28" s="335">
        <v>0</v>
      </c>
      <c r="LT28" s="333">
        <v>0</v>
      </c>
      <c r="LU28" s="334">
        <v>0</v>
      </c>
      <c r="LV28" s="331">
        <v>0</v>
      </c>
      <c r="LW28" s="335">
        <v>0</v>
      </c>
      <c r="LX28" s="399">
        <v>0</v>
      </c>
      <c r="LY28" s="331">
        <v>248729</v>
      </c>
      <c r="LZ28" s="331">
        <v>327284</v>
      </c>
      <c r="MA28" s="331">
        <v>753570</v>
      </c>
      <c r="MB28" s="331">
        <v>1624127</v>
      </c>
      <c r="MC28" s="331">
        <v>638671</v>
      </c>
      <c r="MD28" s="335">
        <v>3592381</v>
      </c>
      <c r="ME28" s="336">
        <v>3592381</v>
      </c>
      <c r="MF28" s="334">
        <v>0</v>
      </c>
      <c r="MG28" s="331">
        <v>0</v>
      </c>
      <c r="MH28" s="335">
        <v>0</v>
      </c>
      <c r="MI28" s="399">
        <v>0</v>
      </c>
      <c r="MJ28" s="331">
        <v>6706997</v>
      </c>
      <c r="MK28" s="331">
        <v>10449428</v>
      </c>
      <c r="ML28" s="331">
        <v>35853417</v>
      </c>
      <c r="MM28" s="331">
        <v>67242957</v>
      </c>
      <c r="MN28" s="331">
        <v>39637171</v>
      </c>
      <c r="MO28" s="335">
        <v>159889970</v>
      </c>
      <c r="MP28" s="340">
        <v>159889970</v>
      </c>
      <c r="MQ28" s="334">
        <v>0</v>
      </c>
      <c r="MR28" s="331">
        <v>0</v>
      </c>
      <c r="MS28" s="335">
        <v>0</v>
      </c>
      <c r="MT28" s="399">
        <v>0</v>
      </c>
      <c r="MU28" s="331">
        <v>871496</v>
      </c>
      <c r="MV28" s="331">
        <v>2762471</v>
      </c>
      <c r="MW28" s="331">
        <v>25161140</v>
      </c>
      <c r="MX28" s="331">
        <v>44249540</v>
      </c>
      <c r="MY28" s="331">
        <v>27072613</v>
      </c>
      <c r="MZ28" s="335">
        <v>100117260</v>
      </c>
      <c r="NA28" s="340">
        <v>100117260</v>
      </c>
      <c r="NB28" s="334">
        <v>0</v>
      </c>
      <c r="NC28" s="331">
        <v>0</v>
      </c>
      <c r="ND28" s="335">
        <v>0</v>
      </c>
      <c r="NE28" s="399">
        <v>0</v>
      </c>
      <c r="NF28" s="331">
        <v>5835501</v>
      </c>
      <c r="NG28" s="331">
        <v>7686957</v>
      </c>
      <c r="NH28" s="331">
        <v>10692277</v>
      </c>
      <c r="NI28" s="331">
        <v>21500475</v>
      </c>
      <c r="NJ28" s="331">
        <v>9300000</v>
      </c>
      <c r="NK28" s="335">
        <v>55015210</v>
      </c>
      <c r="NL28" s="333">
        <v>55015210</v>
      </c>
      <c r="NM28" s="334">
        <v>0</v>
      </c>
      <c r="NN28" s="331">
        <v>0</v>
      </c>
      <c r="NO28" s="335">
        <v>0</v>
      </c>
      <c r="NP28" s="399">
        <v>0</v>
      </c>
      <c r="NQ28" s="331">
        <v>0</v>
      </c>
      <c r="NR28" s="331">
        <v>0</v>
      </c>
      <c r="NS28" s="331">
        <v>0</v>
      </c>
      <c r="NT28" s="331">
        <v>0</v>
      </c>
      <c r="NU28" s="331">
        <v>0</v>
      </c>
      <c r="NV28" s="335">
        <v>0</v>
      </c>
      <c r="NW28" s="336">
        <v>0</v>
      </c>
      <c r="NX28" s="334">
        <v>0</v>
      </c>
      <c r="NY28" s="331">
        <v>0</v>
      </c>
      <c r="NZ28" s="335">
        <v>0</v>
      </c>
      <c r="OA28" s="399">
        <v>0</v>
      </c>
      <c r="OB28" s="331">
        <v>0</v>
      </c>
      <c r="OC28" s="331">
        <v>0</v>
      </c>
      <c r="OD28" s="331">
        <v>0</v>
      </c>
      <c r="OE28" s="331">
        <v>1492942</v>
      </c>
      <c r="OF28" s="331">
        <v>3264558</v>
      </c>
      <c r="OG28" s="335">
        <v>4757500</v>
      </c>
      <c r="OH28" s="336">
        <v>4757500</v>
      </c>
      <c r="OI28" s="334">
        <v>4672733</v>
      </c>
      <c r="OJ28" s="331">
        <v>8111726</v>
      </c>
      <c r="OK28" s="332">
        <v>12784459</v>
      </c>
      <c r="OL28" s="337">
        <v>0</v>
      </c>
      <c r="OM28" s="331">
        <v>73590606</v>
      </c>
      <c r="ON28" s="331">
        <v>89186960</v>
      </c>
      <c r="OO28" s="331">
        <v>102960676</v>
      </c>
      <c r="OP28" s="331">
        <v>135420967</v>
      </c>
      <c r="OQ28" s="331">
        <v>80742279</v>
      </c>
      <c r="OR28" s="335">
        <v>481901488</v>
      </c>
      <c r="OS28" s="340">
        <v>494685947</v>
      </c>
    </row>
    <row r="29" spans="2:409" s="56" customFormat="1" ht="21" customHeight="1" x14ac:dyDescent="0.2">
      <c r="B29" s="396" t="s">
        <v>24</v>
      </c>
      <c r="C29" s="312">
        <v>3245669</v>
      </c>
      <c r="D29" s="313">
        <v>4124070</v>
      </c>
      <c r="E29" s="314">
        <v>7369739</v>
      </c>
      <c r="F29" s="315">
        <v>0</v>
      </c>
      <c r="G29" s="313">
        <v>29592614</v>
      </c>
      <c r="H29" s="313">
        <v>31218724</v>
      </c>
      <c r="I29" s="313">
        <v>27568315</v>
      </c>
      <c r="J29" s="313">
        <v>30371997</v>
      </c>
      <c r="K29" s="313">
        <v>22887421</v>
      </c>
      <c r="L29" s="353">
        <v>141639071</v>
      </c>
      <c r="M29" s="316">
        <v>149008810</v>
      </c>
      <c r="N29" s="312">
        <v>659069</v>
      </c>
      <c r="O29" s="313">
        <v>1016688</v>
      </c>
      <c r="P29" s="314">
        <v>1675757</v>
      </c>
      <c r="Q29" s="312">
        <v>0</v>
      </c>
      <c r="R29" s="313">
        <v>6623944</v>
      </c>
      <c r="S29" s="313">
        <v>8676345</v>
      </c>
      <c r="T29" s="313">
        <v>7785889</v>
      </c>
      <c r="U29" s="313">
        <v>11352147</v>
      </c>
      <c r="V29" s="313">
        <v>10850866</v>
      </c>
      <c r="W29" s="314">
        <v>45289191</v>
      </c>
      <c r="X29" s="316">
        <v>46964948</v>
      </c>
      <c r="Y29" s="312">
        <v>0</v>
      </c>
      <c r="Z29" s="313">
        <v>0</v>
      </c>
      <c r="AA29" s="314">
        <v>0</v>
      </c>
      <c r="AB29" s="312">
        <v>0</v>
      </c>
      <c r="AC29" s="313">
        <v>2713914</v>
      </c>
      <c r="AD29" s="313">
        <v>3526759</v>
      </c>
      <c r="AE29" s="313">
        <v>3748769</v>
      </c>
      <c r="AF29" s="313">
        <v>6884165</v>
      </c>
      <c r="AG29" s="313">
        <v>5978809</v>
      </c>
      <c r="AH29" s="314">
        <v>22852416</v>
      </c>
      <c r="AI29" s="316">
        <v>22852416</v>
      </c>
      <c r="AJ29" s="312">
        <v>0</v>
      </c>
      <c r="AK29" s="313">
        <v>0</v>
      </c>
      <c r="AL29" s="314">
        <v>0</v>
      </c>
      <c r="AM29" s="312">
        <v>0</v>
      </c>
      <c r="AN29" s="313">
        <v>15648</v>
      </c>
      <c r="AO29" s="313">
        <v>94583</v>
      </c>
      <c r="AP29" s="313">
        <v>229700</v>
      </c>
      <c r="AQ29" s="313">
        <v>398809</v>
      </c>
      <c r="AR29" s="313">
        <v>1419205</v>
      </c>
      <c r="AS29" s="314">
        <v>2157945</v>
      </c>
      <c r="AT29" s="316">
        <v>2157945</v>
      </c>
      <c r="AU29" s="312">
        <v>385918</v>
      </c>
      <c r="AV29" s="313">
        <v>786322</v>
      </c>
      <c r="AW29" s="314">
        <v>1172240</v>
      </c>
      <c r="AX29" s="312">
        <v>0</v>
      </c>
      <c r="AY29" s="313">
        <v>2425674</v>
      </c>
      <c r="AZ29" s="313">
        <v>3442229</v>
      </c>
      <c r="BA29" s="313">
        <v>2323686</v>
      </c>
      <c r="BB29" s="313">
        <v>2619904</v>
      </c>
      <c r="BC29" s="313">
        <v>2114808</v>
      </c>
      <c r="BD29" s="314">
        <v>12926301</v>
      </c>
      <c r="BE29" s="316">
        <v>14098541</v>
      </c>
      <c r="BF29" s="312">
        <v>17498</v>
      </c>
      <c r="BG29" s="313">
        <v>23332</v>
      </c>
      <c r="BH29" s="317">
        <v>40830</v>
      </c>
      <c r="BI29" s="318">
        <v>0</v>
      </c>
      <c r="BJ29" s="313">
        <v>212606</v>
      </c>
      <c r="BK29" s="313">
        <v>207681</v>
      </c>
      <c r="BL29" s="313">
        <v>129651</v>
      </c>
      <c r="BM29" s="313">
        <v>91351</v>
      </c>
      <c r="BN29" s="313">
        <v>126022</v>
      </c>
      <c r="BO29" s="314">
        <v>767311</v>
      </c>
      <c r="BP29" s="316">
        <v>808141</v>
      </c>
      <c r="BQ29" s="312">
        <v>255653</v>
      </c>
      <c r="BR29" s="313">
        <v>207034</v>
      </c>
      <c r="BS29" s="314">
        <v>462687</v>
      </c>
      <c r="BT29" s="312">
        <v>0</v>
      </c>
      <c r="BU29" s="313">
        <v>1256102</v>
      </c>
      <c r="BV29" s="313">
        <v>1405093</v>
      </c>
      <c r="BW29" s="313">
        <v>1354083</v>
      </c>
      <c r="BX29" s="313">
        <v>1357918</v>
      </c>
      <c r="BY29" s="313">
        <v>1212022</v>
      </c>
      <c r="BZ29" s="314">
        <v>6585218</v>
      </c>
      <c r="CA29" s="316">
        <v>7047905</v>
      </c>
      <c r="CB29" s="312">
        <v>247301</v>
      </c>
      <c r="CC29" s="313">
        <v>770284</v>
      </c>
      <c r="CD29" s="314">
        <v>1017585</v>
      </c>
      <c r="CE29" s="312">
        <v>0</v>
      </c>
      <c r="CF29" s="313">
        <v>9482566</v>
      </c>
      <c r="CG29" s="313">
        <v>9146598</v>
      </c>
      <c r="CH29" s="313">
        <v>6286019</v>
      </c>
      <c r="CI29" s="313">
        <v>3951769</v>
      </c>
      <c r="CJ29" s="313">
        <v>2496251</v>
      </c>
      <c r="CK29" s="314">
        <v>31363203</v>
      </c>
      <c r="CL29" s="316">
        <v>32380788</v>
      </c>
      <c r="CM29" s="312">
        <v>0</v>
      </c>
      <c r="CN29" s="313">
        <v>0</v>
      </c>
      <c r="CO29" s="314">
        <v>0</v>
      </c>
      <c r="CP29" s="318">
        <v>0</v>
      </c>
      <c r="CQ29" s="313">
        <v>6870679</v>
      </c>
      <c r="CR29" s="313">
        <v>6919874</v>
      </c>
      <c r="CS29" s="313">
        <v>4321280</v>
      </c>
      <c r="CT29" s="313">
        <v>2674622</v>
      </c>
      <c r="CU29" s="313">
        <v>1452799</v>
      </c>
      <c r="CV29" s="314">
        <v>22239254</v>
      </c>
      <c r="CW29" s="316">
        <v>22239254</v>
      </c>
      <c r="CX29" s="312">
        <v>247301</v>
      </c>
      <c r="CY29" s="313">
        <v>770284</v>
      </c>
      <c r="CZ29" s="314">
        <v>1017585</v>
      </c>
      <c r="DA29" s="312">
        <v>0</v>
      </c>
      <c r="DB29" s="313">
        <v>2611887</v>
      </c>
      <c r="DC29" s="313">
        <v>2226724</v>
      </c>
      <c r="DD29" s="313">
        <v>1964739</v>
      </c>
      <c r="DE29" s="313">
        <v>1277147</v>
      </c>
      <c r="DF29" s="313">
        <v>1043452</v>
      </c>
      <c r="DG29" s="314">
        <v>9123949</v>
      </c>
      <c r="DH29" s="316">
        <v>10141534</v>
      </c>
      <c r="DI29" s="312">
        <v>31095</v>
      </c>
      <c r="DJ29" s="313">
        <v>0</v>
      </c>
      <c r="DK29" s="317">
        <v>31095</v>
      </c>
      <c r="DL29" s="318">
        <v>0</v>
      </c>
      <c r="DM29" s="313">
        <v>943918</v>
      </c>
      <c r="DN29" s="313">
        <v>1936002</v>
      </c>
      <c r="DO29" s="313">
        <v>3001983</v>
      </c>
      <c r="DP29" s="313">
        <v>2743605</v>
      </c>
      <c r="DQ29" s="313">
        <v>1054472</v>
      </c>
      <c r="DR29" s="314">
        <v>9679980</v>
      </c>
      <c r="DS29" s="316">
        <v>9711075</v>
      </c>
      <c r="DT29" s="312">
        <v>31095</v>
      </c>
      <c r="DU29" s="313">
        <v>0</v>
      </c>
      <c r="DV29" s="314">
        <v>31095</v>
      </c>
      <c r="DW29" s="312">
        <v>0</v>
      </c>
      <c r="DX29" s="313">
        <v>943918</v>
      </c>
      <c r="DY29" s="313">
        <v>1746012</v>
      </c>
      <c r="DZ29" s="313">
        <v>2952471</v>
      </c>
      <c r="EA29" s="313">
        <v>2667331</v>
      </c>
      <c r="EB29" s="313">
        <v>1054472</v>
      </c>
      <c r="EC29" s="314">
        <v>9364204</v>
      </c>
      <c r="ED29" s="316">
        <v>9395299</v>
      </c>
      <c r="EE29" s="312">
        <v>0</v>
      </c>
      <c r="EF29" s="317">
        <v>0</v>
      </c>
      <c r="EG29" s="314">
        <v>0</v>
      </c>
      <c r="EH29" s="312">
        <v>0</v>
      </c>
      <c r="EI29" s="313">
        <v>0</v>
      </c>
      <c r="EJ29" s="313">
        <v>189990</v>
      </c>
      <c r="EK29" s="313">
        <v>49512</v>
      </c>
      <c r="EL29" s="313">
        <v>76274</v>
      </c>
      <c r="EM29" s="313">
        <v>0</v>
      </c>
      <c r="EN29" s="317">
        <v>315776</v>
      </c>
      <c r="EO29" s="316">
        <v>315776</v>
      </c>
      <c r="EP29" s="312">
        <v>0</v>
      </c>
      <c r="EQ29" s="313">
        <v>0</v>
      </c>
      <c r="ER29" s="317">
        <v>0</v>
      </c>
      <c r="ES29" s="318">
        <v>0</v>
      </c>
      <c r="ET29" s="313">
        <v>0</v>
      </c>
      <c r="EU29" s="313">
        <v>0</v>
      </c>
      <c r="EV29" s="313">
        <v>0</v>
      </c>
      <c r="EW29" s="313">
        <v>0</v>
      </c>
      <c r="EX29" s="313">
        <v>0</v>
      </c>
      <c r="EY29" s="314">
        <v>0</v>
      </c>
      <c r="EZ29" s="316">
        <v>0</v>
      </c>
      <c r="FA29" s="312">
        <v>0</v>
      </c>
      <c r="FB29" s="313">
        <v>0</v>
      </c>
      <c r="FC29" s="317">
        <v>0</v>
      </c>
      <c r="FD29" s="318">
        <v>0</v>
      </c>
      <c r="FE29" s="313">
        <v>0</v>
      </c>
      <c r="FF29" s="313">
        <v>0</v>
      </c>
      <c r="FG29" s="313">
        <v>0</v>
      </c>
      <c r="FH29" s="313">
        <v>0</v>
      </c>
      <c r="FI29" s="313">
        <v>0</v>
      </c>
      <c r="FJ29" s="314">
        <v>0</v>
      </c>
      <c r="FK29" s="316">
        <v>0</v>
      </c>
      <c r="FL29" s="312">
        <v>1014440</v>
      </c>
      <c r="FM29" s="313">
        <v>894888</v>
      </c>
      <c r="FN29" s="314">
        <v>1909328</v>
      </c>
      <c r="FO29" s="312">
        <v>0</v>
      </c>
      <c r="FP29" s="313">
        <v>1531538</v>
      </c>
      <c r="FQ29" s="313">
        <v>2319321</v>
      </c>
      <c r="FR29" s="313">
        <v>1859541</v>
      </c>
      <c r="FS29" s="313">
        <v>1826342</v>
      </c>
      <c r="FT29" s="313">
        <v>1567937</v>
      </c>
      <c r="FU29" s="314">
        <v>9104679</v>
      </c>
      <c r="FV29" s="316">
        <v>11014007</v>
      </c>
      <c r="FW29" s="319">
        <v>373033</v>
      </c>
      <c r="FX29" s="313">
        <v>550085</v>
      </c>
      <c r="FY29" s="317">
        <v>923118</v>
      </c>
      <c r="FZ29" s="318">
        <v>0</v>
      </c>
      <c r="GA29" s="313">
        <v>1186472</v>
      </c>
      <c r="GB29" s="313">
        <v>2211951</v>
      </c>
      <c r="GC29" s="313">
        <v>1705127</v>
      </c>
      <c r="GD29" s="313">
        <v>1702295</v>
      </c>
      <c r="GE29" s="313">
        <v>1567937</v>
      </c>
      <c r="GF29" s="314">
        <v>8373782</v>
      </c>
      <c r="GG29" s="320">
        <v>9296900</v>
      </c>
      <c r="GH29" s="319">
        <v>56567</v>
      </c>
      <c r="GI29" s="313">
        <v>14503</v>
      </c>
      <c r="GJ29" s="317">
        <v>71070</v>
      </c>
      <c r="GK29" s="318">
        <v>0</v>
      </c>
      <c r="GL29" s="313">
        <v>82066</v>
      </c>
      <c r="GM29" s="313">
        <v>26370</v>
      </c>
      <c r="GN29" s="313">
        <v>60544</v>
      </c>
      <c r="GO29" s="313">
        <v>38016</v>
      </c>
      <c r="GP29" s="313">
        <v>0</v>
      </c>
      <c r="GQ29" s="314">
        <v>206996</v>
      </c>
      <c r="GR29" s="316">
        <v>278066</v>
      </c>
      <c r="GS29" s="312">
        <v>584840</v>
      </c>
      <c r="GT29" s="313">
        <v>330300</v>
      </c>
      <c r="GU29" s="314">
        <v>915140</v>
      </c>
      <c r="GV29" s="312">
        <v>0</v>
      </c>
      <c r="GW29" s="313">
        <v>263000</v>
      </c>
      <c r="GX29" s="313">
        <v>81000</v>
      </c>
      <c r="GY29" s="313">
        <v>93870</v>
      </c>
      <c r="GZ29" s="313">
        <v>86031</v>
      </c>
      <c r="HA29" s="313">
        <v>0</v>
      </c>
      <c r="HB29" s="317">
        <v>523901</v>
      </c>
      <c r="HC29" s="316">
        <v>1439041</v>
      </c>
      <c r="HD29" s="312">
        <v>765398</v>
      </c>
      <c r="HE29" s="313">
        <v>869179</v>
      </c>
      <c r="HF29" s="317">
        <v>1634577</v>
      </c>
      <c r="HG29" s="318">
        <v>0</v>
      </c>
      <c r="HH29" s="313">
        <v>6677931</v>
      </c>
      <c r="HI29" s="313">
        <v>5865754</v>
      </c>
      <c r="HJ29" s="313">
        <v>6202060</v>
      </c>
      <c r="HK29" s="313">
        <v>8573247</v>
      </c>
      <c r="HL29" s="313">
        <v>5743170</v>
      </c>
      <c r="HM29" s="314">
        <v>33062162</v>
      </c>
      <c r="HN29" s="315">
        <v>34696739</v>
      </c>
      <c r="HO29" s="319">
        <v>528366</v>
      </c>
      <c r="HP29" s="313">
        <v>573031</v>
      </c>
      <c r="HQ29" s="314">
        <v>1101397</v>
      </c>
      <c r="HR29" s="312">
        <v>0</v>
      </c>
      <c r="HS29" s="313">
        <v>4332717</v>
      </c>
      <c r="HT29" s="313">
        <v>3274704</v>
      </c>
      <c r="HU29" s="313">
        <v>2432823</v>
      </c>
      <c r="HV29" s="313">
        <v>1924887</v>
      </c>
      <c r="HW29" s="313">
        <v>1174725</v>
      </c>
      <c r="HX29" s="317">
        <v>13139856</v>
      </c>
      <c r="HY29" s="316">
        <v>14241253</v>
      </c>
      <c r="HZ29" s="321">
        <v>197139</v>
      </c>
      <c r="IA29" s="322">
        <v>174127</v>
      </c>
      <c r="IB29" s="323">
        <v>371266</v>
      </c>
      <c r="IC29" s="324">
        <v>0</v>
      </c>
      <c r="ID29" s="322">
        <v>4339999</v>
      </c>
      <c r="IE29" s="325">
        <v>6311086</v>
      </c>
      <c r="IF29" s="323">
        <v>4525748</v>
      </c>
      <c r="IG29" s="322">
        <v>2798985</v>
      </c>
      <c r="IH29" s="323">
        <v>1880282</v>
      </c>
      <c r="II29" s="326">
        <v>19856100</v>
      </c>
      <c r="IJ29" s="327">
        <v>20227366</v>
      </c>
      <c r="IK29" s="328">
        <v>0</v>
      </c>
      <c r="IL29" s="329">
        <v>0</v>
      </c>
      <c r="IM29" s="330">
        <v>0</v>
      </c>
      <c r="IN29" s="390">
        <v>0</v>
      </c>
      <c r="IO29" s="331">
        <v>57260</v>
      </c>
      <c r="IP29" s="331">
        <v>113537</v>
      </c>
      <c r="IQ29" s="331">
        <v>378347</v>
      </c>
      <c r="IR29" s="331">
        <v>659251</v>
      </c>
      <c r="IS29" s="331">
        <v>520926</v>
      </c>
      <c r="IT29" s="332">
        <v>1729321</v>
      </c>
      <c r="IU29" s="333">
        <v>1729321</v>
      </c>
      <c r="IV29" s="334">
        <v>0</v>
      </c>
      <c r="IW29" s="331">
        <v>0</v>
      </c>
      <c r="IX29" s="335">
        <v>0</v>
      </c>
      <c r="IY29" s="399">
        <v>0</v>
      </c>
      <c r="IZ29" s="331">
        <v>0</v>
      </c>
      <c r="JA29" s="331">
        <v>0</v>
      </c>
      <c r="JB29" s="331">
        <v>0</v>
      </c>
      <c r="JC29" s="331">
        <v>0</v>
      </c>
      <c r="JD29" s="331">
        <v>0</v>
      </c>
      <c r="JE29" s="335">
        <v>0</v>
      </c>
      <c r="JF29" s="336">
        <v>0</v>
      </c>
      <c r="JG29" s="334">
        <v>0</v>
      </c>
      <c r="JH29" s="331">
        <v>0</v>
      </c>
      <c r="JI29" s="332">
        <v>0</v>
      </c>
      <c r="JJ29" s="337">
        <v>0</v>
      </c>
      <c r="JK29" s="331">
        <v>1349282</v>
      </c>
      <c r="JL29" s="331">
        <v>919889</v>
      </c>
      <c r="JM29" s="331">
        <v>1750252</v>
      </c>
      <c r="JN29" s="331">
        <v>569977</v>
      </c>
      <c r="JO29" s="331">
        <v>571977</v>
      </c>
      <c r="JP29" s="335">
        <v>5161377</v>
      </c>
      <c r="JQ29" s="333">
        <v>5161377</v>
      </c>
      <c r="JR29" s="334">
        <v>0</v>
      </c>
      <c r="JS29" s="331">
        <v>0</v>
      </c>
      <c r="JT29" s="332">
        <v>0</v>
      </c>
      <c r="JU29" s="337">
        <v>0</v>
      </c>
      <c r="JV29" s="331">
        <v>611994</v>
      </c>
      <c r="JW29" s="331">
        <v>787301</v>
      </c>
      <c r="JX29" s="331">
        <v>261976</v>
      </c>
      <c r="JY29" s="331">
        <v>342577</v>
      </c>
      <c r="JZ29" s="331">
        <v>61915</v>
      </c>
      <c r="KA29" s="335">
        <v>2065763</v>
      </c>
      <c r="KB29" s="333">
        <v>2065763</v>
      </c>
      <c r="KC29" s="338">
        <v>197139</v>
      </c>
      <c r="KD29" s="339">
        <v>174127</v>
      </c>
      <c r="KE29" s="335">
        <v>371266</v>
      </c>
      <c r="KF29" s="337">
        <v>0</v>
      </c>
      <c r="KG29" s="331">
        <v>1850002</v>
      </c>
      <c r="KH29" s="331">
        <v>2902406</v>
      </c>
      <c r="KI29" s="331">
        <v>860083</v>
      </c>
      <c r="KJ29" s="331">
        <v>560707</v>
      </c>
      <c r="KK29" s="331">
        <v>0</v>
      </c>
      <c r="KL29" s="335">
        <v>6173198</v>
      </c>
      <c r="KM29" s="340">
        <v>6544464</v>
      </c>
      <c r="KN29" s="328">
        <v>0</v>
      </c>
      <c r="KO29" s="329">
        <v>0</v>
      </c>
      <c r="KP29" s="330">
        <v>0</v>
      </c>
      <c r="KQ29" s="399">
        <v>0</v>
      </c>
      <c r="KR29" s="331">
        <v>471461</v>
      </c>
      <c r="KS29" s="331">
        <v>1587953</v>
      </c>
      <c r="KT29" s="331">
        <v>1275090</v>
      </c>
      <c r="KU29" s="331">
        <v>666473</v>
      </c>
      <c r="KV29" s="331">
        <v>725464</v>
      </c>
      <c r="KW29" s="335">
        <v>4726441</v>
      </c>
      <c r="KX29" s="333">
        <v>4726441</v>
      </c>
      <c r="KY29" s="334">
        <v>0</v>
      </c>
      <c r="KZ29" s="331">
        <v>0</v>
      </c>
      <c r="LA29" s="335">
        <v>0</v>
      </c>
      <c r="LB29" s="399">
        <v>0</v>
      </c>
      <c r="LC29" s="331">
        <v>0</v>
      </c>
      <c r="LD29" s="331">
        <v>0</v>
      </c>
      <c r="LE29" s="331">
        <v>0</v>
      </c>
      <c r="LF29" s="331">
        <v>0</v>
      </c>
      <c r="LG29" s="331">
        <v>0</v>
      </c>
      <c r="LH29" s="335">
        <v>0</v>
      </c>
      <c r="LI29" s="336">
        <v>0</v>
      </c>
      <c r="LJ29" s="334">
        <v>0</v>
      </c>
      <c r="LK29" s="331">
        <v>0</v>
      </c>
      <c r="LL29" s="335">
        <v>0</v>
      </c>
      <c r="LM29" s="399">
        <v>0</v>
      </c>
      <c r="LN29" s="331">
        <v>0</v>
      </c>
      <c r="LO29" s="331">
        <v>0</v>
      </c>
      <c r="LP29" s="331">
        <v>0</v>
      </c>
      <c r="LQ29" s="331">
        <v>0</v>
      </c>
      <c r="LR29" s="331">
        <v>0</v>
      </c>
      <c r="LS29" s="335">
        <v>0</v>
      </c>
      <c r="LT29" s="333">
        <v>0</v>
      </c>
      <c r="LU29" s="334">
        <v>0</v>
      </c>
      <c r="LV29" s="331">
        <v>0</v>
      </c>
      <c r="LW29" s="335">
        <v>0</v>
      </c>
      <c r="LX29" s="399">
        <v>0</v>
      </c>
      <c r="LY29" s="331">
        <v>0</v>
      </c>
      <c r="LZ29" s="331">
        <v>0</v>
      </c>
      <c r="MA29" s="331">
        <v>0</v>
      </c>
      <c r="MB29" s="331">
        <v>0</v>
      </c>
      <c r="MC29" s="331">
        <v>0</v>
      </c>
      <c r="MD29" s="335">
        <v>0</v>
      </c>
      <c r="ME29" s="336">
        <v>0</v>
      </c>
      <c r="MF29" s="334">
        <v>0</v>
      </c>
      <c r="MG29" s="331">
        <v>0</v>
      </c>
      <c r="MH29" s="335">
        <v>0</v>
      </c>
      <c r="MI29" s="399">
        <v>0</v>
      </c>
      <c r="MJ29" s="331">
        <v>2671390</v>
      </c>
      <c r="MK29" s="331">
        <v>3652392</v>
      </c>
      <c r="ML29" s="331">
        <v>14362299</v>
      </c>
      <c r="MM29" s="331">
        <v>34228166</v>
      </c>
      <c r="MN29" s="331">
        <v>20681653</v>
      </c>
      <c r="MO29" s="335">
        <v>75595900</v>
      </c>
      <c r="MP29" s="340">
        <v>75595900</v>
      </c>
      <c r="MQ29" s="334">
        <v>0</v>
      </c>
      <c r="MR29" s="331">
        <v>0</v>
      </c>
      <c r="MS29" s="335">
        <v>0</v>
      </c>
      <c r="MT29" s="399">
        <v>0</v>
      </c>
      <c r="MU29" s="331">
        <v>191655</v>
      </c>
      <c r="MV29" s="331">
        <v>276231</v>
      </c>
      <c r="MW29" s="331">
        <v>7651213</v>
      </c>
      <c r="MX29" s="331">
        <v>24414211</v>
      </c>
      <c r="MY29" s="331">
        <v>17139389</v>
      </c>
      <c r="MZ29" s="335">
        <v>49672699</v>
      </c>
      <c r="NA29" s="340">
        <v>49672699</v>
      </c>
      <c r="NB29" s="334">
        <v>0</v>
      </c>
      <c r="NC29" s="331">
        <v>0</v>
      </c>
      <c r="ND29" s="335">
        <v>0</v>
      </c>
      <c r="NE29" s="399">
        <v>0</v>
      </c>
      <c r="NF29" s="331">
        <v>2479735</v>
      </c>
      <c r="NG29" s="331">
        <v>3376161</v>
      </c>
      <c r="NH29" s="331">
        <v>6711086</v>
      </c>
      <c r="NI29" s="331">
        <v>9813955</v>
      </c>
      <c r="NJ29" s="331">
        <v>3113325</v>
      </c>
      <c r="NK29" s="335">
        <v>25494262</v>
      </c>
      <c r="NL29" s="333">
        <v>25494262</v>
      </c>
      <c r="NM29" s="334">
        <v>0</v>
      </c>
      <c r="NN29" s="331">
        <v>0</v>
      </c>
      <c r="NO29" s="335">
        <v>0</v>
      </c>
      <c r="NP29" s="399">
        <v>0</v>
      </c>
      <c r="NQ29" s="331">
        <v>0</v>
      </c>
      <c r="NR29" s="331">
        <v>0</v>
      </c>
      <c r="NS29" s="331">
        <v>0</v>
      </c>
      <c r="NT29" s="331">
        <v>0</v>
      </c>
      <c r="NU29" s="331">
        <v>0</v>
      </c>
      <c r="NV29" s="335">
        <v>0</v>
      </c>
      <c r="NW29" s="336">
        <v>0</v>
      </c>
      <c r="NX29" s="334">
        <v>0</v>
      </c>
      <c r="NY29" s="331">
        <v>0</v>
      </c>
      <c r="NZ29" s="335">
        <v>0</v>
      </c>
      <c r="OA29" s="399">
        <v>0</v>
      </c>
      <c r="OB29" s="331">
        <v>0</v>
      </c>
      <c r="OC29" s="331">
        <v>0</v>
      </c>
      <c r="OD29" s="331">
        <v>0</v>
      </c>
      <c r="OE29" s="331">
        <v>0</v>
      </c>
      <c r="OF29" s="331">
        <v>428939</v>
      </c>
      <c r="OG29" s="335">
        <v>428939</v>
      </c>
      <c r="OH29" s="336">
        <v>428939</v>
      </c>
      <c r="OI29" s="334">
        <v>3442808</v>
      </c>
      <c r="OJ29" s="331">
        <v>4298197</v>
      </c>
      <c r="OK29" s="332">
        <v>7741005</v>
      </c>
      <c r="OL29" s="337">
        <v>0</v>
      </c>
      <c r="OM29" s="331">
        <v>36604003</v>
      </c>
      <c r="ON29" s="331">
        <v>41182202</v>
      </c>
      <c r="OO29" s="331">
        <v>46456362</v>
      </c>
      <c r="OP29" s="331">
        <v>67399148</v>
      </c>
      <c r="OQ29" s="331">
        <v>45449356</v>
      </c>
      <c r="OR29" s="335">
        <v>237091071</v>
      </c>
      <c r="OS29" s="340">
        <v>244832076</v>
      </c>
    </row>
    <row r="30" spans="2:409" s="56" customFormat="1" ht="21" customHeight="1" x14ac:dyDescent="0.2">
      <c r="B30" s="396" t="s">
        <v>25</v>
      </c>
      <c r="C30" s="312">
        <v>2409322</v>
      </c>
      <c r="D30" s="313">
        <v>5573834</v>
      </c>
      <c r="E30" s="314">
        <v>7983156</v>
      </c>
      <c r="F30" s="315">
        <v>0</v>
      </c>
      <c r="G30" s="313">
        <v>31416985</v>
      </c>
      <c r="H30" s="313">
        <v>34369012</v>
      </c>
      <c r="I30" s="313">
        <v>27440856</v>
      </c>
      <c r="J30" s="313">
        <v>27510487</v>
      </c>
      <c r="K30" s="313">
        <v>20056216</v>
      </c>
      <c r="L30" s="353">
        <v>140793556</v>
      </c>
      <c r="M30" s="316">
        <v>148776712</v>
      </c>
      <c r="N30" s="312">
        <v>769996</v>
      </c>
      <c r="O30" s="313">
        <v>1847857</v>
      </c>
      <c r="P30" s="314">
        <v>2617853</v>
      </c>
      <c r="Q30" s="312">
        <v>0</v>
      </c>
      <c r="R30" s="313">
        <v>8852095</v>
      </c>
      <c r="S30" s="313">
        <v>11656228</v>
      </c>
      <c r="T30" s="313">
        <v>9369973</v>
      </c>
      <c r="U30" s="313">
        <v>12774825</v>
      </c>
      <c r="V30" s="313">
        <v>12051209</v>
      </c>
      <c r="W30" s="314">
        <v>54704330</v>
      </c>
      <c r="X30" s="316">
        <v>57322183</v>
      </c>
      <c r="Y30" s="312">
        <v>0</v>
      </c>
      <c r="Z30" s="313">
        <v>0</v>
      </c>
      <c r="AA30" s="314">
        <v>0</v>
      </c>
      <c r="AB30" s="312">
        <v>0</v>
      </c>
      <c r="AC30" s="313">
        <v>4354353</v>
      </c>
      <c r="AD30" s="313">
        <v>5567086</v>
      </c>
      <c r="AE30" s="313">
        <v>5923166</v>
      </c>
      <c r="AF30" s="313">
        <v>8570980</v>
      </c>
      <c r="AG30" s="313">
        <v>7440752</v>
      </c>
      <c r="AH30" s="314">
        <v>31856337</v>
      </c>
      <c r="AI30" s="316">
        <v>31856337</v>
      </c>
      <c r="AJ30" s="312">
        <v>0</v>
      </c>
      <c r="AK30" s="313">
        <v>0</v>
      </c>
      <c r="AL30" s="314">
        <v>0</v>
      </c>
      <c r="AM30" s="312">
        <v>0</v>
      </c>
      <c r="AN30" s="313">
        <v>178241</v>
      </c>
      <c r="AO30" s="313">
        <v>565744</v>
      </c>
      <c r="AP30" s="313">
        <v>668281</v>
      </c>
      <c r="AQ30" s="313">
        <v>825502</v>
      </c>
      <c r="AR30" s="313">
        <v>1829434</v>
      </c>
      <c r="AS30" s="314">
        <v>4067202</v>
      </c>
      <c r="AT30" s="316">
        <v>4067202</v>
      </c>
      <c r="AU30" s="312">
        <v>579573</v>
      </c>
      <c r="AV30" s="313">
        <v>1609468</v>
      </c>
      <c r="AW30" s="314">
        <v>2189041</v>
      </c>
      <c r="AX30" s="312">
        <v>0</v>
      </c>
      <c r="AY30" s="313">
        <v>3044548</v>
      </c>
      <c r="AZ30" s="313">
        <v>3790693</v>
      </c>
      <c r="BA30" s="313">
        <v>1672765</v>
      </c>
      <c r="BB30" s="313">
        <v>2122664</v>
      </c>
      <c r="BC30" s="313">
        <v>1849913</v>
      </c>
      <c r="BD30" s="314">
        <v>12480583</v>
      </c>
      <c r="BE30" s="316">
        <v>14669624</v>
      </c>
      <c r="BF30" s="312">
        <v>23091</v>
      </c>
      <c r="BG30" s="313">
        <v>77932</v>
      </c>
      <c r="BH30" s="317">
        <v>101023</v>
      </c>
      <c r="BI30" s="318">
        <v>0</v>
      </c>
      <c r="BJ30" s="313">
        <v>0</v>
      </c>
      <c r="BK30" s="313">
        <v>546706</v>
      </c>
      <c r="BL30" s="313">
        <v>119729</v>
      </c>
      <c r="BM30" s="313">
        <v>81337</v>
      </c>
      <c r="BN30" s="313">
        <v>77194</v>
      </c>
      <c r="BO30" s="314">
        <v>824966</v>
      </c>
      <c r="BP30" s="316">
        <v>925989</v>
      </c>
      <c r="BQ30" s="312">
        <v>167332</v>
      </c>
      <c r="BR30" s="313">
        <v>160457</v>
      </c>
      <c r="BS30" s="314">
        <v>327789</v>
      </c>
      <c r="BT30" s="312">
        <v>0</v>
      </c>
      <c r="BU30" s="313">
        <v>1274953</v>
      </c>
      <c r="BV30" s="313">
        <v>1185999</v>
      </c>
      <c r="BW30" s="313">
        <v>986032</v>
      </c>
      <c r="BX30" s="313">
        <v>1174342</v>
      </c>
      <c r="BY30" s="313">
        <v>853916</v>
      </c>
      <c r="BZ30" s="314">
        <v>5475242</v>
      </c>
      <c r="CA30" s="316">
        <v>5803031</v>
      </c>
      <c r="CB30" s="312">
        <v>0</v>
      </c>
      <c r="CC30" s="313">
        <v>297622</v>
      </c>
      <c r="CD30" s="314">
        <v>297622</v>
      </c>
      <c r="CE30" s="312">
        <v>0</v>
      </c>
      <c r="CF30" s="313">
        <v>11059941</v>
      </c>
      <c r="CG30" s="313">
        <v>11237083</v>
      </c>
      <c r="CH30" s="313">
        <v>8161271</v>
      </c>
      <c r="CI30" s="313">
        <v>5208006</v>
      </c>
      <c r="CJ30" s="313">
        <v>2327377</v>
      </c>
      <c r="CK30" s="314">
        <v>37993678</v>
      </c>
      <c r="CL30" s="316">
        <v>38291300</v>
      </c>
      <c r="CM30" s="312">
        <v>0</v>
      </c>
      <c r="CN30" s="313">
        <v>0</v>
      </c>
      <c r="CO30" s="314">
        <v>0</v>
      </c>
      <c r="CP30" s="318">
        <v>0</v>
      </c>
      <c r="CQ30" s="313">
        <v>9268161</v>
      </c>
      <c r="CR30" s="313">
        <v>7045238</v>
      </c>
      <c r="CS30" s="313">
        <v>5894256</v>
      </c>
      <c r="CT30" s="313">
        <v>4094156</v>
      </c>
      <c r="CU30" s="313">
        <v>2094971</v>
      </c>
      <c r="CV30" s="314">
        <v>28396782</v>
      </c>
      <c r="CW30" s="316">
        <v>28396782</v>
      </c>
      <c r="CX30" s="312">
        <v>0</v>
      </c>
      <c r="CY30" s="313">
        <v>297622</v>
      </c>
      <c r="CZ30" s="314">
        <v>297622</v>
      </c>
      <c r="DA30" s="312">
        <v>0</v>
      </c>
      <c r="DB30" s="313">
        <v>1791780</v>
      </c>
      <c r="DC30" s="313">
        <v>4191845</v>
      </c>
      <c r="DD30" s="313">
        <v>2267015</v>
      </c>
      <c r="DE30" s="313">
        <v>1113850</v>
      </c>
      <c r="DF30" s="313">
        <v>232406</v>
      </c>
      <c r="DG30" s="314">
        <v>9596896</v>
      </c>
      <c r="DH30" s="316">
        <v>9894518</v>
      </c>
      <c r="DI30" s="312">
        <v>81798</v>
      </c>
      <c r="DJ30" s="313">
        <v>81459</v>
      </c>
      <c r="DK30" s="317">
        <v>163257</v>
      </c>
      <c r="DL30" s="318">
        <v>0</v>
      </c>
      <c r="DM30" s="313">
        <v>1389105</v>
      </c>
      <c r="DN30" s="313">
        <v>1428345</v>
      </c>
      <c r="DO30" s="313">
        <v>2424565</v>
      </c>
      <c r="DP30" s="313">
        <v>2081955</v>
      </c>
      <c r="DQ30" s="313">
        <v>268183</v>
      </c>
      <c r="DR30" s="314">
        <v>7592153</v>
      </c>
      <c r="DS30" s="316">
        <v>7755410</v>
      </c>
      <c r="DT30" s="312">
        <v>81798</v>
      </c>
      <c r="DU30" s="313">
        <v>81459</v>
      </c>
      <c r="DV30" s="314">
        <v>163257</v>
      </c>
      <c r="DW30" s="312">
        <v>0</v>
      </c>
      <c r="DX30" s="313">
        <v>1318804</v>
      </c>
      <c r="DY30" s="313">
        <v>1035043</v>
      </c>
      <c r="DZ30" s="313">
        <v>2237409</v>
      </c>
      <c r="EA30" s="313">
        <v>1782050</v>
      </c>
      <c r="EB30" s="313">
        <v>268183</v>
      </c>
      <c r="EC30" s="314">
        <v>6641489</v>
      </c>
      <c r="ED30" s="316">
        <v>6804746</v>
      </c>
      <c r="EE30" s="312">
        <v>0</v>
      </c>
      <c r="EF30" s="317">
        <v>0</v>
      </c>
      <c r="EG30" s="314">
        <v>0</v>
      </c>
      <c r="EH30" s="312">
        <v>0</v>
      </c>
      <c r="EI30" s="313">
        <v>70301</v>
      </c>
      <c r="EJ30" s="313">
        <v>393302</v>
      </c>
      <c r="EK30" s="313">
        <v>187156</v>
      </c>
      <c r="EL30" s="313">
        <v>299905</v>
      </c>
      <c r="EM30" s="313">
        <v>0</v>
      </c>
      <c r="EN30" s="317">
        <v>950664</v>
      </c>
      <c r="EO30" s="316">
        <v>950664</v>
      </c>
      <c r="EP30" s="312">
        <v>0</v>
      </c>
      <c r="EQ30" s="313">
        <v>0</v>
      </c>
      <c r="ER30" s="317">
        <v>0</v>
      </c>
      <c r="ES30" s="318">
        <v>0</v>
      </c>
      <c r="ET30" s="313">
        <v>0</v>
      </c>
      <c r="EU30" s="313">
        <v>0</v>
      </c>
      <c r="EV30" s="313">
        <v>0</v>
      </c>
      <c r="EW30" s="313">
        <v>0</v>
      </c>
      <c r="EX30" s="313">
        <v>0</v>
      </c>
      <c r="EY30" s="314">
        <v>0</v>
      </c>
      <c r="EZ30" s="316">
        <v>0</v>
      </c>
      <c r="FA30" s="312">
        <v>0</v>
      </c>
      <c r="FB30" s="313">
        <v>0</v>
      </c>
      <c r="FC30" s="317">
        <v>0</v>
      </c>
      <c r="FD30" s="318">
        <v>0</v>
      </c>
      <c r="FE30" s="313">
        <v>0</v>
      </c>
      <c r="FF30" s="313">
        <v>0</v>
      </c>
      <c r="FG30" s="313">
        <v>0</v>
      </c>
      <c r="FH30" s="313">
        <v>0</v>
      </c>
      <c r="FI30" s="313">
        <v>0</v>
      </c>
      <c r="FJ30" s="314">
        <v>0</v>
      </c>
      <c r="FK30" s="316">
        <v>0</v>
      </c>
      <c r="FL30" s="312">
        <v>825452</v>
      </c>
      <c r="FM30" s="313">
        <v>1700197</v>
      </c>
      <c r="FN30" s="314">
        <v>2525649</v>
      </c>
      <c r="FO30" s="312">
        <v>0</v>
      </c>
      <c r="FP30" s="313">
        <v>1655504</v>
      </c>
      <c r="FQ30" s="313">
        <v>3956838</v>
      </c>
      <c r="FR30" s="313">
        <v>2284638</v>
      </c>
      <c r="FS30" s="313">
        <v>2026226</v>
      </c>
      <c r="FT30" s="313">
        <v>1369336</v>
      </c>
      <c r="FU30" s="314">
        <v>11292542</v>
      </c>
      <c r="FV30" s="316">
        <v>13818191</v>
      </c>
      <c r="FW30" s="319">
        <v>571487</v>
      </c>
      <c r="FX30" s="313">
        <v>1301392</v>
      </c>
      <c r="FY30" s="317">
        <v>1872879</v>
      </c>
      <c r="FZ30" s="318">
        <v>0</v>
      </c>
      <c r="GA30" s="313">
        <v>1190116</v>
      </c>
      <c r="GB30" s="313">
        <v>3869733</v>
      </c>
      <c r="GC30" s="313">
        <v>2105359</v>
      </c>
      <c r="GD30" s="313">
        <v>1945301</v>
      </c>
      <c r="GE30" s="313">
        <v>1318864</v>
      </c>
      <c r="GF30" s="314">
        <v>10429373</v>
      </c>
      <c r="GG30" s="320">
        <v>12302252</v>
      </c>
      <c r="GH30" s="319">
        <v>27165</v>
      </c>
      <c r="GI30" s="313">
        <v>104955</v>
      </c>
      <c r="GJ30" s="317">
        <v>132120</v>
      </c>
      <c r="GK30" s="318">
        <v>0</v>
      </c>
      <c r="GL30" s="313">
        <v>110988</v>
      </c>
      <c r="GM30" s="313">
        <v>72705</v>
      </c>
      <c r="GN30" s="313">
        <v>18900</v>
      </c>
      <c r="GO30" s="313">
        <v>80925</v>
      </c>
      <c r="GP30" s="313">
        <v>50472</v>
      </c>
      <c r="GQ30" s="314">
        <v>333990</v>
      </c>
      <c r="GR30" s="316">
        <v>466110</v>
      </c>
      <c r="GS30" s="312">
        <v>226800</v>
      </c>
      <c r="GT30" s="313">
        <v>293850</v>
      </c>
      <c r="GU30" s="314">
        <v>520650</v>
      </c>
      <c r="GV30" s="312">
        <v>0</v>
      </c>
      <c r="GW30" s="313">
        <v>354400</v>
      </c>
      <c r="GX30" s="313">
        <v>14400</v>
      </c>
      <c r="GY30" s="313">
        <v>160379</v>
      </c>
      <c r="GZ30" s="313">
        <v>0</v>
      </c>
      <c r="HA30" s="313">
        <v>0</v>
      </c>
      <c r="HB30" s="317">
        <v>529179</v>
      </c>
      <c r="HC30" s="316">
        <v>1049829</v>
      </c>
      <c r="HD30" s="312">
        <v>192798</v>
      </c>
      <c r="HE30" s="313">
        <v>619804</v>
      </c>
      <c r="HF30" s="317">
        <v>812602</v>
      </c>
      <c r="HG30" s="318">
        <v>0</v>
      </c>
      <c r="HH30" s="313">
        <v>3795048</v>
      </c>
      <c r="HI30" s="313">
        <v>1925286</v>
      </c>
      <c r="HJ30" s="313">
        <v>2710233</v>
      </c>
      <c r="HK30" s="313">
        <v>3576892</v>
      </c>
      <c r="HL30" s="313">
        <v>2941208</v>
      </c>
      <c r="HM30" s="314">
        <v>14948667</v>
      </c>
      <c r="HN30" s="315">
        <v>15761269</v>
      </c>
      <c r="HO30" s="319">
        <v>539278</v>
      </c>
      <c r="HP30" s="313">
        <v>1026895</v>
      </c>
      <c r="HQ30" s="314">
        <v>1566173</v>
      </c>
      <c r="HR30" s="312">
        <v>0</v>
      </c>
      <c r="HS30" s="313">
        <v>4665292</v>
      </c>
      <c r="HT30" s="313">
        <v>4165232</v>
      </c>
      <c r="HU30" s="313">
        <v>2490176</v>
      </c>
      <c r="HV30" s="313">
        <v>1842583</v>
      </c>
      <c r="HW30" s="313">
        <v>1098903</v>
      </c>
      <c r="HX30" s="317">
        <v>14262186</v>
      </c>
      <c r="HY30" s="316">
        <v>15828359</v>
      </c>
      <c r="HZ30" s="344">
        <v>0</v>
      </c>
      <c r="IA30" s="342">
        <v>248843</v>
      </c>
      <c r="IB30" s="344">
        <v>248843</v>
      </c>
      <c r="IC30" s="341">
        <v>0</v>
      </c>
      <c r="ID30" s="342">
        <v>7192231</v>
      </c>
      <c r="IE30" s="343">
        <v>5135209</v>
      </c>
      <c r="IF30" s="344">
        <v>4212745</v>
      </c>
      <c r="IG30" s="342">
        <v>3156209</v>
      </c>
      <c r="IH30" s="344">
        <v>578124</v>
      </c>
      <c r="II30" s="345">
        <v>20274518</v>
      </c>
      <c r="IJ30" s="344">
        <v>20523361</v>
      </c>
      <c r="IK30" s="328">
        <v>0</v>
      </c>
      <c r="IL30" s="329">
        <v>0</v>
      </c>
      <c r="IM30" s="330">
        <v>0</v>
      </c>
      <c r="IN30" s="390">
        <v>0</v>
      </c>
      <c r="IO30" s="331">
        <v>0</v>
      </c>
      <c r="IP30" s="331">
        <v>0</v>
      </c>
      <c r="IQ30" s="331">
        <v>0</v>
      </c>
      <c r="IR30" s="331">
        <v>0</v>
      </c>
      <c r="IS30" s="331">
        <v>0</v>
      </c>
      <c r="IT30" s="332">
        <v>0</v>
      </c>
      <c r="IU30" s="333">
        <v>0</v>
      </c>
      <c r="IV30" s="334">
        <v>0</v>
      </c>
      <c r="IW30" s="331">
        <v>0</v>
      </c>
      <c r="IX30" s="335">
        <v>0</v>
      </c>
      <c r="IY30" s="399">
        <v>0</v>
      </c>
      <c r="IZ30" s="331">
        <v>0</v>
      </c>
      <c r="JA30" s="331">
        <v>0</v>
      </c>
      <c r="JB30" s="331">
        <v>0</v>
      </c>
      <c r="JC30" s="331">
        <v>0</v>
      </c>
      <c r="JD30" s="331">
        <v>0</v>
      </c>
      <c r="JE30" s="335">
        <v>0</v>
      </c>
      <c r="JF30" s="336">
        <v>0</v>
      </c>
      <c r="JG30" s="334">
        <v>0</v>
      </c>
      <c r="JH30" s="331">
        <v>0</v>
      </c>
      <c r="JI30" s="332">
        <v>0</v>
      </c>
      <c r="JJ30" s="337">
        <v>0</v>
      </c>
      <c r="JK30" s="331">
        <v>3763647</v>
      </c>
      <c r="JL30" s="331">
        <v>2567436</v>
      </c>
      <c r="JM30" s="331">
        <v>1441553</v>
      </c>
      <c r="JN30" s="331">
        <v>575513</v>
      </c>
      <c r="JO30" s="331">
        <v>0</v>
      </c>
      <c r="JP30" s="335">
        <v>8348149</v>
      </c>
      <c r="JQ30" s="333">
        <v>8348149</v>
      </c>
      <c r="JR30" s="334">
        <v>0</v>
      </c>
      <c r="JS30" s="331">
        <v>0</v>
      </c>
      <c r="JT30" s="332">
        <v>0</v>
      </c>
      <c r="JU30" s="337">
        <v>0</v>
      </c>
      <c r="JV30" s="331">
        <v>0</v>
      </c>
      <c r="JW30" s="331">
        <v>0</v>
      </c>
      <c r="JX30" s="331">
        <v>0</v>
      </c>
      <c r="JY30" s="331">
        <v>0</v>
      </c>
      <c r="JZ30" s="331">
        <v>0</v>
      </c>
      <c r="KA30" s="335">
        <v>0</v>
      </c>
      <c r="KB30" s="333">
        <v>0</v>
      </c>
      <c r="KC30" s="338">
        <v>0</v>
      </c>
      <c r="KD30" s="339">
        <v>248843</v>
      </c>
      <c r="KE30" s="335">
        <v>248843</v>
      </c>
      <c r="KF30" s="337">
        <v>0</v>
      </c>
      <c r="KG30" s="331">
        <v>894270</v>
      </c>
      <c r="KH30" s="331">
        <v>941549</v>
      </c>
      <c r="KI30" s="331">
        <v>259944</v>
      </c>
      <c r="KJ30" s="331">
        <v>1146166</v>
      </c>
      <c r="KK30" s="331">
        <v>0</v>
      </c>
      <c r="KL30" s="335">
        <v>3241929</v>
      </c>
      <c r="KM30" s="340">
        <v>3490772</v>
      </c>
      <c r="KN30" s="328">
        <v>0</v>
      </c>
      <c r="KO30" s="329">
        <v>0</v>
      </c>
      <c r="KP30" s="330">
        <v>0</v>
      </c>
      <c r="KQ30" s="399">
        <v>0</v>
      </c>
      <c r="KR30" s="331">
        <v>2534314</v>
      </c>
      <c r="KS30" s="331">
        <v>1626224</v>
      </c>
      <c r="KT30" s="331">
        <v>2511248</v>
      </c>
      <c r="KU30" s="331">
        <v>1434530</v>
      </c>
      <c r="KV30" s="331">
        <v>578124</v>
      </c>
      <c r="KW30" s="335">
        <v>8684440</v>
      </c>
      <c r="KX30" s="333">
        <v>8684440</v>
      </c>
      <c r="KY30" s="334">
        <v>0</v>
      </c>
      <c r="KZ30" s="331">
        <v>0</v>
      </c>
      <c r="LA30" s="335">
        <v>0</v>
      </c>
      <c r="LB30" s="399">
        <v>0</v>
      </c>
      <c r="LC30" s="331">
        <v>0</v>
      </c>
      <c r="LD30" s="331">
        <v>0</v>
      </c>
      <c r="LE30" s="331">
        <v>0</v>
      </c>
      <c r="LF30" s="331">
        <v>0</v>
      </c>
      <c r="LG30" s="331">
        <v>0</v>
      </c>
      <c r="LH30" s="335">
        <v>0</v>
      </c>
      <c r="LI30" s="336">
        <v>0</v>
      </c>
      <c r="LJ30" s="334">
        <v>0</v>
      </c>
      <c r="LK30" s="331">
        <v>0</v>
      </c>
      <c r="LL30" s="335">
        <v>0</v>
      </c>
      <c r="LM30" s="399">
        <v>0</v>
      </c>
      <c r="LN30" s="331">
        <v>0</v>
      </c>
      <c r="LO30" s="331">
        <v>0</v>
      </c>
      <c r="LP30" s="331">
        <v>0</v>
      </c>
      <c r="LQ30" s="331">
        <v>0</v>
      </c>
      <c r="LR30" s="331">
        <v>0</v>
      </c>
      <c r="LS30" s="335">
        <v>0</v>
      </c>
      <c r="LT30" s="333">
        <v>0</v>
      </c>
      <c r="LU30" s="334">
        <v>0</v>
      </c>
      <c r="LV30" s="331">
        <v>0</v>
      </c>
      <c r="LW30" s="335">
        <v>0</v>
      </c>
      <c r="LX30" s="399">
        <v>0</v>
      </c>
      <c r="LY30" s="331">
        <v>0</v>
      </c>
      <c r="LZ30" s="331">
        <v>0</v>
      </c>
      <c r="MA30" s="331">
        <v>0</v>
      </c>
      <c r="MB30" s="331">
        <v>0</v>
      </c>
      <c r="MC30" s="331">
        <v>0</v>
      </c>
      <c r="MD30" s="335">
        <v>0</v>
      </c>
      <c r="ME30" s="336">
        <v>0</v>
      </c>
      <c r="MF30" s="334">
        <v>0</v>
      </c>
      <c r="MG30" s="331">
        <v>0</v>
      </c>
      <c r="MH30" s="335">
        <v>0</v>
      </c>
      <c r="MI30" s="399">
        <v>0</v>
      </c>
      <c r="MJ30" s="331">
        <v>2904665</v>
      </c>
      <c r="MK30" s="331">
        <v>11945523</v>
      </c>
      <c r="ML30" s="331">
        <v>20997806</v>
      </c>
      <c r="MM30" s="331">
        <v>38133531</v>
      </c>
      <c r="MN30" s="331">
        <v>18122162</v>
      </c>
      <c r="MO30" s="335">
        <v>92103687</v>
      </c>
      <c r="MP30" s="340">
        <v>92103687</v>
      </c>
      <c r="MQ30" s="334">
        <v>0</v>
      </c>
      <c r="MR30" s="331">
        <v>0</v>
      </c>
      <c r="MS30" s="335">
        <v>0</v>
      </c>
      <c r="MT30" s="399">
        <v>0</v>
      </c>
      <c r="MU30" s="331">
        <v>190415</v>
      </c>
      <c r="MV30" s="331">
        <v>1497374</v>
      </c>
      <c r="MW30" s="331">
        <v>15495474</v>
      </c>
      <c r="MX30" s="331">
        <v>21589869</v>
      </c>
      <c r="MY30" s="331">
        <v>13270273</v>
      </c>
      <c r="MZ30" s="335">
        <v>52043405</v>
      </c>
      <c r="NA30" s="340">
        <v>52043405</v>
      </c>
      <c r="NB30" s="334">
        <v>0</v>
      </c>
      <c r="NC30" s="331">
        <v>0</v>
      </c>
      <c r="ND30" s="335">
        <v>0</v>
      </c>
      <c r="NE30" s="399">
        <v>0</v>
      </c>
      <c r="NF30" s="331">
        <v>2714250</v>
      </c>
      <c r="NG30" s="331">
        <v>10448149</v>
      </c>
      <c r="NH30" s="331">
        <v>5502332</v>
      </c>
      <c r="NI30" s="331">
        <v>16543662</v>
      </c>
      <c r="NJ30" s="331">
        <v>3983696</v>
      </c>
      <c r="NK30" s="335">
        <v>39192089</v>
      </c>
      <c r="NL30" s="333">
        <v>39192089</v>
      </c>
      <c r="NM30" s="334">
        <v>0</v>
      </c>
      <c r="NN30" s="331">
        <v>0</v>
      </c>
      <c r="NO30" s="335">
        <v>0</v>
      </c>
      <c r="NP30" s="399">
        <v>0</v>
      </c>
      <c r="NQ30" s="331">
        <v>0</v>
      </c>
      <c r="NR30" s="331">
        <v>0</v>
      </c>
      <c r="NS30" s="331">
        <v>0</v>
      </c>
      <c r="NT30" s="331">
        <v>0</v>
      </c>
      <c r="NU30" s="331">
        <v>0</v>
      </c>
      <c r="NV30" s="335">
        <v>0</v>
      </c>
      <c r="NW30" s="336">
        <v>0</v>
      </c>
      <c r="NX30" s="334">
        <v>0</v>
      </c>
      <c r="NY30" s="331">
        <v>0</v>
      </c>
      <c r="NZ30" s="335">
        <v>0</v>
      </c>
      <c r="OA30" s="399">
        <v>0</v>
      </c>
      <c r="OB30" s="331">
        <v>0</v>
      </c>
      <c r="OC30" s="331">
        <v>0</v>
      </c>
      <c r="OD30" s="331">
        <v>0</v>
      </c>
      <c r="OE30" s="331">
        <v>0</v>
      </c>
      <c r="OF30" s="331">
        <v>868193</v>
      </c>
      <c r="OG30" s="335">
        <v>868193</v>
      </c>
      <c r="OH30" s="336">
        <v>868193</v>
      </c>
      <c r="OI30" s="334">
        <v>2409322</v>
      </c>
      <c r="OJ30" s="331">
        <v>5822677</v>
      </c>
      <c r="OK30" s="332">
        <v>8231999</v>
      </c>
      <c r="OL30" s="337">
        <v>0</v>
      </c>
      <c r="OM30" s="331">
        <v>41513881</v>
      </c>
      <c r="ON30" s="331">
        <v>51449744</v>
      </c>
      <c r="OO30" s="331">
        <v>52651407</v>
      </c>
      <c r="OP30" s="331">
        <v>68800227</v>
      </c>
      <c r="OQ30" s="331">
        <v>38756502</v>
      </c>
      <c r="OR30" s="335">
        <v>253171761</v>
      </c>
      <c r="OS30" s="340">
        <v>261403760</v>
      </c>
    </row>
    <row r="31" spans="2:409" s="56" customFormat="1" ht="21" customHeight="1" x14ac:dyDescent="0.2">
      <c r="B31" s="396" t="s">
        <v>26</v>
      </c>
      <c r="C31" s="312">
        <v>1953971</v>
      </c>
      <c r="D31" s="313">
        <v>2919106</v>
      </c>
      <c r="E31" s="314">
        <v>4873077</v>
      </c>
      <c r="F31" s="315">
        <v>0</v>
      </c>
      <c r="G31" s="313">
        <v>22884454</v>
      </c>
      <c r="H31" s="313">
        <v>35766994</v>
      </c>
      <c r="I31" s="313">
        <v>27225530</v>
      </c>
      <c r="J31" s="313">
        <v>20888570</v>
      </c>
      <c r="K31" s="313">
        <v>25244443</v>
      </c>
      <c r="L31" s="353">
        <v>132009991</v>
      </c>
      <c r="M31" s="316">
        <v>136883068</v>
      </c>
      <c r="N31" s="312">
        <v>498286</v>
      </c>
      <c r="O31" s="313">
        <v>708138</v>
      </c>
      <c r="P31" s="314">
        <v>1206424</v>
      </c>
      <c r="Q31" s="312">
        <v>0</v>
      </c>
      <c r="R31" s="313">
        <v>5470029</v>
      </c>
      <c r="S31" s="313">
        <v>11686813</v>
      </c>
      <c r="T31" s="313">
        <v>8885116</v>
      </c>
      <c r="U31" s="313">
        <v>7687120</v>
      </c>
      <c r="V31" s="313">
        <v>13060980</v>
      </c>
      <c r="W31" s="314">
        <v>46790058</v>
      </c>
      <c r="X31" s="316">
        <v>47996482</v>
      </c>
      <c r="Y31" s="312">
        <v>0</v>
      </c>
      <c r="Z31" s="313">
        <v>0</v>
      </c>
      <c r="AA31" s="314">
        <v>0</v>
      </c>
      <c r="AB31" s="312">
        <v>0</v>
      </c>
      <c r="AC31" s="313">
        <v>2035994</v>
      </c>
      <c r="AD31" s="313">
        <v>6769424</v>
      </c>
      <c r="AE31" s="313">
        <v>5020914</v>
      </c>
      <c r="AF31" s="313">
        <v>4185857</v>
      </c>
      <c r="AG31" s="313">
        <v>7673271</v>
      </c>
      <c r="AH31" s="314">
        <v>25685460</v>
      </c>
      <c r="AI31" s="316">
        <v>25685460</v>
      </c>
      <c r="AJ31" s="312">
        <v>0</v>
      </c>
      <c r="AK31" s="313">
        <v>0</v>
      </c>
      <c r="AL31" s="314">
        <v>0</v>
      </c>
      <c r="AM31" s="312">
        <v>0</v>
      </c>
      <c r="AN31" s="313">
        <v>0</v>
      </c>
      <c r="AO31" s="313">
        <v>0</v>
      </c>
      <c r="AP31" s="313">
        <v>266749</v>
      </c>
      <c r="AQ31" s="313">
        <v>550407</v>
      </c>
      <c r="AR31" s="313">
        <v>1689391</v>
      </c>
      <c r="AS31" s="314">
        <v>2506547</v>
      </c>
      <c r="AT31" s="316">
        <v>2506547</v>
      </c>
      <c r="AU31" s="312">
        <v>356918</v>
      </c>
      <c r="AV31" s="313">
        <v>590256</v>
      </c>
      <c r="AW31" s="314">
        <v>947174</v>
      </c>
      <c r="AX31" s="312">
        <v>0</v>
      </c>
      <c r="AY31" s="313">
        <v>2528652</v>
      </c>
      <c r="AZ31" s="313">
        <v>3754932</v>
      </c>
      <c r="BA31" s="313">
        <v>2184895</v>
      </c>
      <c r="BB31" s="313">
        <v>2000795</v>
      </c>
      <c r="BC31" s="313">
        <v>2701102</v>
      </c>
      <c r="BD31" s="314">
        <v>13170376</v>
      </c>
      <c r="BE31" s="316">
        <v>14117550</v>
      </c>
      <c r="BF31" s="312">
        <v>23091</v>
      </c>
      <c r="BG31" s="313">
        <v>80820</v>
      </c>
      <c r="BH31" s="317">
        <v>103911</v>
      </c>
      <c r="BI31" s="318">
        <v>0</v>
      </c>
      <c r="BJ31" s="313">
        <v>128531</v>
      </c>
      <c r="BK31" s="313">
        <v>64317</v>
      </c>
      <c r="BL31" s="313">
        <v>190110</v>
      </c>
      <c r="BM31" s="313">
        <v>62609</v>
      </c>
      <c r="BN31" s="313">
        <v>109038</v>
      </c>
      <c r="BO31" s="314">
        <v>554605</v>
      </c>
      <c r="BP31" s="316">
        <v>658516</v>
      </c>
      <c r="BQ31" s="312">
        <v>118277</v>
      </c>
      <c r="BR31" s="313">
        <v>37062</v>
      </c>
      <c r="BS31" s="314">
        <v>155339</v>
      </c>
      <c r="BT31" s="312">
        <v>0</v>
      </c>
      <c r="BU31" s="313">
        <v>776852</v>
      </c>
      <c r="BV31" s="313">
        <v>1098140</v>
      </c>
      <c r="BW31" s="313">
        <v>1222448</v>
      </c>
      <c r="BX31" s="313">
        <v>887452</v>
      </c>
      <c r="BY31" s="313">
        <v>888178</v>
      </c>
      <c r="BZ31" s="314">
        <v>4873070</v>
      </c>
      <c r="CA31" s="316">
        <v>5028409</v>
      </c>
      <c r="CB31" s="312">
        <v>113322</v>
      </c>
      <c r="CC31" s="313">
        <v>321340</v>
      </c>
      <c r="CD31" s="314">
        <v>434662</v>
      </c>
      <c r="CE31" s="312">
        <v>0</v>
      </c>
      <c r="CF31" s="313">
        <v>6367393</v>
      </c>
      <c r="CG31" s="313">
        <v>10129605</v>
      </c>
      <c r="CH31" s="313">
        <v>6001898</v>
      </c>
      <c r="CI31" s="313">
        <v>2999153</v>
      </c>
      <c r="CJ31" s="313">
        <v>3339301</v>
      </c>
      <c r="CK31" s="314">
        <v>28837350</v>
      </c>
      <c r="CL31" s="316">
        <v>29272012</v>
      </c>
      <c r="CM31" s="312">
        <v>0</v>
      </c>
      <c r="CN31" s="313">
        <v>0</v>
      </c>
      <c r="CO31" s="314">
        <v>0</v>
      </c>
      <c r="CP31" s="318">
        <v>0</v>
      </c>
      <c r="CQ31" s="313">
        <v>5327802</v>
      </c>
      <c r="CR31" s="313">
        <v>8364191</v>
      </c>
      <c r="CS31" s="313">
        <v>4800548</v>
      </c>
      <c r="CT31" s="313">
        <v>1954250</v>
      </c>
      <c r="CU31" s="313">
        <v>2907083</v>
      </c>
      <c r="CV31" s="314">
        <v>23353874</v>
      </c>
      <c r="CW31" s="316">
        <v>23353874</v>
      </c>
      <c r="CX31" s="312">
        <v>113322</v>
      </c>
      <c r="CY31" s="313">
        <v>321340</v>
      </c>
      <c r="CZ31" s="314">
        <v>434662</v>
      </c>
      <c r="DA31" s="312">
        <v>0</v>
      </c>
      <c r="DB31" s="313">
        <v>1039591</v>
      </c>
      <c r="DC31" s="313">
        <v>1765414</v>
      </c>
      <c r="DD31" s="313">
        <v>1201350</v>
      </c>
      <c r="DE31" s="313">
        <v>1044903</v>
      </c>
      <c r="DF31" s="313">
        <v>432218</v>
      </c>
      <c r="DG31" s="314">
        <v>5483476</v>
      </c>
      <c r="DH31" s="316">
        <v>5918138</v>
      </c>
      <c r="DI31" s="312">
        <v>0</v>
      </c>
      <c r="DJ31" s="313">
        <v>0</v>
      </c>
      <c r="DK31" s="317">
        <v>0</v>
      </c>
      <c r="DL31" s="318">
        <v>0</v>
      </c>
      <c r="DM31" s="313">
        <v>981597</v>
      </c>
      <c r="DN31" s="313">
        <v>1940318</v>
      </c>
      <c r="DO31" s="313">
        <v>2425593</v>
      </c>
      <c r="DP31" s="313">
        <v>1360080</v>
      </c>
      <c r="DQ31" s="313">
        <v>2122053</v>
      </c>
      <c r="DR31" s="314">
        <v>8829641</v>
      </c>
      <c r="DS31" s="316">
        <v>8829641</v>
      </c>
      <c r="DT31" s="312">
        <v>0</v>
      </c>
      <c r="DU31" s="313">
        <v>0</v>
      </c>
      <c r="DV31" s="314">
        <v>0</v>
      </c>
      <c r="DW31" s="312">
        <v>0</v>
      </c>
      <c r="DX31" s="313">
        <v>709431</v>
      </c>
      <c r="DY31" s="313">
        <v>1792111</v>
      </c>
      <c r="DZ31" s="313">
        <v>2254361</v>
      </c>
      <c r="EA31" s="313">
        <v>1296949</v>
      </c>
      <c r="EB31" s="313">
        <v>1866471</v>
      </c>
      <c r="EC31" s="314">
        <v>7919323</v>
      </c>
      <c r="ED31" s="316">
        <v>7919323</v>
      </c>
      <c r="EE31" s="312">
        <v>0</v>
      </c>
      <c r="EF31" s="317">
        <v>0</v>
      </c>
      <c r="EG31" s="314">
        <v>0</v>
      </c>
      <c r="EH31" s="312">
        <v>0</v>
      </c>
      <c r="EI31" s="313">
        <v>272166</v>
      </c>
      <c r="EJ31" s="313">
        <v>148207</v>
      </c>
      <c r="EK31" s="313">
        <v>171232</v>
      </c>
      <c r="EL31" s="313">
        <v>63131</v>
      </c>
      <c r="EM31" s="313">
        <v>255582</v>
      </c>
      <c r="EN31" s="317">
        <v>910318</v>
      </c>
      <c r="EO31" s="316">
        <v>910318</v>
      </c>
      <c r="EP31" s="312">
        <v>0</v>
      </c>
      <c r="EQ31" s="313">
        <v>0</v>
      </c>
      <c r="ER31" s="317">
        <v>0</v>
      </c>
      <c r="ES31" s="318">
        <v>0</v>
      </c>
      <c r="ET31" s="313">
        <v>0</v>
      </c>
      <c r="EU31" s="313">
        <v>0</v>
      </c>
      <c r="EV31" s="313">
        <v>0</v>
      </c>
      <c r="EW31" s="313">
        <v>0</v>
      </c>
      <c r="EX31" s="313">
        <v>0</v>
      </c>
      <c r="EY31" s="314">
        <v>0</v>
      </c>
      <c r="EZ31" s="316">
        <v>0</v>
      </c>
      <c r="FA31" s="312">
        <v>0</v>
      </c>
      <c r="FB31" s="313">
        <v>0</v>
      </c>
      <c r="FC31" s="317">
        <v>0</v>
      </c>
      <c r="FD31" s="318">
        <v>0</v>
      </c>
      <c r="FE31" s="313">
        <v>0</v>
      </c>
      <c r="FF31" s="313">
        <v>0</v>
      </c>
      <c r="FG31" s="313">
        <v>0</v>
      </c>
      <c r="FH31" s="313">
        <v>0</v>
      </c>
      <c r="FI31" s="313">
        <v>0</v>
      </c>
      <c r="FJ31" s="314">
        <v>0</v>
      </c>
      <c r="FK31" s="316">
        <v>0</v>
      </c>
      <c r="FL31" s="312">
        <v>464335</v>
      </c>
      <c r="FM31" s="313">
        <v>928721</v>
      </c>
      <c r="FN31" s="314">
        <v>1393056</v>
      </c>
      <c r="FO31" s="312">
        <v>0</v>
      </c>
      <c r="FP31" s="313">
        <v>1643093</v>
      </c>
      <c r="FQ31" s="313">
        <v>3151327</v>
      </c>
      <c r="FR31" s="313">
        <v>1915844</v>
      </c>
      <c r="FS31" s="313">
        <v>1748787</v>
      </c>
      <c r="FT31" s="313">
        <v>2103347</v>
      </c>
      <c r="FU31" s="314">
        <v>10562398</v>
      </c>
      <c r="FV31" s="316">
        <v>11955454</v>
      </c>
      <c r="FW31" s="319">
        <v>403078</v>
      </c>
      <c r="FX31" s="313">
        <v>740536</v>
      </c>
      <c r="FY31" s="317">
        <v>1143614</v>
      </c>
      <c r="FZ31" s="318">
        <v>0</v>
      </c>
      <c r="GA31" s="313">
        <v>1100653</v>
      </c>
      <c r="GB31" s="313">
        <v>2973818</v>
      </c>
      <c r="GC31" s="313">
        <v>1828328</v>
      </c>
      <c r="GD31" s="313">
        <v>1748787</v>
      </c>
      <c r="GE31" s="313">
        <v>1959203</v>
      </c>
      <c r="GF31" s="314">
        <v>9610789</v>
      </c>
      <c r="GG31" s="320">
        <v>10754403</v>
      </c>
      <c r="GH31" s="319">
        <v>18057</v>
      </c>
      <c r="GI31" s="313">
        <v>79537</v>
      </c>
      <c r="GJ31" s="317">
        <v>97594</v>
      </c>
      <c r="GK31" s="318">
        <v>0</v>
      </c>
      <c r="GL31" s="313">
        <v>100634</v>
      </c>
      <c r="GM31" s="313">
        <v>96509</v>
      </c>
      <c r="GN31" s="313">
        <v>87516</v>
      </c>
      <c r="GO31" s="313">
        <v>0</v>
      </c>
      <c r="GP31" s="313">
        <v>57024</v>
      </c>
      <c r="GQ31" s="314">
        <v>341683</v>
      </c>
      <c r="GR31" s="316">
        <v>439277</v>
      </c>
      <c r="GS31" s="312">
        <v>43200</v>
      </c>
      <c r="GT31" s="313">
        <v>108648</v>
      </c>
      <c r="GU31" s="314">
        <v>151848</v>
      </c>
      <c r="GV31" s="312">
        <v>0</v>
      </c>
      <c r="GW31" s="313">
        <v>441806</v>
      </c>
      <c r="GX31" s="313">
        <v>81000</v>
      </c>
      <c r="GY31" s="313">
        <v>0</v>
      </c>
      <c r="GZ31" s="313">
        <v>0</v>
      </c>
      <c r="HA31" s="313">
        <v>87120</v>
      </c>
      <c r="HB31" s="317">
        <v>609926</v>
      </c>
      <c r="HC31" s="316">
        <v>761774</v>
      </c>
      <c r="HD31" s="312">
        <v>479918</v>
      </c>
      <c r="HE31" s="313">
        <v>296115</v>
      </c>
      <c r="HF31" s="317">
        <v>776033</v>
      </c>
      <c r="HG31" s="318">
        <v>0</v>
      </c>
      <c r="HH31" s="313">
        <v>4376469</v>
      </c>
      <c r="HI31" s="313">
        <v>4074809</v>
      </c>
      <c r="HJ31" s="313">
        <v>5303043</v>
      </c>
      <c r="HK31" s="313">
        <v>5443632</v>
      </c>
      <c r="HL31" s="313">
        <v>3063446</v>
      </c>
      <c r="HM31" s="314">
        <v>22261399</v>
      </c>
      <c r="HN31" s="315">
        <v>23037432</v>
      </c>
      <c r="HO31" s="319">
        <v>398110</v>
      </c>
      <c r="HP31" s="313">
        <v>664792</v>
      </c>
      <c r="HQ31" s="314">
        <v>1062902</v>
      </c>
      <c r="HR31" s="312">
        <v>0</v>
      </c>
      <c r="HS31" s="313">
        <v>4045873</v>
      </c>
      <c r="HT31" s="313">
        <v>4784122</v>
      </c>
      <c r="HU31" s="313">
        <v>2694036</v>
      </c>
      <c r="HV31" s="313">
        <v>1649798</v>
      </c>
      <c r="HW31" s="313">
        <v>1555316</v>
      </c>
      <c r="HX31" s="317">
        <v>14729145</v>
      </c>
      <c r="HY31" s="316">
        <v>15792047</v>
      </c>
      <c r="HZ31" s="321">
        <v>0</v>
      </c>
      <c r="IA31" s="322">
        <v>0</v>
      </c>
      <c r="IB31" s="323">
        <v>0</v>
      </c>
      <c r="IC31" s="324">
        <v>0</v>
      </c>
      <c r="ID31" s="322">
        <v>4863494</v>
      </c>
      <c r="IE31" s="325">
        <v>7504833</v>
      </c>
      <c r="IF31" s="323">
        <v>10336326</v>
      </c>
      <c r="IG31" s="322">
        <v>5254998</v>
      </c>
      <c r="IH31" s="323">
        <v>2890270</v>
      </c>
      <c r="II31" s="326">
        <v>30849921</v>
      </c>
      <c r="IJ31" s="327">
        <v>30849921</v>
      </c>
      <c r="IK31" s="328">
        <v>0</v>
      </c>
      <c r="IL31" s="329">
        <v>0</v>
      </c>
      <c r="IM31" s="330">
        <v>0</v>
      </c>
      <c r="IN31" s="390">
        <v>0</v>
      </c>
      <c r="IO31" s="331">
        <v>0</v>
      </c>
      <c r="IP31" s="331">
        <v>0</v>
      </c>
      <c r="IQ31" s="331">
        <v>0</v>
      </c>
      <c r="IR31" s="331">
        <v>0</v>
      </c>
      <c r="IS31" s="331">
        <v>0</v>
      </c>
      <c r="IT31" s="332">
        <v>0</v>
      </c>
      <c r="IU31" s="333">
        <v>0</v>
      </c>
      <c r="IV31" s="334">
        <v>0</v>
      </c>
      <c r="IW31" s="331">
        <v>0</v>
      </c>
      <c r="IX31" s="335">
        <v>0</v>
      </c>
      <c r="IY31" s="399">
        <v>0</v>
      </c>
      <c r="IZ31" s="331">
        <v>0</v>
      </c>
      <c r="JA31" s="331">
        <v>0</v>
      </c>
      <c r="JB31" s="331">
        <v>0</v>
      </c>
      <c r="JC31" s="331">
        <v>0</v>
      </c>
      <c r="JD31" s="331">
        <v>0</v>
      </c>
      <c r="JE31" s="335">
        <v>0</v>
      </c>
      <c r="JF31" s="336">
        <v>0</v>
      </c>
      <c r="JG31" s="334">
        <v>0</v>
      </c>
      <c r="JH31" s="331">
        <v>0</v>
      </c>
      <c r="JI31" s="332">
        <v>0</v>
      </c>
      <c r="JJ31" s="337">
        <v>0</v>
      </c>
      <c r="JK31" s="331">
        <v>2572820</v>
      </c>
      <c r="JL31" s="331">
        <v>3047564</v>
      </c>
      <c r="JM31" s="331">
        <v>2988932</v>
      </c>
      <c r="JN31" s="331">
        <v>1534198</v>
      </c>
      <c r="JO31" s="331">
        <v>1414208</v>
      </c>
      <c r="JP31" s="335">
        <v>11557722</v>
      </c>
      <c r="JQ31" s="333">
        <v>11557722</v>
      </c>
      <c r="JR31" s="334">
        <v>0</v>
      </c>
      <c r="JS31" s="331">
        <v>0</v>
      </c>
      <c r="JT31" s="332">
        <v>0</v>
      </c>
      <c r="JU31" s="337">
        <v>0</v>
      </c>
      <c r="JV31" s="331">
        <v>0</v>
      </c>
      <c r="JW31" s="331">
        <v>0</v>
      </c>
      <c r="JX31" s="331">
        <v>0</v>
      </c>
      <c r="JY31" s="331">
        <v>0</v>
      </c>
      <c r="JZ31" s="331">
        <v>0</v>
      </c>
      <c r="KA31" s="335">
        <v>0</v>
      </c>
      <c r="KB31" s="333">
        <v>0</v>
      </c>
      <c r="KC31" s="338">
        <v>0</v>
      </c>
      <c r="KD31" s="339">
        <v>0</v>
      </c>
      <c r="KE31" s="335">
        <v>0</v>
      </c>
      <c r="KF31" s="337">
        <v>0</v>
      </c>
      <c r="KG31" s="331">
        <v>830543</v>
      </c>
      <c r="KH31" s="331">
        <v>1460038</v>
      </c>
      <c r="KI31" s="331">
        <v>2047869</v>
      </c>
      <c r="KJ31" s="331">
        <v>304736</v>
      </c>
      <c r="KK31" s="331">
        <v>642028</v>
      </c>
      <c r="KL31" s="335">
        <v>5285214</v>
      </c>
      <c r="KM31" s="340">
        <v>5285214</v>
      </c>
      <c r="KN31" s="328">
        <v>0</v>
      </c>
      <c r="KO31" s="329">
        <v>0</v>
      </c>
      <c r="KP31" s="330">
        <v>0</v>
      </c>
      <c r="KQ31" s="399">
        <v>0</v>
      </c>
      <c r="KR31" s="331">
        <v>1460131</v>
      </c>
      <c r="KS31" s="331">
        <v>2997231</v>
      </c>
      <c r="KT31" s="331">
        <v>5299525</v>
      </c>
      <c r="KU31" s="331">
        <v>3416064</v>
      </c>
      <c r="KV31" s="331">
        <v>834034</v>
      </c>
      <c r="KW31" s="335">
        <v>14006985</v>
      </c>
      <c r="KX31" s="333">
        <v>14006985</v>
      </c>
      <c r="KY31" s="334">
        <v>0</v>
      </c>
      <c r="KZ31" s="331">
        <v>0</v>
      </c>
      <c r="LA31" s="335">
        <v>0</v>
      </c>
      <c r="LB31" s="399">
        <v>0</v>
      </c>
      <c r="LC31" s="331">
        <v>0</v>
      </c>
      <c r="LD31" s="331">
        <v>0</v>
      </c>
      <c r="LE31" s="331">
        <v>0</v>
      </c>
      <c r="LF31" s="331">
        <v>0</v>
      </c>
      <c r="LG31" s="331">
        <v>0</v>
      </c>
      <c r="LH31" s="335">
        <v>0</v>
      </c>
      <c r="LI31" s="336">
        <v>0</v>
      </c>
      <c r="LJ31" s="334">
        <v>0</v>
      </c>
      <c r="LK31" s="331">
        <v>0</v>
      </c>
      <c r="LL31" s="335">
        <v>0</v>
      </c>
      <c r="LM31" s="399">
        <v>0</v>
      </c>
      <c r="LN31" s="331">
        <v>0</v>
      </c>
      <c r="LO31" s="331">
        <v>0</v>
      </c>
      <c r="LP31" s="331">
        <v>0</v>
      </c>
      <c r="LQ31" s="331">
        <v>0</v>
      </c>
      <c r="LR31" s="331">
        <v>0</v>
      </c>
      <c r="LS31" s="335">
        <v>0</v>
      </c>
      <c r="LT31" s="333">
        <v>0</v>
      </c>
      <c r="LU31" s="334">
        <v>0</v>
      </c>
      <c r="LV31" s="331">
        <v>0</v>
      </c>
      <c r="LW31" s="335">
        <v>0</v>
      </c>
      <c r="LX31" s="399">
        <v>0</v>
      </c>
      <c r="LY31" s="331">
        <v>0</v>
      </c>
      <c r="LZ31" s="331">
        <v>0</v>
      </c>
      <c r="MA31" s="331">
        <v>0</v>
      </c>
      <c r="MB31" s="331">
        <v>0</v>
      </c>
      <c r="MC31" s="331">
        <v>0</v>
      </c>
      <c r="MD31" s="335">
        <v>0</v>
      </c>
      <c r="ME31" s="336">
        <v>0</v>
      </c>
      <c r="MF31" s="334">
        <v>0</v>
      </c>
      <c r="MG31" s="331">
        <v>0</v>
      </c>
      <c r="MH31" s="335">
        <v>0</v>
      </c>
      <c r="MI31" s="399">
        <v>0</v>
      </c>
      <c r="MJ31" s="331">
        <v>1198557</v>
      </c>
      <c r="MK31" s="331">
        <v>5253756</v>
      </c>
      <c r="ML31" s="331">
        <v>17241389</v>
      </c>
      <c r="MM31" s="331">
        <v>24687430</v>
      </c>
      <c r="MN31" s="331">
        <v>20317515</v>
      </c>
      <c r="MO31" s="335">
        <v>68698647</v>
      </c>
      <c r="MP31" s="340">
        <v>68698647</v>
      </c>
      <c r="MQ31" s="334">
        <v>0</v>
      </c>
      <c r="MR31" s="331">
        <v>0</v>
      </c>
      <c r="MS31" s="335">
        <v>0</v>
      </c>
      <c r="MT31" s="399">
        <v>0</v>
      </c>
      <c r="MU31" s="331">
        <v>247812</v>
      </c>
      <c r="MV31" s="331">
        <v>776599</v>
      </c>
      <c r="MW31" s="331">
        <v>8476450</v>
      </c>
      <c r="MX31" s="331">
        <v>18580107</v>
      </c>
      <c r="MY31" s="331">
        <v>14815894</v>
      </c>
      <c r="MZ31" s="335">
        <v>42896862</v>
      </c>
      <c r="NA31" s="340">
        <v>42896862</v>
      </c>
      <c r="NB31" s="334">
        <v>0</v>
      </c>
      <c r="NC31" s="331">
        <v>0</v>
      </c>
      <c r="ND31" s="335">
        <v>0</v>
      </c>
      <c r="NE31" s="399">
        <v>0</v>
      </c>
      <c r="NF31" s="331">
        <v>950745</v>
      </c>
      <c r="NG31" s="331">
        <v>4171016</v>
      </c>
      <c r="NH31" s="331">
        <v>8764939</v>
      </c>
      <c r="NI31" s="331">
        <v>6107323</v>
      </c>
      <c r="NJ31" s="331">
        <v>4307204</v>
      </c>
      <c r="NK31" s="335">
        <v>24301227</v>
      </c>
      <c r="NL31" s="333">
        <v>24301227</v>
      </c>
      <c r="NM31" s="334">
        <v>0</v>
      </c>
      <c r="NN31" s="331">
        <v>0</v>
      </c>
      <c r="NO31" s="335">
        <v>0</v>
      </c>
      <c r="NP31" s="399">
        <v>0</v>
      </c>
      <c r="NQ31" s="331">
        <v>0</v>
      </c>
      <c r="NR31" s="331">
        <v>0</v>
      </c>
      <c r="NS31" s="331">
        <v>0</v>
      </c>
      <c r="NT31" s="331">
        <v>0</v>
      </c>
      <c r="NU31" s="331">
        <v>0</v>
      </c>
      <c r="NV31" s="335">
        <v>0</v>
      </c>
      <c r="NW31" s="336">
        <v>0</v>
      </c>
      <c r="NX31" s="334">
        <v>0</v>
      </c>
      <c r="NY31" s="331">
        <v>0</v>
      </c>
      <c r="NZ31" s="335">
        <v>0</v>
      </c>
      <c r="OA31" s="399">
        <v>0</v>
      </c>
      <c r="OB31" s="331">
        <v>0</v>
      </c>
      <c r="OC31" s="331">
        <v>306141</v>
      </c>
      <c r="OD31" s="331">
        <v>0</v>
      </c>
      <c r="OE31" s="331">
        <v>0</v>
      </c>
      <c r="OF31" s="331">
        <v>1194417</v>
      </c>
      <c r="OG31" s="335">
        <v>1500558</v>
      </c>
      <c r="OH31" s="336">
        <v>1500558</v>
      </c>
      <c r="OI31" s="334">
        <v>1953971</v>
      </c>
      <c r="OJ31" s="331">
        <v>2919106</v>
      </c>
      <c r="OK31" s="332">
        <v>4873077</v>
      </c>
      <c r="OL31" s="337">
        <v>0</v>
      </c>
      <c r="OM31" s="331">
        <v>28946505</v>
      </c>
      <c r="ON31" s="331">
        <v>48525583</v>
      </c>
      <c r="OO31" s="331">
        <v>54803245</v>
      </c>
      <c r="OP31" s="331">
        <v>50830998</v>
      </c>
      <c r="OQ31" s="331">
        <v>48452228</v>
      </c>
      <c r="OR31" s="335">
        <v>231558559</v>
      </c>
      <c r="OS31" s="340">
        <v>236431636</v>
      </c>
    </row>
    <row r="32" spans="2:409" s="56" customFormat="1" ht="21" customHeight="1" x14ac:dyDescent="0.2">
      <c r="B32" s="396" t="s">
        <v>27</v>
      </c>
      <c r="C32" s="312">
        <v>3336070</v>
      </c>
      <c r="D32" s="313">
        <v>7126293</v>
      </c>
      <c r="E32" s="314">
        <v>10462363</v>
      </c>
      <c r="F32" s="315">
        <v>0</v>
      </c>
      <c r="G32" s="313">
        <v>26991384</v>
      </c>
      <c r="H32" s="313">
        <v>23807744</v>
      </c>
      <c r="I32" s="313">
        <v>22792082</v>
      </c>
      <c r="J32" s="313">
        <v>23759124</v>
      </c>
      <c r="K32" s="313">
        <v>17410447</v>
      </c>
      <c r="L32" s="353">
        <v>114760781</v>
      </c>
      <c r="M32" s="316">
        <v>125223144</v>
      </c>
      <c r="N32" s="312">
        <v>645707</v>
      </c>
      <c r="O32" s="313">
        <v>1972571</v>
      </c>
      <c r="P32" s="314">
        <v>2618278</v>
      </c>
      <c r="Q32" s="312">
        <v>0</v>
      </c>
      <c r="R32" s="313">
        <v>4908732</v>
      </c>
      <c r="S32" s="313">
        <v>6717809</v>
      </c>
      <c r="T32" s="313">
        <v>5731588</v>
      </c>
      <c r="U32" s="313">
        <v>7675038</v>
      </c>
      <c r="V32" s="313">
        <v>7941872</v>
      </c>
      <c r="W32" s="314">
        <v>32975039</v>
      </c>
      <c r="X32" s="316">
        <v>35593317</v>
      </c>
      <c r="Y32" s="312">
        <v>0</v>
      </c>
      <c r="Z32" s="313">
        <v>0</v>
      </c>
      <c r="AA32" s="314">
        <v>0</v>
      </c>
      <c r="AB32" s="312">
        <v>0</v>
      </c>
      <c r="AC32" s="313">
        <v>2331828</v>
      </c>
      <c r="AD32" s="313">
        <v>3279397</v>
      </c>
      <c r="AE32" s="313">
        <v>3166277</v>
      </c>
      <c r="AF32" s="313">
        <v>4372635</v>
      </c>
      <c r="AG32" s="313">
        <v>4046484</v>
      </c>
      <c r="AH32" s="314">
        <v>17196621</v>
      </c>
      <c r="AI32" s="316">
        <v>17196621</v>
      </c>
      <c r="AJ32" s="312">
        <v>0</v>
      </c>
      <c r="AK32" s="313">
        <v>0</v>
      </c>
      <c r="AL32" s="314">
        <v>0</v>
      </c>
      <c r="AM32" s="312">
        <v>0</v>
      </c>
      <c r="AN32" s="313">
        <v>51953</v>
      </c>
      <c r="AO32" s="313">
        <v>482129</v>
      </c>
      <c r="AP32" s="313">
        <v>159411</v>
      </c>
      <c r="AQ32" s="313">
        <v>734068</v>
      </c>
      <c r="AR32" s="313">
        <v>1526884</v>
      </c>
      <c r="AS32" s="314">
        <v>2954445</v>
      </c>
      <c r="AT32" s="316">
        <v>2954445</v>
      </c>
      <c r="AU32" s="312">
        <v>507393</v>
      </c>
      <c r="AV32" s="313">
        <v>1584083</v>
      </c>
      <c r="AW32" s="314">
        <v>2091476</v>
      </c>
      <c r="AX32" s="312">
        <v>0</v>
      </c>
      <c r="AY32" s="313">
        <v>1275794</v>
      </c>
      <c r="AZ32" s="313">
        <v>2079751</v>
      </c>
      <c r="BA32" s="313">
        <v>1437056</v>
      </c>
      <c r="BB32" s="313">
        <v>1625887</v>
      </c>
      <c r="BC32" s="313">
        <v>1730302</v>
      </c>
      <c r="BD32" s="314">
        <v>8148790</v>
      </c>
      <c r="BE32" s="316">
        <v>10240266</v>
      </c>
      <c r="BF32" s="312">
        <v>25977</v>
      </c>
      <c r="BG32" s="313">
        <v>118115</v>
      </c>
      <c r="BH32" s="317">
        <v>144092</v>
      </c>
      <c r="BI32" s="318">
        <v>0</v>
      </c>
      <c r="BJ32" s="313">
        <v>17888</v>
      </c>
      <c r="BK32" s="313">
        <v>0</v>
      </c>
      <c r="BL32" s="313">
        <v>71553</v>
      </c>
      <c r="BM32" s="313">
        <v>0</v>
      </c>
      <c r="BN32" s="313">
        <v>36649</v>
      </c>
      <c r="BO32" s="314">
        <v>126090</v>
      </c>
      <c r="BP32" s="316">
        <v>270182</v>
      </c>
      <c r="BQ32" s="312">
        <v>112337</v>
      </c>
      <c r="BR32" s="313">
        <v>270373</v>
      </c>
      <c r="BS32" s="314">
        <v>382710</v>
      </c>
      <c r="BT32" s="312">
        <v>0</v>
      </c>
      <c r="BU32" s="313">
        <v>1231269</v>
      </c>
      <c r="BV32" s="313">
        <v>876532</v>
      </c>
      <c r="BW32" s="313">
        <v>897291</v>
      </c>
      <c r="BX32" s="313">
        <v>942448</v>
      </c>
      <c r="BY32" s="313">
        <v>601553</v>
      </c>
      <c r="BZ32" s="314">
        <v>4549093</v>
      </c>
      <c r="CA32" s="316">
        <v>4931803</v>
      </c>
      <c r="CB32" s="312">
        <v>415557</v>
      </c>
      <c r="CC32" s="313">
        <v>1441384</v>
      </c>
      <c r="CD32" s="314">
        <v>1856941</v>
      </c>
      <c r="CE32" s="312">
        <v>0</v>
      </c>
      <c r="CF32" s="313">
        <v>8467948</v>
      </c>
      <c r="CG32" s="313">
        <v>6756695</v>
      </c>
      <c r="CH32" s="313">
        <v>5708479</v>
      </c>
      <c r="CI32" s="313">
        <v>3715430</v>
      </c>
      <c r="CJ32" s="313">
        <v>2284697</v>
      </c>
      <c r="CK32" s="314">
        <v>26933249</v>
      </c>
      <c r="CL32" s="316">
        <v>28790190</v>
      </c>
      <c r="CM32" s="312">
        <v>0</v>
      </c>
      <c r="CN32" s="313">
        <v>0</v>
      </c>
      <c r="CO32" s="314">
        <v>0</v>
      </c>
      <c r="CP32" s="318">
        <v>0</v>
      </c>
      <c r="CQ32" s="313">
        <v>6984525</v>
      </c>
      <c r="CR32" s="313">
        <v>4489410</v>
      </c>
      <c r="CS32" s="313">
        <v>4313235</v>
      </c>
      <c r="CT32" s="313">
        <v>3311901</v>
      </c>
      <c r="CU32" s="313">
        <v>1609508</v>
      </c>
      <c r="CV32" s="314">
        <v>20708579</v>
      </c>
      <c r="CW32" s="316">
        <v>20708579</v>
      </c>
      <c r="CX32" s="312">
        <v>415557</v>
      </c>
      <c r="CY32" s="313">
        <v>1441384</v>
      </c>
      <c r="CZ32" s="314">
        <v>1856941</v>
      </c>
      <c r="DA32" s="312">
        <v>0</v>
      </c>
      <c r="DB32" s="313">
        <v>1483423</v>
      </c>
      <c r="DC32" s="313">
        <v>2267285</v>
      </c>
      <c r="DD32" s="313">
        <v>1395244</v>
      </c>
      <c r="DE32" s="313">
        <v>403529</v>
      </c>
      <c r="DF32" s="313">
        <v>675189</v>
      </c>
      <c r="DG32" s="314">
        <v>6224670</v>
      </c>
      <c r="DH32" s="316">
        <v>8081611</v>
      </c>
      <c r="DI32" s="312">
        <v>52145</v>
      </c>
      <c r="DJ32" s="313">
        <v>9806</v>
      </c>
      <c r="DK32" s="317">
        <v>61951</v>
      </c>
      <c r="DL32" s="318">
        <v>0</v>
      </c>
      <c r="DM32" s="313">
        <v>657986</v>
      </c>
      <c r="DN32" s="313">
        <v>1024805</v>
      </c>
      <c r="DO32" s="313">
        <v>1878171</v>
      </c>
      <c r="DP32" s="313">
        <v>2361833</v>
      </c>
      <c r="DQ32" s="313">
        <v>1281564</v>
      </c>
      <c r="DR32" s="314">
        <v>7204359</v>
      </c>
      <c r="DS32" s="316">
        <v>7266310</v>
      </c>
      <c r="DT32" s="312">
        <v>35434</v>
      </c>
      <c r="DU32" s="313">
        <v>0</v>
      </c>
      <c r="DV32" s="314">
        <v>35434</v>
      </c>
      <c r="DW32" s="312">
        <v>0</v>
      </c>
      <c r="DX32" s="313">
        <v>599763</v>
      </c>
      <c r="DY32" s="313">
        <v>1023456</v>
      </c>
      <c r="DZ32" s="313">
        <v>1540306</v>
      </c>
      <c r="EA32" s="313">
        <v>2042822</v>
      </c>
      <c r="EB32" s="313">
        <v>1036443</v>
      </c>
      <c r="EC32" s="314">
        <v>6242790</v>
      </c>
      <c r="ED32" s="316">
        <v>6278224</v>
      </c>
      <c r="EE32" s="312">
        <v>16711</v>
      </c>
      <c r="EF32" s="317">
        <v>9806</v>
      </c>
      <c r="EG32" s="314">
        <v>26517</v>
      </c>
      <c r="EH32" s="312">
        <v>0</v>
      </c>
      <c r="EI32" s="313">
        <v>58223</v>
      </c>
      <c r="EJ32" s="313">
        <v>1349</v>
      </c>
      <c r="EK32" s="313">
        <v>337865</v>
      </c>
      <c r="EL32" s="313">
        <v>319011</v>
      </c>
      <c r="EM32" s="313">
        <v>245121</v>
      </c>
      <c r="EN32" s="317">
        <v>961569</v>
      </c>
      <c r="EO32" s="316">
        <v>988086</v>
      </c>
      <c r="EP32" s="312">
        <v>0</v>
      </c>
      <c r="EQ32" s="313">
        <v>0</v>
      </c>
      <c r="ER32" s="317">
        <v>0</v>
      </c>
      <c r="ES32" s="318">
        <v>0</v>
      </c>
      <c r="ET32" s="313">
        <v>0</v>
      </c>
      <c r="EU32" s="313">
        <v>0</v>
      </c>
      <c r="EV32" s="313">
        <v>0</v>
      </c>
      <c r="EW32" s="313">
        <v>0</v>
      </c>
      <c r="EX32" s="313">
        <v>0</v>
      </c>
      <c r="EY32" s="314">
        <v>0</v>
      </c>
      <c r="EZ32" s="316">
        <v>0</v>
      </c>
      <c r="FA32" s="312">
        <v>0</v>
      </c>
      <c r="FB32" s="313">
        <v>0</v>
      </c>
      <c r="FC32" s="317">
        <v>0</v>
      </c>
      <c r="FD32" s="318">
        <v>0</v>
      </c>
      <c r="FE32" s="313">
        <v>0</v>
      </c>
      <c r="FF32" s="313">
        <v>0</v>
      </c>
      <c r="FG32" s="313">
        <v>0</v>
      </c>
      <c r="FH32" s="313">
        <v>0</v>
      </c>
      <c r="FI32" s="313">
        <v>0</v>
      </c>
      <c r="FJ32" s="314">
        <v>0</v>
      </c>
      <c r="FK32" s="316">
        <v>0</v>
      </c>
      <c r="FL32" s="312">
        <v>747323</v>
      </c>
      <c r="FM32" s="313">
        <v>1236753</v>
      </c>
      <c r="FN32" s="314">
        <v>1984076</v>
      </c>
      <c r="FO32" s="312">
        <v>0</v>
      </c>
      <c r="FP32" s="313">
        <v>745476</v>
      </c>
      <c r="FQ32" s="313">
        <v>1906072</v>
      </c>
      <c r="FR32" s="313">
        <v>1496846</v>
      </c>
      <c r="FS32" s="313">
        <v>1496172</v>
      </c>
      <c r="FT32" s="313">
        <v>1221862</v>
      </c>
      <c r="FU32" s="314">
        <v>6866428</v>
      </c>
      <c r="FV32" s="316">
        <v>8850504</v>
      </c>
      <c r="FW32" s="319">
        <v>519443</v>
      </c>
      <c r="FX32" s="313">
        <v>1158825</v>
      </c>
      <c r="FY32" s="317">
        <v>1678268</v>
      </c>
      <c r="FZ32" s="318">
        <v>0</v>
      </c>
      <c r="GA32" s="313">
        <v>629376</v>
      </c>
      <c r="GB32" s="313">
        <v>1879792</v>
      </c>
      <c r="GC32" s="313">
        <v>1496846</v>
      </c>
      <c r="GD32" s="313">
        <v>1496172</v>
      </c>
      <c r="GE32" s="313">
        <v>1194697</v>
      </c>
      <c r="GF32" s="314">
        <v>6696883</v>
      </c>
      <c r="GG32" s="320">
        <v>8375151</v>
      </c>
      <c r="GH32" s="319">
        <v>0</v>
      </c>
      <c r="GI32" s="313">
        <v>46728</v>
      </c>
      <c r="GJ32" s="317">
        <v>46728</v>
      </c>
      <c r="GK32" s="318">
        <v>0</v>
      </c>
      <c r="GL32" s="313">
        <v>90000</v>
      </c>
      <c r="GM32" s="313">
        <v>0</v>
      </c>
      <c r="GN32" s="313">
        <v>0</v>
      </c>
      <c r="GO32" s="313">
        <v>0</v>
      </c>
      <c r="GP32" s="313">
        <v>27165</v>
      </c>
      <c r="GQ32" s="314">
        <v>117165</v>
      </c>
      <c r="GR32" s="316">
        <v>163893</v>
      </c>
      <c r="GS32" s="312">
        <v>227880</v>
      </c>
      <c r="GT32" s="313">
        <v>31200</v>
      </c>
      <c r="GU32" s="314">
        <v>259080</v>
      </c>
      <c r="GV32" s="312">
        <v>0</v>
      </c>
      <c r="GW32" s="313">
        <v>26100</v>
      </c>
      <c r="GX32" s="313">
        <v>26280</v>
      </c>
      <c r="GY32" s="313">
        <v>0</v>
      </c>
      <c r="GZ32" s="313">
        <v>0</v>
      </c>
      <c r="HA32" s="313">
        <v>0</v>
      </c>
      <c r="HB32" s="317">
        <v>52380</v>
      </c>
      <c r="HC32" s="316">
        <v>311460</v>
      </c>
      <c r="HD32" s="312">
        <v>817966</v>
      </c>
      <c r="HE32" s="313">
        <v>1521755</v>
      </c>
      <c r="HF32" s="317">
        <v>2339721</v>
      </c>
      <c r="HG32" s="318">
        <v>0</v>
      </c>
      <c r="HH32" s="313">
        <v>8679183</v>
      </c>
      <c r="HI32" s="313">
        <v>4835786</v>
      </c>
      <c r="HJ32" s="313">
        <v>6085113</v>
      </c>
      <c r="HK32" s="313">
        <v>6937838</v>
      </c>
      <c r="HL32" s="313">
        <v>3747786</v>
      </c>
      <c r="HM32" s="314">
        <v>30285706</v>
      </c>
      <c r="HN32" s="315">
        <v>32625427</v>
      </c>
      <c r="HO32" s="319">
        <v>657372</v>
      </c>
      <c r="HP32" s="313">
        <v>944024</v>
      </c>
      <c r="HQ32" s="314">
        <v>1601396</v>
      </c>
      <c r="HR32" s="312">
        <v>0</v>
      </c>
      <c r="HS32" s="313">
        <v>3532059</v>
      </c>
      <c r="HT32" s="313">
        <v>2566577</v>
      </c>
      <c r="HU32" s="313">
        <v>1891885</v>
      </c>
      <c r="HV32" s="313">
        <v>1572813</v>
      </c>
      <c r="HW32" s="313">
        <v>932666</v>
      </c>
      <c r="HX32" s="317">
        <v>10496000</v>
      </c>
      <c r="HY32" s="316">
        <v>12097396</v>
      </c>
      <c r="HZ32" s="344">
        <v>0</v>
      </c>
      <c r="IA32" s="342">
        <v>0</v>
      </c>
      <c r="IB32" s="344">
        <v>0</v>
      </c>
      <c r="IC32" s="341">
        <v>0</v>
      </c>
      <c r="ID32" s="342">
        <v>5726469</v>
      </c>
      <c r="IE32" s="343">
        <v>4939600</v>
      </c>
      <c r="IF32" s="344">
        <v>6418045</v>
      </c>
      <c r="IG32" s="342">
        <v>5159630</v>
      </c>
      <c r="IH32" s="344">
        <v>4344634</v>
      </c>
      <c r="II32" s="345">
        <v>26588378</v>
      </c>
      <c r="IJ32" s="344">
        <v>26588378</v>
      </c>
      <c r="IK32" s="328">
        <v>0</v>
      </c>
      <c r="IL32" s="329">
        <v>0</v>
      </c>
      <c r="IM32" s="330">
        <v>0</v>
      </c>
      <c r="IN32" s="390">
        <v>0</v>
      </c>
      <c r="IO32" s="331">
        <v>0</v>
      </c>
      <c r="IP32" s="331">
        <v>0</v>
      </c>
      <c r="IQ32" s="331">
        <v>179080</v>
      </c>
      <c r="IR32" s="331">
        <v>0</v>
      </c>
      <c r="IS32" s="331">
        <v>0</v>
      </c>
      <c r="IT32" s="332">
        <v>179080</v>
      </c>
      <c r="IU32" s="333">
        <v>179080</v>
      </c>
      <c r="IV32" s="334">
        <v>0</v>
      </c>
      <c r="IW32" s="331">
        <v>0</v>
      </c>
      <c r="IX32" s="335">
        <v>0</v>
      </c>
      <c r="IY32" s="399">
        <v>0</v>
      </c>
      <c r="IZ32" s="331">
        <v>0</v>
      </c>
      <c r="JA32" s="331">
        <v>0</v>
      </c>
      <c r="JB32" s="331">
        <v>0</v>
      </c>
      <c r="JC32" s="331">
        <v>0</v>
      </c>
      <c r="JD32" s="331">
        <v>0</v>
      </c>
      <c r="JE32" s="335">
        <v>0</v>
      </c>
      <c r="JF32" s="336">
        <v>0</v>
      </c>
      <c r="JG32" s="334">
        <v>0</v>
      </c>
      <c r="JH32" s="331">
        <v>0</v>
      </c>
      <c r="JI32" s="332">
        <v>0</v>
      </c>
      <c r="JJ32" s="337">
        <v>0</v>
      </c>
      <c r="JK32" s="331">
        <v>1868499</v>
      </c>
      <c r="JL32" s="331">
        <v>983651</v>
      </c>
      <c r="JM32" s="331">
        <v>486787</v>
      </c>
      <c r="JN32" s="331">
        <v>208419</v>
      </c>
      <c r="JO32" s="331">
        <v>232506</v>
      </c>
      <c r="JP32" s="335">
        <v>3779862</v>
      </c>
      <c r="JQ32" s="333">
        <v>3779862</v>
      </c>
      <c r="JR32" s="334">
        <v>0</v>
      </c>
      <c r="JS32" s="331">
        <v>0</v>
      </c>
      <c r="JT32" s="332">
        <v>0</v>
      </c>
      <c r="JU32" s="337">
        <v>0</v>
      </c>
      <c r="JV32" s="331">
        <v>285678</v>
      </c>
      <c r="JW32" s="331">
        <v>118557</v>
      </c>
      <c r="JX32" s="331">
        <v>294812</v>
      </c>
      <c r="JY32" s="331">
        <v>252027</v>
      </c>
      <c r="JZ32" s="331">
        <v>0</v>
      </c>
      <c r="KA32" s="335">
        <v>951074</v>
      </c>
      <c r="KB32" s="333">
        <v>951074</v>
      </c>
      <c r="KC32" s="338">
        <v>0</v>
      </c>
      <c r="KD32" s="339">
        <v>0</v>
      </c>
      <c r="KE32" s="335">
        <v>0</v>
      </c>
      <c r="KF32" s="337">
        <v>0</v>
      </c>
      <c r="KG32" s="331">
        <v>1391319</v>
      </c>
      <c r="KH32" s="331">
        <v>834236</v>
      </c>
      <c r="KI32" s="331">
        <v>1261914</v>
      </c>
      <c r="KJ32" s="331">
        <v>633514</v>
      </c>
      <c r="KK32" s="331">
        <v>0</v>
      </c>
      <c r="KL32" s="335">
        <v>4120983</v>
      </c>
      <c r="KM32" s="340">
        <v>4120983</v>
      </c>
      <c r="KN32" s="328">
        <v>0</v>
      </c>
      <c r="KO32" s="329">
        <v>0</v>
      </c>
      <c r="KP32" s="330">
        <v>0</v>
      </c>
      <c r="KQ32" s="399">
        <v>0</v>
      </c>
      <c r="KR32" s="331">
        <v>1637347</v>
      </c>
      <c r="KS32" s="331">
        <v>2414035</v>
      </c>
      <c r="KT32" s="331">
        <v>1675281</v>
      </c>
      <c r="KU32" s="331">
        <v>1358544</v>
      </c>
      <c r="KV32" s="331">
        <v>2094300</v>
      </c>
      <c r="KW32" s="335">
        <v>9179507</v>
      </c>
      <c r="KX32" s="333">
        <v>9179507</v>
      </c>
      <c r="KY32" s="334">
        <v>0</v>
      </c>
      <c r="KZ32" s="331">
        <v>0</v>
      </c>
      <c r="LA32" s="335">
        <v>0</v>
      </c>
      <c r="LB32" s="399">
        <v>0</v>
      </c>
      <c r="LC32" s="331">
        <v>0</v>
      </c>
      <c r="LD32" s="331">
        <v>0</v>
      </c>
      <c r="LE32" s="331">
        <v>0</v>
      </c>
      <c r="LF32" s="331">
        <v>0</v>
      </c>
      <c r="LG32" s="331">
        <v>0</v>
      </c>
      <c r="LH32" s="335">
        <v>0</v>
      </c>
      <c r="LI32" s="336">
        <v>0</v>
      </c>
      <c r="LJ32" s="334">
        <v>0</v>
      </c>
      <c r="LK32" s="331">
        <v>0</v>
      </c>
      <c r="LL32" s="335">
        <v>0</v>
      </c>
      <c r="LM32" s="399">
        <v>0</v>
      </c>
      <c r="LN32" s="331">
        <v>0</v>
      </c>
      <c r="LO32" s="331">
        <v>0</v>
      </c>
      <c r="LP32" s="331">
        <v>1979097</v>
      </c>
      <c r="LQ32" s="331">
        <v>2456761</v>
      </c>
      <c r="LR32" s="331">
        <v>1670251</v>
      </c>
      <c r="LS32" s="335">
        <v>6106109</v>
      </c>
      <c r="LT32" s="333">
        <v>6106109</v>
      </c>
      <c r="LU32" s="334">
        <v>0</v>
      </c>
      <c r="LV32" s="331">
        <v>0</v>
      </c>
      <c r="LW32" s="335">
        <v>0</v>
      </c>
      <c r="LX32" s="399">
        <v>0</v>
      </c>
      <c r="LY32" s="331">
        <v>543626</v>
      </c>
      <c r="LZ32" s="331">
        <v>589121</v>
      </c>
      <c r="MA32" s="331">
        <v>541074</v>
      </c>
      <c r="MB32" s="331">
        <v>250365</v>
      </c>
      <c r="MC32" s="331">
        <v>347577</v>
      </c>
      <c r="MD32" s="335">
        <v>2271763</v>
      </c>
      <c r="ME32" s="336">
        <v>2271763</v>
      </c>
      <c r="MF32" s="334">
        <v>0</v>
      </c>
      <c r="MG32" s="331">
        <v>0</v>
      </c>
      <c r="MH32" s="335">
        <v>0</v>
      </c>
      <c r="MI32" s="399">
        <v>0</v>
      </c>
      <c r="MJ32" s="331">
        <v>1979912</v>
      </c>
      <c r="MK32" s="331">
        <v>4773063</v>
      </c>
      <c r="ML32" s="331">
        <v>12328162</v>
      </c>
      <c r="MM32" s="331">
        <v>23472227</v>
      </c>
      <c r="MN32" s="331">
        <v>15010222</v>
      </c>
      <c r="MO32" s="335">
        <v>57563586</v>
      </c>
      <c r="MP32" s="340">
        <v>57563586</v>
      </c>
      <c r="MQ32" s="334">
        <v>0</v>
      </c>
      <c r="MR32" s="331">
        <v>0</v>
      </c>
      <c r="MS32" s="335">
        <v>0</v>
      </c>
      <c r="MT32" s="399">
        <v>0</v>
      </c>
      <c r="MU32" s="331">
        <v>484175</v>
      </c>
      <c r="MV32" s="331">
        <v>448035</v>
      </c>
      <c r="MW32" s="331">
        <v>7306352</v>
      </c>
      <c r="MX32" s="331">
        <v>15400463</v>
      </c>
      <c r="MY32" s="331">
        <v>10616525</v>
      </c>
      <c r="MZ32" s="335">
        <v>34255550</v>
      </c>
      <c r="NA32" s="340">
        <v>34255550</v>
      </c>
      <c r="NB32" s="334">
        <v>0</v>
      </c>
      <c r="NC32" s="331">
        <v>0</v>
      </c>
      <c r="ND32" s="335">
        <v>0</v>
      </c>
      <c r="NE32" s="399">
        <v>0</v>
      </c>
      <c r="NF32" s="331">
        <v>1495737</v>
      </c>
      <c r="NG32" s="331">
        <v>4247406</v>
      </c>
      <c r="NH32" s="331">
        <v>5021810</v>
      </c>
      <c r="NI32" s="331">
        <v>7687533</v>
      </c>
      <c r="NJ32" s="331">
        <v>3530715</v>
      </c>
      <c r="NK32" s="335">
        <v>21983201</v>
      </c>
      <c r="NL32" s="333">
        <v>21983201</v>
      </c>
      <c r="NM32" s="334">
        <v>0</v>
      </c>
      <c r="NN32" s="331">
        <v>0</v>
      </c>
      <c r="NO32" s="335">
        <v>0</v>
      </c>
      <c r="NP32" s="399">
        <v>0</v>
      </c>
      <c r="NQ32" s="331">
        <v>0</v>
      </c>
      <c r="NR32" s="331">
        <v>0</v>
      </c>
      <c r="NS32" s="331">
        <v>0</v>
      </c>
      <c r="NT32" s="331">
        <v>0</v>
      </c>
      <c r="NU32" s="331">
        <v>0</v>
      </c>
      <c r="NV32" s="335">
        <v>0</v>
      </c>
      <c r="NW32" s="336">
        <v>0</v>
      </c>
      <c r="NX32" s="334">
        <v>0</v>
      </c>
      <c r="NY32" s="331">
        <v>0</v>
      </c>
      <c r="NZ32" s="335">
        <v>0</v>
      </c>
      <c r="OA32" s="399">
        <v>0</v>
      </c>
      <c r="OB32" s="331">
        <v>0</v>
      </c>
      <c r="OC32" s="331">
        <v>77622</v>
      </c>
      <c r="OD32" s="331">
        <v>0</v>
      </c>
      <c r="OE32" s="331">
        <v>384231</v>
      </c>
      <c r="OF32" s="331">
        <v>862982</v>
      </c>
      <c r="OG32" s="335">
        <v>1324835</v>
      </c>
      <c r="OH32" s="336">
        <v>1324835</v>
      </c>
      <c r="OI32" s="334">
        <v>3336070</v>
      </c>
      <c r="OJ32" s="331">
        <v>7126293</v>
      </c>
      <c r="OK32" s="332">
        <v>10462363</v>
      </c>
      <c r="OL32" s="337">
        <v>0</v>
      </c>
      <c r="OM32" s="331">
        <v>34697765</v>
      </c>
      <c r="ON32" s="331">
        <v>33520407</v>
      </c>
      <c r="OO32" s="331">
        <v>41538289</v>
      </c>
      <c r="OP32" s="331">
        <v>52390981</v>
      </c>
      <c r="OQ32" s="331">
        <v>36765303</v>
      </c>
      <c r="OR32" s="335">
        <v>198912745</v>
      </c>
      <c r="OS32" s="340">
        <v>209375108</v>
      </c>
    </row>
    <row r="33" spans="2:409" s="56" customFormat="1" ht="21" customHeight="1" x14ac:dyDescent="0.2">
      <c r="B33" s="396" t="s">
        <v>28</v>
      </c>
      <c r="C33" s="312">
        <v>152203</v>
      </c>
      <c r="D33" s="313">
        <v>654844</v>
      </c>
      <c r="E33" s="314">
        <v>807047</v>
      </c>
      <c r="F33" s="315">
        <v>0</v>
      </c>
      <c r="G33" s="313">
        <v>6273541</v>
      </c>
      <c r="H33" s="313">
        <v>9888603</v>
      </c>
      <c r="I33" s="313">
        <v>7080108</v>
      </c>
      <c r="J33" s="313">
        <v>5528141</v>
      </c>
      <c r="K33" s="313">
        <v>5304605</v>
      </c>
      <c r="L33" s="353">
        <v>34074998</v>
      </c>
      <c r="M33" s="316">
        <v>34882045</v>
      </c>
      <c r="N33" s="312">
        <v>59260</v>
      </c>
      <c r="O33" s="313">
        <v>107242</v>
      </c>
      <c r="P33" s="314">
        <v>166502</v>
      </c>
      <c r="Q33" s="312">
        <v>0</v>
      </c>
      <c r="R33" s="313">
        <v>1137731</v>
      </c>
      <c r="S33" s="313">
        <v>1913419</v>
      </c>
      <c r="T33" s="313">
        <v>1334175</v>
      </c>
      <c r="U33" s="313">
        <v>1276170</v>
      </c>
      <c r="V33" s="313">
        <v>2426334</v>
      </c>
      <c r="W33" s="314">
        <v>8087829</v>
      </c>
      <c r="X33" s="316">
        <v>8254331</v>
      </c>
      <c r="Y33" s="312">
        <v>0</v>
      </c>
      <c r="Z33" s="313">
        <v>0</v>
      </c>
      <c r="AA33" s="314">
        <v>0</v>
      </c>
      <c r="AB33" s="312">
        <v>0</v>
      </c>
      <c r="AC33" s="313">
        <v>613654</v>
      </c>
      <c r="AD33" s="313">
        <v>1039359</v>
      </c>
      <c r="AE33" s="313">
        <v>318401</v>
      </c>
      <c r="AF33" s="313">
        <v>365785</v>
      </c>
      <c r="AG33" s="313">
        <v>1595204</v>
      </c>
      <c r="AH33" s="314">
        <v>3932403</v>
      </c>
      <c r="AI33" s="316">
        <v>3932403</v>
      </c>
      <c r="AJ33" s="312">
        <v>0</v>
      </c>
      <c r="AK33" s="313">
        <v>0</v>
      </c>
      <c r="AL33" s="314">
        <v>0</v>
      </c>
      <c r="AM33" s="312">
        <v>0</v>
      </c>
      <c r="AN33" s="313">
        <v>0</v>
      </c>
      <c r="AO33" s="313">
        <v>0</v>
      </c>
      <c r="AP33" s="313">
        <v>380930</v>
      </c>
      <c r="AQ33" s="313">
        <v>90918</v>
      </c>
      <c r="AR33" s="313">
        <v>155860</v>
      </c>
      <c r="AS33" s="314">
        <v>627708</v>
      </c>
      <c r="AT33" s="316">
        <v>627708</v>
      </c>
      <c r="AU33" s="312">
        <v>54094</v>
      </c>
      <c r="AV33" s="313">
        <v>90982</v>
      </c>
      <c r="AW33" s="314">
        <v>145076</v>
      </c>
      <c r="AX33" s="312">
        <v>0</v>
      </c>
      <c r="AY33" s="313">
        <v>357535</v>
      </c>
      <c r="AZ33" s="313">
        <v>654789</v>
      </c>
      <c r="BA33" s="313">
        <v>369193</v>
      </c>
      <c r="BB33" s="313">
        <v>644914</v>
      </c>
      <c r="BC33" s="313">
        <v>398669</v>
      </c>
      <c r="BD33" s="314">
        <v>2425100</v>
      </c>
      <c r="BE33" s="316">
        <v>2570176</v>
      </c>
      <c r="BF33" s="312">
        <v>0</v>
      </c>
      <c r="BG33" s="313">
        <v>0</v>
      </c>
      <c r="BH33" s="317">
        <v>0</v>
      </c>
      <c r="BI33" s="318">
        <v>0</v>
      </c>
      <c r="BJ33" s="313">
        <v>17514</v>
      </c>
      <c r="BK33" s="313">
        <v>0</v>
      </c>
      <c r="BL33" s="313">
        <v>71325</v>
      </c>
      <c r="BM33" s="313">
        <v>26747</v>
      </c>
      <c r="BN33" s="313">
        <v>32268</v>
      </c>
      <c r="BO33" s="314">
        <v>147854</v>
      </c>
      <c r="BP33" s="316">
        <v>147854</v>
      </c>
      <c r="BQ33" s="312">
        <v>5166</v>
      </c>
      <c r="BR33" s="313">
        <v>16260</v>
      </c>
      <c r="BS33" s="314">
        <v>21426</v>
      </c>
      <c r="BT33" s="312">
        <v>0</v>
      </c>
      <c r="BU33" s="313">
        <v>149028</v>
      </c>
      <c r="BV33" s="313">
        <v>219271</v>
      </c>
      <c r="BW33" s="313">
        <v>194326</v>
      </c>
      <c r="BX33" s="313">
        <v>147806</v>
      </c>
      <c r="BY33" s="313">
        <v>244333</v>
      </c>
      <c r="BZ33" s="314">
        <v>954764</v>
      </c>
      <c r="CA33" s="316">
        <v>976190</v>
      </c>
      <c r="CB33" s="312">
        <v>21456</v>
      </c>
      <c r="CC33" s="313">
        <v>254667</v>
      </c>
      <c r="CD33" s="314">
        <v>276123</v>
      </c>
      <c r="CE33" s="312">
        <v>0</v>
      </c>
      <c r="CF33" s="313">
        <v>2541853</v>
      </c>
      <c r="CG33" s="313">
        <v>4181806</v>
      </c>
      <c r="CH33" s="313">
        <v>2997475</v>
      </c>
      <c r="CI33" s="313">
        <v>2410772</v>
      </c>
      <c r="CJ33" s="313">
        <v>1009200</v>
      </c>
      <c r="CK33" s="314">
        <v>13141106</v>
      </c>
      <c r="CL33" s="316">
        <v>13417229</v>
      </c>
      <c r="CM33" s="312">
        <v>0</v>
      </c>
      <c r="CN33" s="313">
        <v>0</v>
      </c>
      <c r="CO33" s="314">
        <v>0</v>
      </c>
      <c r="CP33" s="318">
        <v>0</v>
      </c>
      <c r="CQ33" s="313">
        <v>1837572</v>
      </c>
      <c r="CR33" s="313">
        <v>3314483</v>
      </c>
      <c r="CS33" s="313">
        <v>2495617</v>
      </c>
      <c r="CT33" s="313">
        <v>1503365</v>
      </c>
      <c r="CU33" s="313">
        <v>679487</v>
      </c>
      <c r="CV33" s="314">
        <v>9830524</v>
      </c>
      <c r="CW33" s="316">
        <v>9830524</v>
      </c>
      <c r="CX33" s="312">
        <v>21456</v>
      </c>
      <c r="CY33" s="313">
        <v>254667</v>
      </c>
      <c r="CZ33" s="314">
        <v>276123</v>
      </c>
      <c r="DA33" s="312">
        <v>0</v>
      </c>
      <c r="DB33" s="313">
        <v>704281</v>
      </c>
      <c r="DC33" s="313">
        <v>867323</v>
      </c>
      <c r="DD33" s="313">
        <v>501858</v>
      </c>
      <c r="DE33" s="313">
        <v>907407</v>
      </c>
      <c r="DF33" s="313">
        <v>329713</v>
      </c>
      <c r="DG33" s="314">
        <v>3310582</v>
      </c>
      <c r="DH33" s="316">
        <v>3586705</v>
      </c>
      <c r="DI33" s="312">
        <v>0</v>
      </c>
      <c r="DJ33" s="313">
        <v>0</v>
      </c>
      <c r="DK33" s="317">
        <v>0</v>
      </c>
      <c r="DL33" s="318">
        <v>0</v>
      </c>
      <c r="DM33" s="313">
        <v>191889</v>
      </c>
      <c r="DN33" s="313">
        <v>315698</v>
      </c>
      <c r="DO33" s="313">
        <v>754585</v>
      </c>
      <c r="DP33" s="313">
        <v>652241</v>
      </c>
      <c r="DQ33" s="313">
        <v>419571</v>
      </c>
      <c r="DR33" s="314">
        <v>2333984</v>
      </c>
      <c r="DS33" s="316">
        <v>2333984</v>
      </c>
      <c r="DT33" s="312">
        <v>0</v>
      </c>
      <c r="DU33" s="313">
        <v>0</v>
      </c>
      <c r="DV33" s="314">
        <v>0</v>
      </c>
      <c r="DW33" s="312">
        <v>0</v>
      </c>
      <c r="DX33" s="313">
        <v>109793</v>
      </c>
      <c r="DY33" s="313">
        <v>227614</v>
      </c>
      <c r="DZ33" s="313">
        <v>398301</v>
      </c>
      <c r="EA33" s="313">
        <v>516555</v>
      </c>
      <c r="EB33" s="313">
        <v>382313</v>
      </c>
      <c r="EC33" s="314">
        <v>1634576</v>
      </c>
      <c r="ED33" s="316">
        <v>1634576</v>
      </c>
      <c r="EE33" s="312">
        <v>0</v>
      </c>
      <c r="EF33" s="317">
        <v>0</v>
      </c>
      <c r="EG33" s="314">
        <v>0</v>
      </c>
      <c r="EH33" s="312">
        <v>0</v>
      </c>
      <c r="EI33" s="313">
        <v>82096</v>
      </c>
      <c r="EJ33" s="313">
        <v>88084</v>
      </c>
      <c r="EK33" s="313">
        <v>356284</v>
      </c>
      <c r="EL33" s="313">
        <v>135686</v>
      </c>
      <c r="EM33" s="313">
        <v>37258</v>
      </c>
      <c r="EN33" s="317">
        <v>699408</v>
      </c>
      <c r="EO33" s="316">
        <v>699408</v>
      </c>
      <c r="EP33" s="312">
        <v>0</v>
      </c>
      <c r="EQ33" s="313">
        <v>0</v>
      </c>
      <c r="ER33" s="317">
        <v>0</v>
      </c>
      <c r="ES33" s="318">
        <v>0</v>
      </c>
      <c r="ET33" s="313">
        <v>0</v>
      </c>
      <c r="EU33" s="313">
        <v>0</v>
      </c>
      <c r="EV33" s="313">
        <v>0</v>
      </c>
      <c r="EW33" s="313">
        <v>0</v>
      </c>
      <c r="EX33" s="313">
        <v>0</v>
      </c>
      <c r="EY33" s="314">
        <v>0</v>
      </c>
      <c r="EZ33" s="316">
        <v>0</v>
      </c>
      <c r="FA33" s="312">
        <v>0</v>
      </c>
      <c r="FB33" s="313">
        <v>0</v>
      </c>
      <c r="FC33" s="317">
        <v>0</v>
      </c>
      <c r="FD33" s="318">
        <v>0</v>
      </c>
      <c r="FE33" s="313">
        <v>0</v>
      </c>
      <c r="FF33" s="313">
        <v>0</v>
      </c>
      <c r="FG33" s="313">
        <v>0</v>
      </c>
      <c r="FH33" s="313">
        <v>0</v>
      </c>
      <c r="FI33" s="313">
        <v>0</v>
      </c>
      <c r="FJ33" s="314">
        <v>0</v>
      </c>
      <c r="FK33" s="316">
        <v>0</v>
      </c>
      <c r="FL33" s="312">
        <v>30042</v>
      </c>
      <c r="FM33" s="313">
        <v>159266</v>
      </c>
      <c r="FN33" s="314">
        <v>189308</v>
      </c>
      <c r="FO33" s="312">
        <v>0</v>
      </c>
      <c r="FP33" s="313">
        <v>399212</v>
      </c>
      <c r="FQ33" s="313">
        <v>977593</v>
      </c>
      <c r="FR33" s="313">
        <v>584074</v>
      </c>
      <c r="FS33" s="313">
        <v>528756</v>
      </c>
      <c r="FT33" s="313">
        <v>239625</v>
      </c>
      <c r="FU33" s="314">
        <v>2729260</v>
      </c>
      <c r="FV33" s="316">
        <v>2918568</v>
      </c>
      <c r="FW33" s="319">
        <v>30042</v>
      </c>
      <c r="FX33" s="313">
        <v>140080</v>
      </c>
      <c r="FY33" s="317">
        <v>170122</v>
      </c>
      <c r="FZ33" s="318">
        <v>0</v>
      </c>
      <c r="GA33" s="313">
        <v>357704</v>
      </c>
      <c r="GB33" s="313">
        <v>900373</v>
      </c>
      <c r="GC33" s="313">
        <v>471390</v>
      </c>
      <c r="GD33" s="313">
        <v>513906</v>
      </c>
      <c r="GE33" s="313">
        <v>239625</v>
      </c>
      <c r="GF33" s="314">
        <v>2482998</v>
      </c>
      <c r="GG33" s="320">
        <v>2653120</v>
      </c>
      <c r="GH33" s="319">
        <v>0</v>
      </c>
      <c r="GI33" s="313">
        <v>19186</v>
      </c>
      <c r="GJ33" s="317">
        <v>19186</v>
      </c>
      <c r="GK33" s="318">
        <v>0</v>
      </c>
      <c r="GL33" s="313">
        <v>19008</v>
      </c>
      <c r="GM33" s="313">
        <v>77220</v>
      </c>
      <c r="GN33" s="313">
        <v>112684</v>
      </c>
      <c r="GO33" s="313">
        <v>0</v>
      </c>
      <c r="GP33" s="313">
        <v>0</v>
      </c>
      <c r="GQ33" s="314">
        <v>208912</v>
      </c>
      <c r="GR33" s="316">
        <v>228098</v>
      </c>
      <c r="GS33" s="312">
        <v>0</v>
      </c>
      <c r="GT33" s="313">
        <v>0</v>
      </c>
      <c r="GU33" s="314">
        <v>0</v>
      </c>
      <c r="GV33" s="312">
        <v>0</v>
      </c>
      <c r="GW33" s="313">
        <v>22500</v>
      </c>
      <c r="GX33" s="313">
        <v>0</v>
      </c>
      <c r="GY33" s="313">
        <v>0</v>
      </c>
      <c r="GZ33" s="313">
        <v>14850</v>
      </c>
      <c r="HA33" s="313">
        <v>0</v>
      </c>
      <c r="HB33" s="317">
        <v>37350</v>
      </c>
      <c r="HC33" s="316">
        <v>37350</v>
      </c>
      <c r="HD33" s="312">
        <v>0</v>
      </c>
      <c r="HE33" s="313">
        <v>0</v>
      </c>
      <c r="HF33" s="317">
        <v>0</v>
      </c>
      <c r="HG33" s="318">
        <v>0</v>
      </c>
      <c r="HH33" s="313">
        <v>846898</v>
      </c>
      <c r="HI33" s="313">
        <v>1392302</v>
      </c>
      <c r="HJ33" s="313">
        <v>641702</v>
      </c>
      <c r="HK33" s="313">
        <v>239535</v>
      </c>
      <c r="HL33" s="313">
        <v>934442</v>
      </c>
      <c r="HM33" s="314">
        <v>4054879</v>
      </c>
      <c r="HN33" s="315">
        <v>4054879</v>
      </c>
      <c r="HO33" s="319">
        <v>41445</v>
      </c>
      <c r="HP33" s="313">
        <v>133669</v>
      </c>
      <c r="HQ33" s="314">
        <v>175114</v>
      </c>
      <c r="HR33" s="312">
        <v>0</v>
      </c>
      <c r="HS33" s="313">
        <v>1155958</v>
      </c>
      <c r="HT33" s="313">
        <v>1107785</v>
      </c>
      <c r="HU33" s="313">
        <v>768097</v>
      </c>
      <c r="HV33" s="313">
        <v>420667</v>
      </c>
      <c r="HW33" s="313">
        <v>275433</v>
      </c>
      <c r="HX33" s="317">
        <v>3727940</v>
      </c>
      <c r="HY33" s="316">
        <v>3903054</v>
      </c>
      <c r="HZ33" s="321">
        <v>0</v>
      </c>
      <c r="IA33" s="322">
        <v>0</v>
      </c>
      <c r="IB33" s="323">
        <v>0</v>
      </c>
      <c r="IC33" s="324">
        <v>0</v>
      </c>
      <c r="ID33" s="322">
        <v>1783132</v>
      </c>
      <c r="IE33" s="325">
        <v>1603257</v>
      </c>
      <c r="IF33" s="323">
        <v>1715102</v>
      </c>
      <c r="IG33" s="322">
        <v>1461164</v>
      </c>
      <c r="IH33" s="323">
        <v>1454885</v>
      </c>
      <c r="II33" s="326">
        <v>8017540</v>
      </c>
      <c r="IJ33" s="327">
        <v>8017540</v>
      </c>
      <c r="IK33" s="328">
        <v>0</v>
      </c>
      <c r="IL33" s="329">
        <v>0</v>
      </c>
      <c r="IM33" s="330">
        <v>0</v>
      </c>
      <c r="IN33" s="390">
        <v>0</v>
      </c>
      <c r="IO33" s="331">
        <v>0</v>
      </c>
      <c r="IP33" s="331">
        <v>0</v>
      </c>
      <c r="IQ33" s="331">
        <v>0</v>
      </c>
      <c r="IR33" s="331">
        <v>0</v>
      </c>
      <c r="IS33" s="331">
        <v>249633</v>
      </c>
      <c r="IT33" s="332">
        <v>249633</v>
      </c>
      <c r="IU33" s="333">
        <v>249633</v>
      </c>
      <c r="IV33" s="334">
        <v>0</v>
      </c>
      <c r="IW33" s="331">
        <v>0</v>
      </c>
      <c r="IX33" s="335">
        <v>0</v>
      </c>
      <c r="IY33" s="399">
        <v>0</v>
      </c>
      <c r="IZ33" s="331">
        <v>0</v>
      </c>
      <c r="JA33" s="331">
        <v>0</v>
      </c>
      <c r="JB33" s="331">
        <v>0</v>
      </c>
      <c r="JC33" s="331">
        <v>0</v>
      </c>
      <c r="JD33" s="331">
        <v>0</v>
      </c>
      <c r="JE33" s="335">
        <v>0</v>
      </c>
      <c r="JF33" s="336">
        <v>0</v>
      </c>
      <c r="JG33" s="334">
        <v>0</v>
      </c>
      <c r="JH33" s="331">
        <v>0</v>
      </c>
      <c r="JI33" s="332">
        <v>0</v>
      </c>
      <c r="JJ33" s="337">
        <v>0</v>
      </c>
      <c r="JK33" s="331">
        <v>819443</v>
      </c>
      <c r="JL33" s="331">
        <v>477690</v>
      </c>
      <c r="JM33" s="331">
        <v>341067</v>
      </c>
      <c r="JN33" s="331">
        <v>168046</v>
      </c>
      <c r="JO33" s="331">
        <v>53839</v>
      </c>
      <c r="JP33" s="335">
        <v>1860085</v>
      </c>
      <c r="JQ33" s="333">
        <v>1860085</v>
      </c>
      <c r="JR33" s="334">
        <v>0</v>
      </c>
      <c r="JS33" s="331">
        <v>0</v>
      </c>
      <c r="JT33" s="332">
        <v>0</v>
      </c>
      <c r="JU33" s="337">
        <v>0</v>
      </c>
      <c r="JV33" s="331">
        <v>429611</v>
      </c>
      <c r="JW33" s="331">
        <v>204478</v>
      </c>
      <c r="JX33" s="331">
        <v>223461</v>
      </c>
      <c r="JY33" s="331">
        <v>339154</v>
      </c>
      <c r="JZ33" s="331">
        <v>0</v>
      </c>
      <c r="KA33" s="335">
        <v>1196704</v>
      </c>
      <c r="KB33" s="333">
        <v>1196704</v>
      </c>
      <c r="KC33" s="338">
        <v>0</v>
      </c>
      <c r="KD33" s="339">
        <v>0</v>
      </c>
      <c r="KE33" s="335">
        <v>0</v>
      </c>
      <c r="KF33" s="337">
        <v>0</v>
      </c>
      <c r="KG33" s="331">
        <v>0</v>
      </c>
      <c r="KH33" s="331">
        <v>0</v>
      </c>
      <c r="KI33" s="331">
        <v>0</v>
      </c>
      <c r="KJ33" s="331">
        <v>0</v>
      </c>
      <c r="KK33" s="331">
        <v>0</v>
      </c>
      <c r="KL33" s="335">
        <v>0</v>
      </c>
      <c r="KM33" s="340">
        <v>0</v>
      </c>
      <c r="KN33" s="328">
        <v>0</v>
      </c>
      <c r="KO33" s="329">
        <v>0</v>
      </c>
      <c r="KP33" s="330">
        <v>0</v>
      </c>
      <c r="KQ33" s="399">
        <v>0</v>
      </c>
      <c r="KR33" s="331">
        <v>534078</v>
      </c>
      <c r="KS33" s="331">
        <v>921089</v>
      </c>
      <c r="KT33" s="331">
        <v>1150574</v>
      </c>
      <c r="KU33" s="331">
        <v>613557</v>
      </c>
      <c r="KV33" s="331">
        <v>1151413</v>
      </c>
      <c r="KW33" s="335">
        <v>4370711</v>
      </c>
      <c r="KX33" s="333">
        <v>4370711</v>
      </c>
      <c r="KY33" s="334">
        <v>0</v>
      </c>
      <c r="KZ33" s="331">
        <v>0</v>
      </c>
      <c r="LA33" s="335">
        <v>0</v>
      </c>
      <c r="LB33" s="399">
        <v>0</v>
      </c>
      <c r="LC33" s="331">
        <v>0</v>
      </c>
      <c r="LD33" s="331">
        <v>0</v>
      </c>
      <c r="LE33" s="331">
        <v>0</v>
      </c>
      <c r="LF33" s="331">
        <v>0</v>
      </c>
      <c r="LG33" s="331">
        <v>0</v>
      </c>
      <c r="LH33" s="335">
        <v>0</v>
      </c>
      <c r="LI33" s="336">
        <v>0</v>
      </c>
      <c r="LJ33" s="334">
        <v>0</v>
      </c>
      <c r="LK33" s="331">
        <v>0</v>
      </c>
      <c r="LL33" s="335">
        <v>0</v>
      </c>
      <c r="LM33" s="399">
        <v>0</v>
      </c>
      <c r="LN33" s="331">
        <v>0</v>
      </c>
      <c r="LO33" s="331">
        <v>0</v>
      </c>
      <c r="LP33" s="331">
        <v>0</v>
      </c>
      <c r="LQ33" s="331">
        <v>340407</v>
      </c>
      <c r="LR33" s="331">
        <v>0</v>
      </c>
      <c r="LS33" s="335">
        <v>340407</v>
      </c>
      <c r="LT33" s="333">
        <v>340407</v>
      </c>
      <c r="LU33" s="334">
        <v>0</v>
      </c>
      <c r="LV33" s="331">
        <v>0</v>
      </c>
      <c r="LW33" s="335">
        <v>0</v>
      </c>
      <c r="LX33" s="399">
        <v>0</v>
      </c>
      <c r="LY33" s="331">
        <v>0</v>
      </c>
      <c r="LZ33" s="331">
        <v>0</v>
      </c>
      <c r="MA33" s="331">
        <v>0</v>
      </c>
      <c r="MB33" s="331">
        <v>0</v>
      </c>
      <c r="MC33" s="331">
        <v>0</v>
      </c>
      <c r="MD33" s="335">
        <v>0</v>
      </c>
      <c r="ME33" s="336">
        <v>0</v>
      </c>
      <c r="MF33" s="334">
        <v>0</v>
      </c>
      <c r="MG33" s="331">
        <v>0</v>
      </c>
      <c r="MH33" s="335">
        <v>0</v>
      </c>
      <c r="MI33" s="399">
        <v>0</v>
      </c>
      <c r="MJ33" s="331">
        <v>800211</v>
      </c>
      <c r="MK33" s="331">
        <v>2015366</v>
      </c>
      <c r="ML33" s="331">
        <v>5306013</v>
      </c>
      <c r="MM33" s="331">
        <v>9291910</v>
      </c>
      <c r="MN33" s="331">
        <v>6294282</v>
      </c>
      <c r="MO33" s="335">
        <v>23707782</v>
      </c>
      <c r="MP33" s="340">
        <v>23707782</v>
      </c>
      <c r="MQ33" s="334">
        <v>0</v>
      </c>
      <c r="MR33" s="331">
        <v>0</v>
      </c>
      <c r="MS33" s="335">
        <v>0</v>
      </c>
      <c r="MT33" s="399">
        <v>0</v>
      </c>
      <c r="MU33" s="331">
        <v>0</v>
      </c>
      <c r="MV33" s="331">
        <v>0</v>
      </c>
      <c r="MW33" s="331">
        <v>3054498</v>
      </c>
      <c r="MX33" s="331">
        <v>6043015</v>
      </c>
      <c r="MY33" s="331">
        <v>5305885</v>
      </c>
      <c r="MZ33" s="335">
        <v>14403398</v>
      </c>
      <c r="NA33" s="340">
        <v>14403398</v>
      </c>
      <c r="NB33" s="334">
        <v>0</v>
      </c>
      <c r="NC33" s="331">
        <v>0</v>
      </c>
      <c r="ND33" s="335">
        <v>0</v>
      </c>
      <c r="NE33" s="399">
        <v>0</v>
      </c>
      <c r="NF33" s="331">
        <v>800211</v>
      </c>
      <c r="NG33" s="331">
        <v>2015366</v>
      </c>
      <c r="NH33" s="331">
        <v>2251515</v>
      </c>
      <c r="NI33" s="331">
        <v>2821152</v>
      </c>
      <c r="NJ33" s="331">
        <v>988397</v>
      </c>
      <c r="NK33" s="335">
        <v>8876641</v>
      </c>
      <c r="NL33" s="333">
        <v>8876641</v>
      </c>
      <c r="NM33" s="334">
        <v>0</v>
      </c>
      <c r="NN33" s="331">
        <v>0</v>
      </c>
      <c r="NO33" s="335">
        <v>0</v>
      </c>
      <c r="NP33" s="399">
        <v>0</v>
      </c>
      <c r="NQ33" s="331">
        <v>0</v>
      </c>
      <c r="NR33" s="331">
        <v>0</v>
      </c>
      <c r="NS33" s="331">
        <v>0</v>
      </c>
      <c r="NT33" s="331">
        <v>0</v>
      </c>
      <c r="NU33" s="331">
        <v>0</v>
      </c>
      <c r="NV33" s="335">
        <v>0</v>
      </c>
      <c r="NW33" s="336">
        <v>0</v>
      </c>
      <c r="NX33" s="334">
        <v>0</v>
      </c>
      <c r="NY33" s="331">
        <v>0</v>
      </c>
      <c r="NZ33" s="335">
        <v>0</v>
      </c>
      <c r="OA33" s="399">
        <v>0</v>
      </c>
      <c r="OB33" s="331">
        <v>0</v>
      </c>
      <c r="OC33" s="331">
        <v>0</v>
      </c>
      <c r="OD33" s="331">
        <v>0</v>
      </c>
      <c r="OE33" s="331">
        <v>427743</v>
      </c>
      <c r="OF33" s="331">
        <v>0</v>
      </c>
      <c r="OG33" s="335">
        <v>427743</v>
      </c>
      <c r="OH33" s="336">
        <v>427743</v>
      </c>
      <c r="OI33" s="334">
        <v>152203</v>
      </c>
      <c r="OJ33" s="331">
        <v>654844</v>
      </c>
      <c r="OK33" s="332">
        <v>807047</v>
      </c>
      <c r="OL33" s="337">
        <v>0</v>
      </c>
      <c r="OM33" s="331">
        <v>8856884</v>
      </c>
      <c r="ON33" s="331">
        <v>13507226</v>
      </c>
      <c r="OO33" s="331">
        <v>14101223</v>
      </c>
      <c r="OP33" s="331">
        <v>16281215</v>
      </c>
      <c r="OQ33" s="331">
        <v>13053772</v>
      </c>
      <c r="OR33" s="335">
        <v>65800320</v>
      </c>
      <c r="OS33" s="340">
        <v>66607367</v>
      </c>
    </row>
    <row r="34" spans="2:409" s="56" customFormat="1" ht="21" customHeight="1" x14ac:dyDescent="0.2">
      <c r="B34" s="396" t="s">
        <v>29</v>
      </c>
      <c r="C34" s="312">
        <v>630715</v>
      </c>
      <c r="D34" s="313">
        <v>992721</v>
      </c>
      <c r="E34" s="314">
        <v>1623436</v>
      </c>
      <c r="F34" s="315">
        <v>0</v>
      </c>
      <c r="G34" s="313">
        <v>8005774</v>
      </c>
      <c r="H34" s="313">
        <v>11920383</v>
      </c>
      <c r="I34" s="313">
        <v>9629667</v>
      </c>
      <c r="J34" s="313">
        <v>10761808</v>
      </c>
      <c r="K34" s="313">
        <v>8280931</v>
      </c>
      <c r="L34" s="353">
        <v>48598563</v>
      </c>
      <c r="M34" s="316">
        <v>50221999</v>
      </c>
      <c r="N34" s="312">
        <v>79365</v>
      </c>
      <c r="O34" s="313">
        <v>182638</v>
      </c>
      <c r="P34" s="314">
        <v>262003</v>
      </c>
      <c r="Q34" s="312">
        <v>0</v>
      </c>
      <c r="R34" s="313">
        <v>1996293</v>
      </c>
      <c r="S34" s="313">
        <v>3585005</v>
      </c>
      <c r="T34" s="313">
        <v>2491016</v>
      </c>
      <c r="U34" s="313">
        <v>3388659</v>
      </c>
      <c r="V34" s="313">
        <v>4106039</v>
      </c>
      <c r="W34" s="314">
        <v>15567012</v>
      </c>
      <c r="X34" s="316">
        <v>15829015</v>
      </c>
      <c r="Y34" s="312">
        <v>0</v>
      </c>
      <c r="Z34" s="313">
        <v>0</v>
      </c>
      <c r="AA34" s="314">
        <v>0</v>
      </c>
      <c r="AB34" s="312">
        <v>0</v>
      </c>
      <c r="AC34" s="313">
        <v>786829</v>
      </c>
      <c r="AD34" s="313">
        <v>1858105</v>
      </c>
      <c r="AE34" s="313">
        <v>1519009</v>
      </c>
      <c r="AF34" s="313">
        <v>2250417</v>
      </c>
      <c r="AG34" s="313">
        <v>2378810</v>
      </c>
      <c r="AH34" s="314">
        <v>8793170</v>
      </c>
      <c r="AI34" s="316">
        <v>8793170</v>
      </c>
      <c r="AJ34" s="312">
        <v>0</v>
      </c>
      <c r="AK34" s="313">
        <v>0</v>
      </c>
      <c r="AL34" s="314">
        <v>0</v>
      </c>
      <c r="AM34" s="312">
        <v>0</v>
      </c>
      <c r="AN34" s="313">
        <v>0</v>
      </c>
      <c r="AO34" s="313">
        <v>90132</v>
      </c>
      <c r="AP34" s="313">
        <v>68227</v>
      </c>
      <c r="AQ34" s="313">
        <v>171124</v>
      </c>
      <c r="AR34" s="313">
        <v>695910</v>
      </c>
      <c r="AS34" s="314">
        <v>1025393</v>
      </c>
      <c r="AT34" s="316">
        <v>1025393</v>
      </c>
      <c r="AU34" s="312">
        <v>27433</v>
      </c>
      <c r="AV34" s="313">
        <v>146108</v>
      </c>
      <c r="AW34" s="314">
        <v>173541</v>
      </c>
      <c r="AX34" s="312">
        <v>0</v>
      </c>
      <c r="AY34" s="313">
        <v>786075</v>
      </c>
      <c r="AZ34" s="313">
        <v>1161823</v>
      </c>
      <c r="BA34" s="313">
        <v>600186</v>
      </c>
      <c r="BB34" s="313">
        <v>467599</v>
      </c>
      <c r="BC34" s="313">
        <v>767393</v>
      </c>
      <c r="BD34" s="314">
        <v>3783076</v>
      </c>
      <c r="BE34" s="316">
        <v>3956617</v>
      </c>
      <c r="BF34" s="312">
        <v>0</v>
      </c>
      <c r="BG34" s="313">
        <v>22571</v>
      </c>
      <c r="BH34" s="317">
        <v>22571</v>
      </c>
      <c r="BI34" s="318">
        <v>0</v>
      </c>
      <c r="BJ34" s="313">
        <v>115033</v>
      </c>
      <c r="BK34" s="313">
        <v>157578</v>
      </c>
      <c r="BL34" s="313">
        <v>48152</v>
      </c>
      <c r="BM34" s="313">
        <v>100459</v>
      </c>
      <c r="BN34" s="313">
        <v>13042</v>
      </c>
      <c r="BO34" s="314">
        <v>434264</v>
      </c>
      <c r="BP34" s="316">
        <v>456835</v>
      </c>
      <c r="BQ34" s="312">
        <v>51932</v>
      </c>
      <c r="BR34" s="313">
        <v>13959</v>
      </c>
      <c r="BS34" s="314">
        <v>65891</v>
      </c>
      <c r="BT34" s="312">
        <v>0</v>
      </c>
      <c r="BU34" s="313">
        <v>308356</v>
      </c>
      <c r="BV34" s="313">
        <v>317367</v>
      </c>
      <c r="BW34" s="313">
        <v>255442</v>
      </c>
      <c r="BX34" s="313">
        <v>399060</v>
      </c>
      <c r="BY34" s="313">
        <v>250884</v>
      </c>
      <c r="BZ34" s="314">
        <v>1531109</v>
      </c>
      <c r="CA34" s="316">
        <v>1597000</v>
      </c>
      <c r="CB34" s="312">
        <v>66091</v>
      </c>
      <c r="CC34" s="313">
        <v>253448</v>
      </c>
      <c r="CD34" s="314">
        <v>319539</v>
      </c>
      <c r="CE34" s="312">
        <v>0</v>
      </c>
      <c r="CF34" s="313">
        <v>2622788</v>
      </c>
      <c r="CG34" s="313">
        <v>4234098</v>
      </c>
      <c r="CH34" s="313">
        <v>3461749</v>
      </c>
      <c r="CI34" s="313">
        <v>1984875</v>
      </c>
      <c r="CJ34" s="313">
        <v>868165</v>
      </c>
      <c r="CK34" s="314">
        <v>13171675</v>
      </c>
      <c r="CL34" s="316">
        <v>13491214</v>
      </c>
      <c r="CM34" s="312">
        <v>0</v>
      </c>
      <c r="CN34" s="313">
        <v>0</v>
      </c>
      <c r="CO34" s="314">
        <v>0</v>
      </c>
      <c r="CP34" s="318">
        <v>0</v>
      </c>
      <c r="CQ34" s="313">
        <v>1918380</v>
      </c>
      <c r="CR34" s="313">
        <v>3325509</v>
      </c>
      <c r="CS34" s="313">
        <v>2397789</v>
      </c>
      <c r="CT34" s="313">
        <v>1566143</v>
      </c>
      <c r="CU34" s="313">
        <v>717796</v>
      </c>
      <c r="CV34" s="314">
        <v>9925617</v>
      </c>
      <c r="CW34" s="316">
        <v>9925617</v>
      </c>
      <c r="CX34" s="312">
        <v>66091</v>
      </c>
      <c r="CY34" s="313">
        <v>253448</v>
      </c>
      <c r="CZ34" s="314">
        <v>319539</v>
      </c>
      <c r="DA34" s="312">
        <v>0</v>
      </c>
      <c r="DB34" s="313">
        <v>704408</v>
      </c>
      <c r="DC34" s="313">
        <v>908589</v>
      </c>
      <c r="DD34" s="313">
        <v>1063960</v>
      </c>
      <c r="DE34" s="313">
        <v>418732</v>
      </c>
      <c r="DF34" s="313">
        <v>150369</v>
      </c>
      <c r="DG34" s="314">
        <v>3246058</v>
      </c>
      <c r="DH34" s="316">
        <v>3565597</v>
      </c>
      <c r="DI34" s="312">
        <v>0</v>
      </c>
      <c r="DJ34" s="313">
        <v>0</v>
      </c>
      <c r="DK34" s="317">
        <v>0</v>
      </c>
      <c r="DL34" s="318">
        <v>0</v>
      </c>
      <c r="DM34" s="313">
        <v>175971</v>
      </c>
      <c r="DN34" s="313">
        <v>517032</v>
      </c>
      <c r="DO34" s="313">
        <v>733844</v>
      </c>
      <c r="DP34" s="313">
        <v>1111894</v>
      </c>
      <c r="DQ34" s="313">
        <v>1231637</v>
      </c>
      <c r="DR34" s="314">
        <v>3770378</v>
      </c>
      <c r="DS34" s="316">
        <v>3770378</v>
      </c>
      <c r="DT34" s="312">
        <v>0</v>
      </c>
      <c r="DU34" s="313">
        <v>0</v>
      </c>
      <c r="DV34" s="314">
        <v>0</v>
      </c>
      <c r="DW34" s="312">
        <v>0</v>
      </c>
      <c r="DX34" s="313">
        <v>63551</v>
      </c>
      <c r="DY34" s="313">
        <v>449367</v>
      </c>
      <c r="DZ34" s="313">
        <v>733844</v>
      </c>
      <c r="EA34" s="313">
        <v>436752</v>
      </c>
      <c r="EB34" s="313">
        <v>1231637</v>
      </c>
      <c r="EC34" s="314">
        <v>2915151</v>
      </c>
      <c r="ED34" s="316">
        <v>2915151</v>
      </c>
      <c r="EE34" s="312">
        <v>0</v>
      </c>
      <c r="EF34" s="317">
        <v>0</v>
      </c>
      <c r="EG34" s="314">
        <v>0</v>
      </c>
      <c r="EH34" s="312">
        <v>0</v>
      </c>
      <c r="EI34" s="313">
        <v>112420</v>
      </c>
      <c r="EJ34" s="313">
        <v>67665</v>
      </c>
      <c r="EK34" s="313">
        <v>0</v>
      </c>
      <c r="EL34" s="313">
        <v>675142</v>
      </c>
      <c r="EM34" s="313">
        <v>0</v>
      </c>
      <c r="EN34" s="317">
        <v>855227</v>
      </c>
      <c r="EO34" s="316">
        <v>855227</v>
      </c>
      <c r="EP34" s="312">
        <v>0</v>
      </c>
      <c r="EQ34" s="313">
        <v>0</v>
      </c>
      <c r="ER34" s="317">
        <v>0</v>
      </c>
      <c r="ES34" s="318">
        <v>0</v>
      </c>
      <c r="ET34" s="313">
        <v>0</v>
      </c>
      <c r="EU34" s="313">
        <v>0</v>
      </c>
      <c r="EV34" s="313">
        <v>0</v>
      </c>
      <c r="EW34" s="313">
        <v>0</v>
      </c>
      <c r="EX34" s="313">
        <v>0</v>
      </c>
      <c r="EY34" s="314">
        <v>0</v>
      </c>
      <c r="EZ34" s="316">
        <v>0</v>
      </c>
      <c r="FA34" s="312">
        <v>0</v>
      </c>
      <c r="FB34" s="313">
        <v>0</v>
      </c>
      <c r="FC34" s="317">
        <v>0</v>
      </c>
      <c r="FD34" s="318">
        <v>0</v>
      </c>
      <c r="FE34" s="313">
        <v>0</v>
      </c>
      <c r="FF34" s="313">
        <v>0</v>
      </c>
      <c r="FG34" s="313">
        <v>0</v>
      </c>
      <c r="FH34" s="313">
        <v>0</v>
      </c>
      <c r="FI34" s="313">
        <v>0</v>
      </c>
      <c r="FJ34" s="314">
        <v>0</v>
      </c>
      <c r="FK34" s="316">
        <v>0</v>
      </c>
      <c r="FL34" s="312">
        <v>182250</v>
      </c>
      <c r="FM34" s="313">
        <v>366044</v>
      </c>
      <c r="FN34" s="314">
        <v>548294</v>
      </c>
      <c r="FO34" s="312">
        <v>0</v>
      </c>
      <c r="FP34" s="313">
        <v>563547</v>
      </c>
      <c r="FQ34" s="313">
        <v>1221771</v>
      </c>
      <c r="FR34" s="313">
        <v>999573</v>
      </c>
      <c r="FS34" s="313">
        <v>1083342</v>
      </c>
      <c r="FT34" s="313">
        <v>669447</v>
      </c>
      <c r="FU34" s="314">
        <v>4537680</v>
      </c>
      <c r="FV34" s="316">
        <v>5085974</v>
      </c>
      <c r="FW34" s="319">
        <v>182250</v>
      </c>
      <c r="FX34" s="313">
        <v>227084</v>
      </c>
      <c r="FY34" s="317">
        <v>409334</v>
      </c>
      <c r="FZ34" s="318">
        <v>0</v>
      </c>
      <c r="GA34" s="313">
        <v>454647</v>
      </c>
      <c r="GB34" s="313">
        <v>1196823</v>
      </c>
      <c r="GC34" s="313">
        <v>830067</v>
      </c>
      <c r="GD34" s="313">
        <v>975374</v>
      </c>
      <c r="GE34" s="313">
        <v>552726</v>
      </c>
      <c r="GF34" s="314">
        <v>4009637</v>
      </c>
      <c r="GG34" s="320">
        <v>4418971</v>
      </c>
      <c r="GH34" s="319">
        <v>0</v>
      </c>
      <c r="GI34" s="313">
        <v>73260</v>
      </c>
      <c r="GJ34" s="317">
        <v>73260</v>
      </c>
      <c r="GK34" s="318">
        <v>0</v>
      </c>
      <c r="GL34" s="313">
        <v>37620</v>
      </c>
      <c r="GM34" s="313">
        <v>24948</v>
      </c>
      <c r="GN34" s="313">
        <v>0</v>
      </c>
      <c r="GO34" s="313">
        <v>90000</v>
      </c>
      <c r="GP34" s="313">
        <v>116721</v>
      </c>
      <c r="GQ34" s="314">
        <v>269289</v>
      </c>
      <c r="GR34" s="316">
        <v>342549</v>
      </c>
      <c r="GS34" s="312">
        <v>0</v>
      </c>
      <c r="GT34" s="313">
        <v>65700</v>
      </c>
      <c r="GU34" s="314">
        <v>65700</v>
      </c>
      <c r="GV34" s="312">
        <v>0</v>
      </c>
      <c r="GW34" s="313">
        <v>71280</v>
      </c>
      <c r="GX34" s="313">
        <v>0</v>
      </c>
      <c r="GY34" s="313">
        <v>169506</v>
      </c>
      <c r="GZ34" s="313">
        <v>17968</v>
      </c>
      <c r="HA34" s="313">
        <v>0</v>
      </c>
      <c r="HB34" s="317">
        <v>258754</v>
      </c>
      <c r="HC34" s="316">
        <v>324454</v>
      </c>
      <c r="HD34" s="312">
        <v>152729</v>
      </c>
      <c r="HE34" s="313">
        <v>0</v>
      </c>
      <c r="HF34" s="317">
        <v>152729</v>
      </c>
      <c r="HG34" s="318">
        <v>0</v>
      </c>
      <c r="HH34" s="313">
        <v>1362807</v>
      </c>
      <c r="HI34" s="313">
        <v>805929</v>
      </c>
      <c r="HJ34" s="313">
        <v>848486</v>
      </c>
      <c r="HK34" s="313">
        <v>2418950</v>
      </c>
      <c r="HL34" s="313">
        <v>974174</v>
      </c>
      <c r="HM34" s="314">
        <v>6410346</v>
      </c>
      <c r="HN34" s="315">
        <v>6563075</v>
      </c>
      <c r="HO34" s="319">
        <v>150280</v>
      </c>
      <c r="HP34" s="313">
        <v>190591</v>
      </c>
      <c r="HQ34" s="314">
        <v>340871</v>
      </c>
      <c r="HR34" s="312">
        <v>0</v>
      </c>
      <c r="HS34" s="313">
        <v>1284368</v>
      </c>
      <c r="HT34" s="313">
        <v>1556548</v>
      </c>
      <c r="HU34" s="313">
        <v>1094999</v>
      </c>
      <c r="HV34" s="313">
        <v>774088</v>
      </c>
      <c r="HW34" s="313">
        <v>431469</v>
      </c>
      <c r="HX34" s="317">
        <v>5141472</v>
      </c>
      <c r="HY34" s="316">
        <v>5482343</v>
      </c>
      <c r="HZ34" s="344">
        <v>55116</v>
      </c>
      <c r="IA34" s="342">
        <v>0</v>
      </c>
      <c r="IB34" s="344">
        <v>55116</v>
      </c>
      <c r="IC34" s="341">
        <v>0</v>
      </c>
      <c r="ID34" s="342">
        <v>2843055</v>
      </c>
      <c r="IE34" s="343">
        <v>4422744</v>
      </c>
      <c r="IF34" s="344">
        <v>8190311</v>
      </c>
      <c r="IG34" s="342">
        <v>5821454</v>
      </c>
      <c r="IH34" s="344">
        <v>2714238</v>
      </c>
      <c r="II34" s="345">
        <v>23991802</v>
      </c>
      <c r="IJ34" s="344">
        <v>24046918</v>
      </c>
      <c r="IK34" s="328">
        <v>0</v>
      </c>
      <c r="IL34" s="329">
        <v>0</v>
      </c>
      <c r="IM34" s="330">
        <v>0</v>
      </c>
      <c r="IN34" s="390">
        <v>0</v>
      </c>
      <c r="IO34" s="331">
        <v>112890</v>
      </c>
      <c r="IP34" s="331">
        <v>0</v>
      </c>
      <c r="IQ34" s="331">
        <v>141952</v>
      </c>
      <c r="IR34" s="331">
        <v>0</v>
      </c>
      <c r="IS34" s="331">
        <v>0</v>
      </c>
      <c r="IT34" s="332">
        <v>254842</v>
      </c>
      <c r="IU34" s="333">
        <v>254842</v>
      </c>
      <c r="IV34" s="334">
        <v>0</v>
      </c>
      <c r="IW34" s="331">
        <v>0</v>
      </c>
      <c r="IX34" s="335">
        <v>0</v>
      </c>
      <c r="IY34" s="399">
        <v>0</v>
      </c>
      <c r="IZ34" s="331">
        <v>0</v>
      </c>
      <c r="JA34" s="331">
        <v>0</v>
      </c>
      <c r="JB34" s="331">
        <v>0</v>
      </c>
      <c r="JC34" s="331">
        <v>0</v>
      </c>
      <c r="JD34" s="331">
        <v>0</v>
      </c>
      <c r="JE34" s="335">
        <v>0</v>
      </c>
      <c r="JF34" s="336">
        <v>0</v>
      </c>
      <c r="JG34" s="334">
        <v>0</v>
      </c>
      <c r="JH34" s="331">
        <v>0</v>
      </c>
      <c r="JI34" s="332">
        <v>0</v>
      </c>
      <c r="JJ34" s="337">
        <v>0</v>
      </c>
      <c r="JK34" s="331">
        <v>651351</v>
      </c>
      <c r="JL34" s="331">
        <v>1010701</v>
      </c>
      <c r="JM34" s="331">
        <v>806001</v>
      </c>
      <c r="JN34" s="331">
        <v>229905</v>
      </c>
      <c r="JO34" s="331">
        <v>175878</v>
      </c>
      <c r="JP34" s="335">
        <v>2873836</v>
      </c>
      <c r="JQ34" s="333">
        <v>2873836</v>
      </c>
      <c r="JR34" s="334">
        <v>0</v>
      </c>
      <c r="JS34" s="331">
        <v>0</v>
      </c>
      <c r="JT34" s="332">
        <v>0</v>
      </c>
      <c r="JU34" s="337">
        <v>0</v>
      </c>
      <c r="JV34" s="331">
        <v>211386</v>
      </c>
      <c r="JW34" s="331">
        <v>201877</v>
      </c>
      <c r="JX34" s="331">
        <v>0</v>
      </c>
      <c r="JY34" s="331">
        <v>0</v>
      </c>
      <c r="JZ34" s="331">
        <v>0</v>
      </c>
      <c r="KA34" s="335">
        <v>413263</v>
      </c>
      <c r="KB34" s="333">
        <v>413263</v>
      </c>
      <c r="KC34" s="338">
        <v>55116</v>
      </c>
      <c r="KD34" s="339">
        <v>0</v>
      </c>
      <c r="KE34" s="335">
        <v>55116</v>
      </c>
      <c r="KF34" s="337">
        <v>0</v>
      </c>
      <c r="KG34" s="331">
        <v>302328</v>
      </c>
      <c r="KH34" s="331">
        <v>912493</v>
      </c>
      <c r="KI34" s="331">
        <v>1948590</v>
      </c>
      <c r="KJ34" s="331">
        <v>2669076</v>
      </c>
      <c r="KK34" s="331">
        <v>649809</v>
      </c>
      <c r="KL34" s="335">
        <v>6482296</v>
      </c>
      <c r="KM34" s="340">
        <v>6537412</v>
      </c>
      <c r="KN34" s="328">
        <v>0</v>
      </c>
      <c r="KO34" s="329">
        <v>0</v>
      </c>
      <c r="KP34" s="330">
        <v>0</v>
      </c>
      <c r="KQ34" s="399">
        <v>0</v>
      </c>
      <c r="KR34" s="331">
        <v>1565100</v>
      </c>
      <c r="KS34" s="331">
        <v>2297673</v>
      </c>
      <c r="KT34" s="331">
        <v>2147778</v>
      </c>
      <c r="KU34" s="331">
        <v>838035</v>
      </c>
      <c r="KV34" s="331">
        <v>319869</v>
      </c>
      <c r="KW34" s="335">
        <v>7168455</v>
      </c>
      <c r="KX34" s="333">
        <v>7168455</v>
      </c>
      <c r="KY34" s="334">
        <v>0</v>
      </c>
      <c r="KZ34" s="331">
        <v>0</v>
      </c>
      <c r="LA34" s="335">
        <v>0</v>
      </c>
      <c r="LB34" s="399">
        <v>0</v>
      </c>
      <c r="LC34" s="331">
        <v>0</v>
      </c>
      <c r="LD34" s="331">
        <v>0</v>
      </c>
      <c r="LE34" s="331">
        <v>0</v>
      </c>
      <c r="LF34" s="331">
        <v>0</v>
      </c>
      <c r="LG34" s="331">
        <v>0</v>
      </c>
      <c r="LH34" s="335">
        <v>0</v>
      </c>
      <c r="LI34" s="336">
        <v>0</v>
      </c>
      <c r="LJ34" s="334">
        <v>0</v>
      </c>
      <c r="LK34" s="331">
        <v>0</v>
      </c>
      <c r="LL34" s="335">
        <v>0</v>
      </c>
      <c r="LM34" s="399">
        <v>0</v>
      </c>
      <c r="LN34" s="331">
        <v>0</v>
      </c>
      <c r="LO34" s="331">
        <v>0</v>
      </c>
      <c r="LP34" s="331">
        <v>3145990</v>
      </c>
      <c r="LQ34" s="331">
        <v>2084438</v>
      </c>
      <c r="LR34" s="331">
        <v>1568682</v>
      </c>
      <c r="LS34" s="335">
        <v>6799110</v>
      </c>
      <c r="LT34" s="333">
        <v>6799110</v>
      </c>
      <c r="LU34" s="334">
        <v>0</v>
      </c>
      <c r="LV34" s="331">
        <v>0</v>
      </c>
      <c r="LW34" s="335">
        <v>0</v>
      </c>
      <c r="LX34" s="399">
        <v>0</v>
      </c>
      <c r="LY34" s="331">
        <v>0</v>
      </c>
      <c r="LZ34" s="331">
        <v>0</v>
      </c>
      <c r="MA34" s="331">
        <v>0</v>
      </c>
      <c r="MB34" s="331">
        <v>0</v>
      </c>
      <c r="MC34" s="331">
        <v>0</v>
      </c>
      <c r="MD34" s="335">
        <v>0</v>
      </c>
      <c r="ME34" s="336">
        <v>0</v>
      </c>
      <c r="MF34" s="334">
        <v>0</v>
      </c>
      <c r="MG34" s="331">
        <v>0</v>
      </c>
      <c r="MH34" s="335">
        <v>0</v>
      </c>
      <c r="MI34" s="399">
        <v>0</v>
      </c>
      <c r="MJ34" s="331">
        <v>1065987</v>
      </c>
      <c r="MK34" s="331">
        <v>2213967</v>
      </c>
      <c r="ML34" s="331">
        <v>5401395</v>
      </c>
      <c r="MM34" s="331">
        <v>9860286</v>
      </c>
      <c r="MN34" s="331">
        <v>8161407</v>
      </c>
      <c r="MO34" s="335">
        <v>26703042</v>
      </c>
      <c r="MP34" s="340">
        <v>26703042</v>
      </c>
      <c r="MQ34" s="334">
        <v>0</v>
      </c>
      <c r="MR34" s="331">
        <v>0</v>
      </c>
      <c r="MS34" s="335">
        <v>0</v>
      </c>
      <c r="MT34" s="399">
        <v>0</v>
      </c>
      <c r="MU34" s="331">
        <v>0</v>
      </c>
      <c r="MV34" s="331">
        <v>439504</v>
      </c>
      <c r="MW34" s="331">
        <v>1539703</v>
      </c>
      <c r="MX34" s="331">
        <v>6107771</v>
      </c>
      <c r="MY34" s="331">
        <v>5201116</v>
      </c>
      <c r="MZ34" s="335">
        <v>13288094</v>
      </c>
      <c r="NA34" s="340">
        <v>13288094</v>
      </c>
      <c r="NB34" s="334">
        <v>0</v>
      </c>
      <c r="NC34" s="331">
        <v>0</v>
      </c>
      <c r="ND34" s="335">
        <v>0</v>
      </c>
      <c r="NE34" s="399">
        <v>0</v>
      </c>
      <c r="NF34" s="331">
        <v>1065987</v>
      </c>
      <c r="NG34" s="331">
        <v>1774463</v>
      </c>
      <c r="NH34" s="331">
        <v>3861692</v>
      </c>
      <c r="NI34" s="331">
        <v>3752515</v>
      </c>
      <c r="NJ34" s="331">
        <v>2960291</v>
      </c>
      <c r="NK34" s="335">
        <v>13414948</v>
      </c>
      <c r="NL34" s="333">
        <v>13414948</v>
      </c>
      <c r="NM34" s="334">
        <v>0</v>
      </c>
      <c r="NN34" s="331">
        <v>0</v>
      </c>
      <c r="NO34" s="335">
        <v>0</v>
      </c>
      <c r="NP34" s="399">
        <v>0</v>
      </c>
      <c r="NQ34" s="331">
        <v>0</v>
      </c>
      <c r="NR34" s="331">
        <v>0</v>
      </c>
      <c r="NS34" s="331">
        <v>0</v>
      </c>
      <c r="NT34" s="331">
        <v>0</v>
      </c>
      <c r="NU34" s="331">
        <v>0</v>
      </c>
      <c r="NV34" s="335">
        <v>0</v>
      </c>
      <c r="NW34" s="336">
        <v>0</v>
      </c>
      <c r="NX34" s="334">
        <v>0</v>
      </c>
      <c r="NY34" s="331">
        <v>0</v>
      </c>
      <c r="NZ34" s="335">
        <v>0</v>
      </c>
      <c r="OA34" s="399">
        <v>0</v>
      </c>
      <c r="OB34" s="331">
        <v>0</v>
      </c>
      <c r="OC34" s="331">
        <v>0</v>
      </c>
      <c r="OD34" s="331">
        <v>0</v>
      </c>
      <c r="OE34" s="331">
        <v>0</v>
      </c>
      <c r="OF34" s="331">
        <v>0</v>
      </c>
      <c r="OG34" s="335">
        <v>0</v>
      </c>
      <c r="OH34" s="336">
        <v>0</v>
      </c>
      <c r="OI34" s="334">
        <v>685831</v>
      </c>
      <c r="OJ34" s="331">
        <v>992721</v>
      </c>
      <c r="OK34" s="332">
        <v>1678552</v>
      </c>
      <c r="OL34" s="337">
        <v>0</v>
      </c>
      <c r="OM34" s="331">
        <v>11914816</v>
      </c>
      <c r="ON34" s="331">
        <v>18557094</v>
      </c>
      <c r="OO34" s="331">
        <v>23221373</v>
      </c>
      <c r="OP34" s="331">
        <v>26443548</v>
      </c>
      <c r="OQ34" s="331">
        <v>19156576</v>
      </c>
      <c r="OR34" s="335">
        <v>99293407</v>
      </c>
      <c r="OS34" s="340">
        <v>100971959</v>
      </c>
    </row>
    <row r="35" spans="2:409" s="56" customFormat="1" ht="21" customHeight="1" x14ac:dyDescent="0.2">
      <c r="B35" s="396" t="s">
        <v>30</v>
      </c>
      <c r="C35" s="312">
        <v>798679</v>
      </c>
      <c r="D35" s="313">
        <v>1003900</v>
      </c>
      <c r="E35" s="354">
        <v>1802579</v>
      </c>
      <c r="F35" s="356">
        <v>0</v>
      </c>
      <c r="G35" s="355">
        <v>9646236</v>
      </c>
      <c r="H35" s="355">
        <v>9172465</v>
      </c>
      <c r="I35" s="355">
        <v>9465773</v>
      </c>
      <c r="J35" s="355">
        <v>7495794</v>
      </c>
      <c r="K35" s="355">
        <v>3579828</v>
      </c>
      <c r="L35" s="356">
        <v>39360096</v>
      </c>
      <c r="M35" s="316">
        <v>41162675</v>
      </c>
      <c r="N35" s="312">
        <v>141536</v>
      </c>
      <c r="O35" s="313">
        <v>298549</v>
      </c>
      <c r="P35" s="314">
        <v>440085</v>
      </c>
      <c r="Q35" s="312">
        <v>0</v>
      </c>
      <c r="R35" s="313">
        <v>3032612</v>
      </c>
      <c r="S35" s="313">
        <v>2594146</v>
      </c>
      <c r="T35" s="313">
        <v>3836254</v>
      </c>
      <c r="U35" s="313">
        <v>2937902</v>
      </c>
      <c r="V35" s="313">
        <v>1908491</v>
      </c>
      <c r="W35" s="314">
        <v>14309405</v>
      </c>
      <c r="X35" s="316">
        <v>14749490</v>
      </c>
      <c r="Y35" s="312">
        <v>0</v>
      </c>
      <c r="Z35" s="313">
        <v>0</v>
      </c>
      <c r="AA35" s="314">
        <v>0</v>
      </c>
      <c r="AB35" s="312">
        <v>0</v>
      </c>
      <c r="AC35" s="313">
        <v>1369235</v>
      </c>
      <c r="AD35" s="313">
        <v>1165707</v>
      </c>
      <c r="AE35" s="313">
        <v>1757432</v>
      </c>
      <c r="AF35" s="313">
        <v>1654235</v>
      </c>
      <c r="AG35" s="313">
        <v>1476976</v>
      </c>
      <c r="AH35" s="314">
        <v>7423585</v>
      </c>
      <c r="AI35" s="316">
        <v>7423585</v>
      </c>
      <c r="AJ35" s="312">
        <v>0</v>
      </c>
      <c r="AK35" s="313">
        <v>0</v>
      </c>
      <c r="AL35" s="314">
        <v>0</v>
      </c>
      <c r="AM35" s="312">
        <v>0</v>
      </c>
      <c r="AN35" s="313">
        <v>52963</v>
      </c>
      <c r="AO35" s="313">
        <v>198618</v>
      </c>
      <c r="AP35" s="313">
        <v>612774</v>
      </c>
      <c r="AQ35" s="313">
        <v>494845</v>
      </c>
      <c r="AR35" s="313">
        <v>129066</v>
      </c>
      <c r="AS35" s="314">
        <v>1488266</v>
      </c>
      <c r="AT35" s="316">
        <v>1488266</v>
      </c>
      <c r="AU35" s="312">
        <v>111386</v>
      </c>
      <c r="AV35" s="313">
        <v>287263</v>
      </c>
      <c r="AW35" s="314">
        <v>398649</v>
      </c>
      <c r="AX35" s="312">
        <v>0</v>
      </c>
      <c r="AY35" s="313">
        <v>989703</v>
      </c>
      <c r="AZ35" s="313">
        <v>793843</v>
      </c>
      <c r="BA35" s="313">
        <v>995036</v>
      </c>
      <c r="BB35" s="313">
        <v>468682</v>
      </c>
      <c r="BC35" s="313">
        <v>204160</v>
      </c>
      <c r="BD35" s="314">
        <v>3451424</v>
      </c>
      <c r="BE35" s="316">
        <v>3850073</v>
      </c>
      <c r="BF35" s="312">
        <v>16695</v>
      </c>
      <c r="BG35" s="313">
        <v>0</v>
      </c>
      <c r="BH35" s="317">
        <v>16695</v>
      </c>
      <c r="BI35" s="318">
        <v>0</v>
      </c>
      <c r="BJ35" s="313">
        <v>140441</v>
      </c>
      <c r="BK35" s="313">
        <v>100698</v>
      </c>
      <c r="BL35" s="313">
        <v>105331</v>
      </c>
      <c r="BM35" s="313">
        <v>0</v>
      </c>
      <c r="BN35" s="313">
        <v>0</v>
      </c>
      <c r="BO35" s="314">
        <v>346470</v>
      </c>
      <c r="BP35" s="316">
        <v>363165</v>
      </c>
      <c r="BQ35" s="312">
        <v>13455</v>
      </c>
      <c r="BR35" s="313">
        <v>11286</v>
      </c>
      <c r="BS35" s="314">
        <v>24741</v>
      </c>
      <c r="BT35" s="312">
        <v>0</v>
      </c>
      <c r="BU35" s="313">
        <v>480270</v>
      </c>
      <c r="BV35" s="313">
        <v>335280</v>
      </c>
      <c r="BW35" s="313">
        <v>365681</v>
      </c>
      <c r="BX35" s="313">
        <v>320140</v>
      </c>
      <c r="BY35" s="313">
        <v>98289</v>
      </c>
      <c r="BZ35" s="314">
        <v>1599660</v>
      </c>
      <c r="CA35" s="316">
        <v>1624401</v>
      </c>
      <c r="CB35" s="312">
        <v>138234</v>
      </c>
      <c r="CC35" s="313">
        <v>209080</v>
      </c>
      <c r="CD35" s="314">
        <v>347314</v>
      </c>
      <c r="CE35" s="312">
        <v>0</v>
      </c>
      <c r="CF35" s="313">
        <v>2507875</v>
      </c>
      <c r="CG35" s="313">
        <v>2628329</v>
      </c>
      <c r="CH35" s="313">
        <v>1668086</v>
      </c>
      <c r="CI35" s="313">
        <v>1443999</v>
      </c>
      <c r="CJ35" s="313">
        <v>239544</v>
      </c>
      <c r="CK35" s="314">
        <v>8487833</v>
      </c>
      <c r="CL35" s="316">
        <v>8835147</v>
      </c>
      <c r="CM35" s="312">
        <v>0</v>
      </c>
      <c r="CN35" s="313">
        <v>0</v>
      </c>
      <c r="CO35" s="314">
        <v>0</v>
      </c>
      <c r="CP35" s="318">
        <v>0</v>
      </c>
      <c r="CQ35" s="313">
        <v>2061140</v>
      </c>
      <c r="CR35" s="313">
        <v>1897807</v>
      </c>
      <c r="CS35" s="313">
        <v>1307176</v>
      </c>
      <c r="CT35" s="313">
        <v>1096934</v>
      </c>
      <c r="CU35" s="313">
        <v>116489</v>
      </c>
      <c r="CV35" s="314">
        <v>6479546</v>
      </c>
      <c r="CW35" s="316">
        <v>6479546</v>
      </c>
      <c r="CX35" s="312">
        <v>138234</v>
      </c>
      <c r="CY35" s="313">
        <v>209080</v>
      </c>
      <c r="CZ35" s="314">
        <v>347314</v>
      </c>
      <c r="DA35" s="312">
        <v>0</v>
      </c>
      <c r="DB35" s="313">
        <v>446735</v>
      </c>
      <c r="DC35" s="313">
        <v>730522</v>
      </c>
      <c r="DD35" s="313">
        <v>360910</v>
      </c>
      <c r="DE35" s="313">
        <v>347065</v>
      </c>
      <c r="DF35" s="313">
        <v>123055</v>
      </c>
      <c r="DG35" s="314">
        <v>2008287</v>
      </c>
      <c r="DH35" s="316">
        <v>2355601</v>
      </c>
      <c r="DI35" s="312">
        <v>0</v>
      </c>
      <c r="DJ35" s="313">
        <v>151839</v>
      </c>
      <c r="DK35" s="317">
        <v>151839</v>
      </c>
      <c r="DL35" s="318">
        <v>0</v>
      </c>
      <c r="DM35" s="313">
        <v>156161</v>
      </c>
      <c r="DN35" s="313">
        <v>132834</v>
      </c>
      <c r="DO35" s="313">
        <v>1144843</v>
      </c>
      <c r="DP35" s="313">
        <v>974155</v>
      </c>
      <c r="DQ35" s="313">
        <v>489093</v>
      </c>
      <c r="DR35" s="314">
        <v>2897086</v>
      </c>
      <c r="DS35" s="316">
        <v>3048925</v>
      </c>
      <c r="DT35" s="312">
        <v>0</v>
      </c>
      <c r="DU35" s="313">
        <v>151839</v>
      </c>
      <c r="DV35" s="314">
        <v>151839</v>
      </c>
      <c r="DW35" s="312">
        <v>0</v>
      </c>
      <c r="DX35" s="313">
        <v>156161</v>
      </c>
      <c r="DY35" s="313">
        <v>102999</v>
      </c>
      <c r="DZ35" s="313">
        <v>1144843</v>
      </c>
      <c r="EA35" s="313">
        <v>697881</v>
      </c>
      <c r="EB35" s="313">
        <v>409932</v>
      </c>
      <c r="EC35" s="314">
        <v>2511816</v>
      </c>
      <c r="ED35" s="316">
        <v>2663655</v>
      </c>
      <c r="EE35" s="312">
        <v>0</v>
      </c>
      <c r="EF35" s="317">
        <v>0</v>
      </c>
      <c r="EG35" s="314">
        <v>0</v>
      </c>
      <c r="EH35" s="312">
        <v>0</v>
      </c>
      <c r="EI35" s="313">
        <v>0</v>
      </c>
      <c r="EJ35" s="313">
        <v>29835</v>
      </c>
      <c r="EK35" s="313">
        <v>0</v>
      </c>
      <c r="EL35" s="313">
        <v>276274</v>
      </c>
      <c r="EM35" s="313">
        <v>79161</v>
      </c>
      <c r="EN35" s="317">
        <v>385270</v>
      </c>
      <c r="EO35" s="316">
        <v>385270</v>
      </c>
      <c r="EP35" s="312">
        <v>0</v>
      </c>
      <c r="EQ35" s="313">
        <v>0</v>
      </c>
      <c r="ER35" s="317">
        <v>0</v>
      </c>
      <c r="ES35" s="318">
        <v>0</v>
      </c>
      <c r="ET35" s="313">
        <v>0</v>
      </c>
      <c r="EU35" s="313">
        <v>0</v>
      </c>
      <c r="EV35" s="313">
        <v>0</v>
      </c>
      <c r="EW35" s="313">
        <v>0</v>
      </c>
      <c r="EX35" s="313">
        <v>0</v>
      </c>
      <c r="EY35" s="314">
        <v>0</v>
      </c>
      <c r="EZ35" s="316">
        <v>0</v>
      </c>
      <c r="FA35" s="312">
        <v>0</v>
      </c>
      <c r="FB35" s="313">
        <v>0</v>
      </c>
      <c r="FC35" s="317">
        <v>0</v>
      </c>
      <c r="FD35" s="318">
        <v>0</v>
      </c>
      <c r="FE35" s="313">
        <v>0</v>
      </c>
      <c r="FF35" s="313">
        <v>0</v>
      </c>
      <c r="FG35" s="313">
        <v>0</v>
      </c>
      <c r="FH35" s="313">
        <v>0</v>
      </c>
      <c r="FI35" s="313">
        <v>0</v>
      </c>
      <c r="FJ35" s="314">
        <v>0</v>
      </c>
      <c r="FK35" s="316">
        <v>0</v>
      </c>
      <c r="FL35" s="312">
        <v>271598</v>
      </c>
      <c r="FM35" s="313">
        <v>202992</v>
      </c>
      <c r="FN35" s="314">
        <v>474590</v>
      </c>
      <c r="FO35" s="312">
        <v>0</v>
      </c>
      <c r="FP35" s="313">
        <v>516364</v>
      </c>
      <c r="FQ35" s="313">
        <v>1186764</v>
      </c>
      <c r="FR35" s="313">
        <v>1131010</v>
      </c>
      <c r="FS35" s="313">
        <v>558949</v>
      </c>
      <c r="FT35" s="313">
        <v>194402</v>
      </c>
      <c r="FU35" s="314">
        <v>3587489</v>
      </c>
      <c r="FV35" s="316">
        <v>4062079</v>
      </c>
      <c r="FW35" s="319">
        <v>271598</v>
      </c>
      <c r="FX35" s="313">
        <v>202992</v>
      </c>
      <c r="FY35" s="317">
        <v>474590</v>
      </c>
      <c r="FZ35" s="318">
        <v>0</v>
      </c>
      <c r="GA35" s="313">
        <v>516364</v>
      </c>
      <c r="GB35" s="313">
        <v>788874</v>
      </c>
      <c r="GC35" s="313">
        <v>1058740</v>
      </c>
      <c r="GD35" s="313">
        <v>510349</v>
      </c>
      <c r="GE35" s="313">
        <v>194402</v>
      </c>
      <c r="GF35" s="314">
        <v>3068729</v>
      </c>
      <c r="GG35" s="320">
        <v>3543319</v>
      </c>
      <c r="GH35" s="319">
        <v>0</v>
      </c>
      <c r="GI35" s="313">
        <v>0</v>
      </c>
      <c r="GJ35" s="317">
        <v>0</v>
      </c>
      <c r="GK35" s="318">
        <v>0</v>
      </c>
      <c r="GL35" s="313">
        <v>0</v>
      </c>
      <c r="GM35" s="313">
        <v>0</v>
      </c>
      <c r="GN35" s="313">
        <v>0</v>
      </c>
      <c r="GO35" s="313">
        <v>48600</v>
      </c>
      <c r="GP35" s="313">
        <v>0</v>
      </c>
      <c r="GQ35" s="314">
        <v>48600</v>
      </c>
      <c r="GR35" s="316">
        <v>48600</v>
      </c>
      <c r="GS35" s="312">
        <v>0</v>
      </c>
      <c r="GT35" s="313">
        <v>0</v>
      </c>
      <c r="GU35" s="314">
        <v>0</v>
      </c>
      <c r="GV35" s="312">
        <v>0</v>
      </c>
      <c r="GW35" s="313">
        <v>0</v>
      </c>
      <c r="GX35" s="313">
        <v>397890</v>
      </c>
      <c r="GY35" s="313">
        <v>72270</v>
      </c>
      <c r="GZ35" s="313">
        <v>0</v>
      </c>
      <c r="HA35" s="313">
        <v>0</v>
      </c>
      <c r="HB35" s="317">
        <v>470160</v>
      </c>
      <c r="HC35" s="316">
        <v>470160</v>
      </c>
      <c r="HD35" s="312">
        <v>58671</v>
      </c>
      <c r="HE35" s="313">
        <v>0</v>
      </c>
      <c r="HF35" s="317">
        <v>58671</v>
      </c>
      <c r="HG35" s="318">
        <v>0</v>
      </c>
      <c r="HH35" s="313">
        <v>2127849</v>
      </c>
      <c r="HI35" s="313">
        <v>1649854</v>
      </c>
      <c r="HJ35" s="313">
        <v>774032</v>
      </c>
      <c r="HK35" s="313">
        <v>1167968</v>
      </c>
      <c r="HL35" s="313">
        <v>542706</v>
      </c>
      <c r="HM35" s="314">
        <v>6262409</v>
      </c>
      <c r="HN35" s="315">
        <v>6321080</v>
      </c>
      <c r="HO35" s="319">
        <v>188640</v>
      </c>
      <c r="HP35" s="313">
        <v>141440</v>
      </c>
      <c r="HQ35" s="314">
        <v>330080</v>
      </c>
      <c r="HR35" s="312">
        <v>0</v>
      </c>
      <c r="HS35" s="313">
        <v>1305375</v>
      </c>
      <c r="HT35" s="313">
        <v>980538</v>
      </c>
      <c r="HU35" s="313">
        <v>911548</v>
      </c>
      <c r="HV35" s="313">
        <v>412821</v>
      </c>
      <c r="HW35" s="313">
        <v>205592</v>
      </c>
      <c r="HX35" s="317">
        <v>3815874</v>
      </c>
      <c r="HY35" s="316">
        <v>4145954</v>
      </c>
      <c r="HZ35" s="321">
        <v>0</v>
      </c>
      <c r="IA35" s="322">
        <v>0</v>
      </c>
      <c r="IB35" s="323">
        <v>0</v>
      </c>
      <c r="IC35" s="324">
        <v>0</v>
      </c>
      <c r="ID35" s="322">
        <v>2106540</v>
      </c>
      <c r="IE35" s="325">
        <v>2860962</v>
      </c>
      <c r="IF35" s="323">
        <v>2687282</v>
      </c>
      <c r="IG35" s="322">
        <v>1617267</v>
      </c>
      <c r="IH35" s="323">
        <v>648639</v>
      </c>
      <c r="II35" s="326">
        <v>9920690</v>
      </c>
      <c r="IJ35" s="327">
        <v>9920690</v>
      </c>
      <c r="IK35" s="328">
        <v>0</v>
      </c>
      <c r="IL35" s="329">
        <v>0</v>
      </c>
      <c r="IM35" s="330">
        <v>0</v>
      </c>
      <c r="IN35" s="390">
        <v>0</v>
      </c>
      <c r="IO35" s="331">
        <v>0</v>
      </c>
      <c r="IP35" s="331">
        <v>240851</v>
      </c>
      <c r="IQ35" s="331">
        <v>83142</v>
      </c>
      <c r="IR35" s="331">
        <v>0</v>
      </c>
      <c r="IS35" s="331">
        <v>0</v>
      </c>
      <c r="IT35" s="332">
        <v>323993</v>
      </c>
      <c r="IU35" s="333">
        <v>323993</v>
      </c>
      <c r="IV35" s="334">
        <v>0</v>
      </c>
      <c r="IW35" s="331">
        <v>0</v>
      </c>
      <c r="IX35" s="335">
        <v>0</v>
      </c>
      <c r="IY35" s="399">
        <v>0</v>
      </c>
      <c r="IZ35" s="331">
        <v>0</v>
      </c>
      <c r="JA35" s="331">
        <v>0</v>
      </c>
      <c r="JB35" s="331">
        <v>0</v>
      </c>
      <c r="JC35" s="331">
        <v>0</v>
      </c>
      <c r="JD35" s="331">
        <v>0</v>
      </c>
      <c r="JE35" s="335">
        <v>0</v>
      </c>
      <c r="JF35" s="336">
        <v>0</v>
      </c>
      <c r="JG35" s="334">
        <v>0</v>
      </c>
      <c r="JH35" s="331">
        <v>0</v>
      </c>
      <c r="JI35" s="332">
        <v>0</v>
      </c>
      <c r="JJ35" s="337">
        <v>0</v>
      </c>
      <c r="JK35" s="331">
        <v>1339938</v>
      </c>
      <c r="JL35" s="331">
        <v>1160311</v>
      </c>
      <c r="JM35" s="331">
        <v>1074522</v>
      </c>
      <c r="JN35" s="331">
        <v>0</v>
      </c>
      <c r="JO35" s="331">
        <v>187470</v>
      </c>
      <c r="JP35" s="335">
        <v>3762241</v>
      </c>
      <c r="JQ35" s="333">
        <v>3762241</v>
      </c>
      <c r="JR35" s="334">
        <v>0</v>
      </c>
      <c r="JS35" s="331">
        <v>0</v>
      </c>
      <c r="JT35" s="332">
        <v>0</v>
      </c>
      <c r="JU35" s="337">
        <v>0</v>
      </c>
      <c r="JV35" s="331">
        <v>0</v>
      </c>
      <c r="JW35" s="331">
        <v>49698</v>
      </c>
      <c r="JX35" s="331">
        <v>460885</v>
      </c>
      <c r="JY35" s="331">
        <v>0</v>
      </c>
      <c r="JZ35" s="331">
        <v>0</v>
      </c>
      <c r="KA35" s="335">
        <v>510583</v>
      </c>
      <c r="KB35" s="333">
        <v>510583</v>
      </c>
      <c r="KC35" s="338">
        <v>0</v>
      </c>
      <c r="KD35" s="339">
        <v>0</v>
      </c>
      <c r="KE35" s="335">
        <v>0</v>
      </c>
      <c r="KF35" s="337">
        <v>0</v>
      </c>
      <c r="KG35" s="331">
        <v>0</v>
      </c>
      <c r="KH35" s="331">
        <v>0</v>
      </c>
      <c r="KI35" s="331">
        <v>278163</v>
      </c>
      <c r="KJ35" s="331">
        <v>0</v>
      </c>
      <c r="KK35" s="331">
        <v>0</v>
      </c>
      <c r="KL35" s="335">
        <v>278163</v>
      </c>
      <c r="KM35" s="340">
        <v>278163</v>
      </c>
      <c r="KN35" s="328">
        <v>0</v>
      </c>
      <c r="KO35" s="329">
        <v>0</v>
      </c>
      <c r="KP35" s="330">
        <v>0</v>
      </c>
      <c r="KQ35" s="399">
        <v>0</v>
      </c>
      <c r="KR35" s="331">
        <v>766602</v>
      </c>
      <c r="KS35" s="331">
        <v>1410102</v>
      </c>
      <c r="KT35" s="331">
        <v>790570</v>
      </c>
      <c r="KU35" s="331">
        <v>1617267</v>
      </c>
      <c r="KV35" s="331">
        <v>461169</v>
      </c>
      <c r="KW35" s="335">
        <v>5045710</v>
      </c>
      <c r="KX35" s="333">
        <v>5045710</v>
      </c>
      <c r="KY35" s="334">
        <v>0</v>
      </c>
      <c r="KZ35" s="331">
        <v>0</v>
      </c>
      <c r="LA35" s="335">
        <v>0</v>
      </c>
      <c r="LB35" s="399">
        <v>0</v>
      </c>
      <c r="LC35" s="331">
        <v>0</v>
      </c>
      <c r="LD35" s="331">
        <v>0</v>
      </c>
      <c r="LE35" s="331">
        <v>0</v>
      </c>
      <c r="LF35" s="331">
        <v>0</v>
      </c>
      <c r="LG35" s="331">
        <v>0</v>
      </c>
      <c r="LH35" s="335">
        <v>0</v>
      </c>
      <c r="LI35" s="336">
        <v>0</v>
      </c>
      <c r="LJ35" s="334">
        <v>0</v>
      </c>
      <c r="LK35" s="331">
        <v>0</v>
      </c>
      <c r="LL35" s="335">
        <v>0</v>
      </c>
      <c r="LM35" s="399">
        <v>0</v>
      </c>
      <c r="LN35" s="331">
        <v>0</v>
      </c>
      <c r="LO35" s="331">
        <v>0</v>
      </c>
      <c r="LP35" s="331">
        <v>0</v>
      </c>
      <c r="LQ35" s="331">
        <v>0</v>
      </c>
      <c r="LR35" s="331">
        <v>0</v>
      </c>
      <c r="LS35" s="335">
        <v>0</v>
      </c>
      <c r="LT35" s="333">
        <v>0</v>
      </c>
      <c r="LU35" s="334">
        <v>0</v>
      </c>
      <c r="LV35" s="331">
        <v>0</v>
      </c>
      <c r="LW35" s="335">
        <v>0</v>
      </c>
      <c r="LX35" s="399">
        <v>0</v>
      </c>
      <c r="LY35" s="331">
        <v>0</v>
      </c>
      <c r="LZ35" s="331">
        <v>0</v>
      </c>
      <c r="MA35" s="331">
        <v>0</v>
      </c>
      <c r="MB35" s="331">
        <v>0</v>
      </c>
      <c r="MC35" s="331">
        <v>0</v>
      </c>
      <c r="MD35" s="335">
        <v>0</v>
      </c>
      <c r="ME35" s="336">
        <v>0</v>
      </c>
      <c r="MF35" s="334">
        <v>0</v>
      </c>
      <c r="MG35" s="331">
        <v>0</v>
      </c>
      <c r="MH35" s="335">
        <v>0</v>
      </c>
      <c r="MI35" s="399">
        <v>0</v>
      </c>
      <c r="MJ35" s="331">
        <v>2753601</v>
      </c>
      <c r="MK35" s="331">
        <v>2664693</v>
      </c>
      <c r="ML35" s="331">
        <v>7952838</v>
      </c>
      <c r="MM35" s="331">
        <v>15314270</v>
      </c>
      <c r="MN35" s="331">
        <v>7892194</v>
      </c>
      <c r="MO35" s="335">
        <v>36577596</v>
      </c>
      <c r="MP35" s="340">
        <v>36577596</v>
      </c>
      <c r="MQ35" s="334">
        <v>0</v>
      </c>
      <c r="MR35" s="331">
        <v>0</v>
      </c>
      <c r="MS35" s="335">
        <v>0</v>
      </c>
      <c r="MT35" s="399">
        <v>0</v>
      </c>
      <c r="MU35" s="331">
        <v>0</v>
      </c>
      <c r="MV35" s="331">
        <v>1067243</v>
      </c>
      <c r="MW35" s="331">
        <v>5340662</v>
      </c>
      <c r="MX35" s="331">
        <v>9187888</v>
      </c>
      <c r="MY35" s="331">
        <v>6043459</v>
      </c>
      <c r="MZ35" s="335">
        <v>21639252</v>
      </c>
      <c r="NA35" s="340">
        <v>21639252</v>
      </c>
      <c r="NB35" s="334">
        <v>0</v>
      </c>
      <c r="NC35" s="331">
        <v>0</v>
      </c>
      <c r="ND35" s="335">
        <v>0</v>
      </c>
      <c r="NE35" s="399">
        <v>0</v>
      </c>
      <c r="NF35" s="331">
        <v>2753601</v>
      </c>
      <c r="NG35" s="331">
        <v>1597450</v>
      </c>
      <c r="NH35" s="331">
        <v>2612176</v>
      </c>
      <c r="NI35" s="331">
        <v>6126382</v>
      </c>
      <c r="NJ35" s="331">
        <v>1148090</v>
      </c>
      <c r="NK35" s="335">
        <v>14237699</v>
      </c>
      <c r="NL35" s="333">
        <v>14237699</v>
      </c>
      <c r="NM35" s="334">
        <v>0</v>
      </c>
      <c r="NN35" s="331">
        <v>0</v>
      </c>
      <c r="NO35" s="335">
        <v>0</v>
      </c>
      <c r="NP35" s="399">
        <v>0</v>
      </c>
      <c r="NQ35" s="331">
        <v>0</v>
      </c>
      <c r="NR35" s="331">
        <v>0</v>
      </c>
      <c r="NS35" s="331">
        <v>0</v>
      </c>
      <c r="NT35" s="331">
        <v>0</v>
      </c>
      <c r="NU35" s="331">
        <v>0</v>
      </c>
      <c r="NV35" s="335">
        <v>0</v>
      </c>
      <c r="NW35" s="336">
        <v>0</v>
      </c>
      <c r="NX35" s="334">
        <v>0</v>
      </c>
      <c r="NY35" s="331">
        <v>0</v>
      </c>
      <c r="NZ35" s="335">
        <v>0</v>
      </c>
      <c r="OA35" s="399">
        <v>0</v>
      </c>
      <c r="OB35" s="331">
        <v>0</v>
      </c>
      <c r="OC35" s="331">
        <v>0</v>
      </c>
      <c r="OD35" s="331">
        <v>0</v>
      </c>
      <c r="OE35" s="331">
        <v>0</v>
      </c>
      <c r="OF35" s="331">
        <v>700645</v>
      </c>
      <c r="OG35" s="335">
        <v>700645</v>
      </c>
      <c r="OH35" s="336">
        <v>700645</v>
      </c>
      <c r="OI35" s="334">
        <v>798679</v>
      </c>
      <c r="OJ35" s="331">
        <v>1003900</v>
      </c>
      <c r="OK35" s="332">
        <v>1802579</v>
      </c>
      <c r="OL35" s="337">
        <v>0</v>
      </c>
      <c r="OM35" s="331">
        <v>14506377</v>
      </c>
      <c r="ON35" s="331">
        <v>14698120</v>
      </c>
      <c r="OO35" s="331">
        <v>20105893</v>
      </c>
      <c r="OP35" s="331">
        <v>24427331</v>
      </c>
      <c r="OQ35" s="331">
        <v>12120661</v>
      </c>
      <c r="OR35" s="335">
        <v>85858382</v>
      </c>
      <c r="OS35" s="340">
        <v>87660961</v>
      </c>
    </row>
    <row r="36" spans="2:409" s="56" customFormat="1" ht="21" customHeight="1" x14ac:dyDescent="0.2">
      <c r="B36" s="396" t="s">
        <v>31</v>
      </c>
      <c r="C36" s="312">
        <v>776339</v>
      </c>
      <c r="D36" s="313">
        <v>1042156</v>
      </c>
      <c r="E36" s="314">
        <v>1818495</v>
      </c>
      <c r="F36" s="315">
        <v>0</v>
      </c>
      <c r="G36" s="313">
        <v>7675549</v>
      </c>
      <c r="H36" s="313">
        <v>10582040</v>
      </c>
      <c r="I36" s="313">
        <v>9198100</v>
      </c>
      <c r="J36" s="313">
        <v>8921281</v>
      </c>
      <c r="K36" s="313">
        <v>3840094</v>
      </c>
      <c r="L36" s="353">
        <v>40217064</v>
      </c>
      <c r="M36" s="316">
        <v>42035559</v>
      </c>
      <c r="N36" s="312">
        <v>89811</v>
      </c>
      <c r="O36" s="313">
        <v>127153</v>
      </c>
      <c r="P36" s="314">
        <v>216964</v>
      </c>
      <c r="Q36" s="312">
        <v>0</v>
      </c>
      <c r="R36" s="313">
        <v>1464675</v>
      </c>
      <c r="S36" s="313">
        <v>2327150</v>
      </c>
      <c r="T36" s="313">
        <v>2074466</v>
      </c>
      <c r="U36" s="313">
        <v>3514231</v>
      </c>
      <c r="V36" s="313">
        <v>1831284</v>
      </c>
      <c r="W36" s="314">
        <v>11211806</v>
      </c>
      <c r="X36" s="316">
        <v>11428770</v>
      </c>
      <c r="Y36" s="312">
        <v>0</v>
      </c>
      <c r="Z36" s="313">
        <v>0</v>
      </c>
      <c r="AA36" s="314">
        <v>0</v>
      </c>
      <c r="AB36" s="312">
        <v>0</v>
      </c>
      <c r="AC36" s="313">
        <v>375631</v>
      </c>
      <c r="AD36" s="313">
        <v>765130</v>
      </c>
      <c r="AE36" s="313">
        <v>778553</v>
      </c>
      <c r="AF36" s="313">
        <v>1928047</v>
      </c>
      <c r="AG36" s="313">
        <v>563265</v>
      </c>
      <c r="AH36" s="314">
        <v>4410626</v>
      </c>
      <c r="AI36" s="316">
        <v>4410626</v>
      </c>
      <c r="AJ36" s="312">
        <v>0</v>
      </c>
      <c r="AK36" s="313">
        <v>0</v>
      </c>
      <c r="AL36" s="314">
        <v>0</v>
      </c>
      <c r="AM36" s="312">
        <v>0</v>
      </c>
      <c r="AN36" s="313">
        <v>356227</v>
      </c>
      <c r="AO36" s="313">
        <v>313024</v>
      </c>
      <c r="AP36" s="313">
        <v>156835</v>
      </c>
      <c r="AQ36" s="313">
        <v>481465</v>
      </c>
      <c r="AR36" s="313">
        <v>775479</v>
      </c>
      <c r="AS36" s="314">
        <v>2083030</v>
      </c>
      <c r="AT36" s="316">
        <v>2083030</v>
      </c>
      <c r="AU36" s="312">
        <v>68382</v>
      </c>
      <c r="AV36" s="313">
        <v>74488</v>
      </c>
      <c r="AW36" s="314">
        <v>142870</v>
      </c>
      <c r="AX36" s="312">
        <v>0</v>
      </c>
      <c r="AY36" s="313">
        <v>478906</v>
      </c>
      <c r="AZ36" s="313">
        <v>888504</v>
      </c>
      <c r="BA36" s="313">
        <v>889793</v>
      </c>
      <c r="BB36" s="313">
        <v>750850</v>
      </c>
      <c r="BC36" s="313">
        <v>380645</v>
      </c>
      <c r="BD36" s="314">
        <v>3388698</v>
      </c>
      <c r="BE36" s="316">
        <v>3531568</v>
      </c>
      <c r="BF36" s="312">
        <v>0</v>
      </c>
      <c r="BG36" s="313">
        <v>52665</v>
      </c>
      <c r="BH36" s="317">
        <v>52665</v>
      </c>
      <c r="BI36" s="318">
        <v>0</v>
      </c>
      <c r="BJ36" s="313">
        <v>105330</v>
      </c>
      <c r="BK36" s="313">
        <v>35110</v>
      </c>
      <c r="BL36" s="313">
        <v>61686</v>
      </c>
      <c r="BM36" s="313">
        <v>122886</v>
      </c>
      <c r="BN36" s="313">
        <v>0</v>
      </c>
      <c r="BO36" s="314">
        <v>325012</v>
      </c>
      <c r="BP36" s="316">
        <v>377677</v>
      </c>
      <c r="BQ36" s="312">
        <v>21429</v>
      </c>
      <c r="BR36" s="313">
        <v>0</v>
      </c>
      <c r="BS36" s="314">
        <v>21429</v>
      </c>
      <c r="BT36" s="312">
        <v>0</v>
      </c>
      <c r="BU36" s="313">
        <v>148581</v>
      </c>
      <c r="BV36" s="313">
        <v>325382</v>
      </c>
      <c r="BW36" s="313">
        <v>187599</v>
      </c>
      <c r="BX36" s="313">
        <v>230983</v>
      </c>
      <c r="BY36" s="313">
        <v>111895</v>
      </c>
      <c r="BZ36" s="314">
        <v>1004440</v>
      </c>
      <c r="CA36" s="316">
        <v>1025869</v>
      </c>
      <c r="CB36" s="312">
        <v>113586</v>
      </c>
      <c r="CC36" s="313">
        <v>85738</v>
      </c>
      <c r="CD36" s="314">
        <v>199324</v>
      </c>
      <c r="CE36" s="312">
        <v>0</v>
      </c>
      <c r="CF36" s="313">
        <v>2963756</v>
      </c>
      <c r="CG36" s="313">
        <v>3393096</v>
      </c>
      <c r="CH36" s="313">
        <v>2446642</v>
      </c>
      <c r="CI36" s="313">
        <v>1015556</v>
      </c>
      <c r="CJ36" s="313">
        <v>860895</v>
      </c>
      <c r="CK36" s="314">
        <v>10679945</v>
      </c>
      <c r="CL36" s="316">
        <v>10879269</v>
      </c>
      <c r="CM36" s="312">
        <v>0</v>
      </c>
      <c r="CN36" s="313">
        <v>0</v>
      </c>
      <c r="CO36" s="314">
        <v>0</v>
      </c>
      <c r="CP36" s="318">
        <v>0</v>
      </c>
      <c r="CQ36" s="313">
        <v>2504888</v>
      </c>
      <c r="CR36" s="313">
        <v>2993997</v>
      </c>
      <c r="CS36" s="313">
        <v>1735616</v>
      </c>
      <c r="CT36" s="313">
        <v>645737</v>
      </c>
      <c r="CU36" s="313">
        <v>736711</v>
      </c>
      <c r="CV36" s="314">
        <v>8616949</v>
      </c>
      <c r="CW36" s="316">
        <v>8616949</v>
      </c>
      <c r="CX36" s="312">
        <v>113586</v>
      </c>
      <c r="CY36" s="313">
        <v>85738</v>
      </c>
      <c r="CZ36" s="314">
        <v>199324</v>
      </c>
      <c r="DA36" s="312">
        <v>0</v>
      </c>
      <c r="DB36" s="313">
        <v>458868</v>
      </c>
      <c r="DC36" s="313">
        <v>399099</v>
      </c>
      <c r="DD36" s="313">
        <v>711026</v>
      </c>
      <c r="DE36" s="313">
        <v>369819</v>
      </c>
      <c r="DF36" s="313">
        <v>124184</v>
      </c>
      <c r="DG36" s="314">
        <v>2062996</v>
      </c>
      <c r="DH36" s="316">
        <v>2262320</v>
      </c>
      <c r="DI36" s="312">
        <v>0</v>
      </c>
      <c r="DJ36" s="313">
        <v>58187</v>
      </c>
      <c r="DK36" s="317">
        <v>58187</v>
      </c>
      <c r="DL36" s="318">
        <v>0</v>
      </c>
      <c r="DM36" s="313">
        <v>481166</v>
      </c>
      <c r="DN36" s="313">
        <v>740503</v>
      </c>
      <c r="DO36" s="313">
        <v>1574942</v>
      </c>
      <c r="DP36" s="313">
        <v>1302580</v>
      </c>
      <c r="DQ36" s="313">
        <v>87947</v>
      </c>
      <c r="DR36" s="314">
        <v>4187138</v>
      </c>
      <c r="DS36" s="316">
        <v>4245325</v>
      </c>
      <c r="DT36" s="312">
        <v>0</v>
      </c>
      <c r="DU36" s="313">
        <v>58187</v>
      </c>
      <c r="DV36" s="314">
        <v>58187</v>
      </c>
      <c r="DW36" s="312">
        <v>0</v>
      </c>
      <c r="DX36" s="313">
        <v>321319</v>
      </c>
      <c r="DY36" s="313">
        <v>718609</v>
      </c>
      <c r="DZ36" s="313">
        <v>1300656</v>
      </c>
      <c r="EA36" s="313">
        <v>1254101</v>
      </c>
      <c r="EB36" s="313">
        <v>0</v>
      </c>
      <c r="EC36" s="314">
        <v>3594685</v>
      </c>
      <c r="ED36" s="316">
        <v>3652872</v>
      </c>
      <c r="EE36" s="312">
        <v>0</v>
      </c>
      <c r="EF36" s="317">
        <v>0</v>
      </c>
      <c r="EG36" s="314">
        <v>0</v>
      </c>
      <c r="EH36" s="312">
        <v>0</v>
      </c>
      <c r="EI36" s="313">
        <v>159847</v>
      </c>
      <c r="EJ36" s="313">
        <v>21894</v>
      </c>
      <c r="EK36" s="313">
        <v>274286</v>
      </c>
      <c r="EL36" s="313">
        <v>48479</v>
      </c>
      <c r="EM36" s="313">
        <v>87947</v>
      </c>
      <c r="EN36" s="317">
        <v>592453</v>
      </c>
      <c r="EO36" s="316">
        <v>592453</v>
      </c>
      <c r="EP36" s="312">
        <v>0</v>
      </c>
      <c r="EQ36" s="313">
        <v>0</v>
      </c>
      <c r="ER36" s="317">
        <v>0</v>
      </c>
      <c r="ES36" s="318">
        <v>0</v>
      </c>
      <c r="ET36" s="313">
        <v>0</v>
      </c>
      <c r="EU36" s="313">
        <v>0</v>
      </c>
      <c r="EV36" s="313">
        <v>0</v>
      </c>
      <c r="EW36" s="313">
        <v>0</v>
      </c>
      <c r="EX36" s="313">
        <v>0</v>
      </c>
      <c r="EY36" s="314">
        <v>0</v>
      </c>
      <c r="EZ36" s="316">
        <v>0</v>
      </c>
      <c r="FA36" s="312">
        <v>0</v>
      </c>
      <c r="FB36" s="313">
        <v>0</v>
      </c>
      <c r="FC36" s="317">
        <v>0</v>
      </c>
      <c r="FD36" s="318">
        <v>0</v>
      </c>
      <c r="FE36" s="313">
        <v>0</v>
      </c>
      <c r="FF36" s="313">
        <v>0</v>
      </c>
      <c r="FG36" s="313">
        <v>0</v>
      </c>
      <c r="FH36" s="313">
        <v>0</v>
      </c>
      <c r="FI36" s="313">
        <v>0</v>
      </c>
      <c r="FJ36" s="314">
        <v>0</v>
      </c>
      <c r="FK36" s="316">
        <v>0</v>
      </c>
      <c r="FL36" s="312">
        <v>320554</v>
      </c>
      <c r="FM36" s="313">
        <v>461199</v>
      </c>
      <c r="FN36" s="314">
        <v>781753</v>
      </c>
      <c r="FO36" s="312">
        <v>0</v>
      </c>
      <c r="FP36" s="313">
        <v>397356</v>
      </c>
      <c r="FQ36" s="313">
        <v>1248346</v>
      </c>
      <c r="FR36" s="313">
        <v>856147</v>
      </c>
      <c r="FS36" s="313">
        <v>804010</v>
      </c>
      <c r="FT36" s="313">
        <v>350812</v>
      </c>
      <c r="FU36" s="314">
        <v>3656671</v>
      </c>
      <c r="FV36" s="316">
        <v>4438424</v>
      </c>
      <c r="FW36" s="319">
        <v>140554</v>
      </c>
      <c r="FX36" s="313">
        <v>461199</v>
      </c>
      <c r="FY36" s="317">
        <v>601753</v>
      </c>
      <c r="FZ36" s="318">
        <v>0</v>
      </c>
      <c r="GA36" s="313">
        <v>397356</v>
      </c>
      <c r="GB36" s="313">
        <v>1038696</v>
      </c>
      <c r="GC36" s="313">
        <v>758904</v>
      </c>
      <c r="GD36" s="313">
        <v>804010</v>
      </c>
      <c r="GE36" s="313">
        <v>350812</v>
      </c>
      <c r="GF36" s="314">
        <v>3349778</v>
      </c>
      <c r="GG36" s="320">
        <v>3951531</v>
      </c>
      <c r="GH36" s="319">
        <v>0</v>
      </c>
      <c r="GI36" s="313">
        <v>0</v>
      </c>
      <c r="GJ36" s="317">
        <v>0</v>
      </c>
      <c r="GK36" s="318">
        <v>0</v>
      </c>
      <c r="GL36" s="313">
        <v>0</v>
      </c>
      <c r="GM36" s="313">
        <v>45900</v>
      </c>
      <c r="GN36" s="313">
        <v>97243</v>
      </c>
      <c r="GO36" s="313">
        <v>0</v>
      </c>
      <c r="GP36" s="313">
        <v>0</v>
      </c>
      <c r="GQ36" s="314">
        <v>143143</v>
      </c>
      <c r="GR36" s="316">
        <v>143143</v>
      </c>
      <c r="GS36" s="312">
        <v>180000</v>
      </c>
      <c r="GT36" s="313">
        <v>0</v>
      </c>
      <c r="GU36" s="314">
        <v>180000</v>
      </c>
      <c r="GV36" s="312">
        <v>0</v>
      </c>
      <c r="GW36" s="313">
        <v>0</v>
      </c>
      <c r="GX36" s="313">
        <v>163750</v>
      </c>
      <c r="GY36" s="313">
        <v>0</v>
      </c>
      <c r="GZ36" s="313">
        <v>0</v>
      </c>
      <c r="HA36" s="313">
        <v>0</v>
      </c>
      <c r="HB36" s="317">
        <v>163750</v>
      </c>
      <c r="HC36" s="316">
        <v>343750</v>
      </c>
      <c r="HD36" s="312">
        <v>117028</v>
      </c>
      <c r="HE36" s="313">
        <v>0</v>
      </c>
      <c r="HF36" s="317">
        <v>117028</v>
      </c>
      <c r="HG36" s="318">
        <v>0</v>
      </c>
      <c r="HH36" s="313">
        <v>1003183</v>
      </c>
      <c r="HI36" s="313">
        <v>1719616</v>
      </c>
      <c r="HJ36" s="313">
        <v>1260291</v>
      </c>
      <c r="HK36" s="313">
        <v>1667566</v>
      </c>
      <c r="HL36" s="313">
        <v>503487</v>
      </c>
      <c r="HM36" s="314">
        <v>6154143</v>
      </c>
      <c r="HN36" s="315">
        <v>6271171</v>
      </c>
      <c r="HO36" s="319">
        <v>135360</v>
      </c>
      <c r="HP36" s="313">
        <v>309879</v>
      </c>
      <c r="HQ36" s="314">
        <v>445239</v>
      </c>
      <c r="HR36" s="312">
        <v>0</v>
      </c>
      <c r="HS36" s="313">
        <v>1365413</v>
      </c>
      <c r="HT36" s="313">
        <v>1153329</v>
      </c>
      <c r="HU36" s="313">
        <v>985612</v>
      </c>
      <c r="HV36" s="313">
        <v>617338</v>
      </c>
      <c r="HW36" s="313">
        <v>205669</v>
      </c>
      <c r="HX36" s="317">
        <v>4327361</v>
      </c>
      <c r="HY36" s="316">
        <v>4772600</v>
      </c>
      <c r="HZ36" s="344">
        <v>0</v>
      </c>
      <c r="IA36" s="342">
        <v>93095</v>
      </c>
      <c r="IB36" s="344">
        <v>93095</v>
      </c>
      <c r="IC36" s="341">
        <v>0</v>
      </c>
      <c r="ID36" s="342">
        <v>2843247</v>
      </c>
      <c r="IE36" s="343">
        <v>5134469</v>
      </c>
      <c r="IF36" s="344">
        <v>6489715</v>
      </c>
      <c r="IG36" s="342">
        <v>4161855</v>
      </c>
      <c r="IH36" s="344">
        <v>569163</v>
      </c>
      <c r="II36" s="345">
        <v>19198449</v>
      </c>
      <c r="IJ36" s="344">
        <v>19291544</v>
      </c>
      <c r="IK36" s="328">
        <v>0</v>
      </c>
      <c r="IL36" s="329">
        <v>0</v>
      </c>
      <c r="IM36" s="330">
        <v>0</v>
      </c>
      <c r="IN36" s="390">
        <v>0</v>
      </c>
      <c r="IO36" s="331">
        <v>0</v>
      </c>
      <c r="IP36" s="331">
        <v>106641</v>
      </c>
      <c r="IQ36" s="331">
        <v>186498</v>
      </c>
      <c r="IR36" s="331">
        <v>0</v>
      </c>
      <c r="IS36" s="331">
        <v>0</v>
      </c>
      <c r="IT36" s="332">
        <v>293139</v>
      </c>
      <c r="IU36" s="333">
        <v>293139</v>
      </c>
      <c r="IV36" s="334">
        <v>0</v>
      </c>
      <c r="IW36" s="331">
        <v>0</v>
      </c>
      <c r="IX36" s="335">
        <v>0</v>
      </c>
      <c r="IY36" s="399">
        <v>0</v>
      </c>
      <c r="IZ36" s="331">
        <v>0</v>
      </c>
      <c r="JA36" s="331">
        <v>0</v>
      </c>
      <c r="JB36" s="331">
        <v>0</v>
      </c>
      <c r="JC36" s="331">
        <v>0</v>
      </c>
      <c r="JD36" s="331">
        <v>0</v>
      </c>
      <c r="JE36" s="335">
        <v>0</v>
      </c>
      <c r="JF36" s="336">
        <v>0</v>
      </c>
      <c r="JG36" s="334">
        <v>0</v>
      </c>
      <c r="JH36" s="331">
        <v>0</v>
      </c>
      <c r="JI36" s="332">
        <v>0</v>
      </c>
      <c r="JJ36" s="337">
        <v>0</v>
      </c>
      <c r="JK36" s="331">
        <v>638680</v>
      </c>
      <c r="JL36" s="331">
        <v>786657</v>
      </c>
      <c r="JM36" s="331">
        <v>550462</v>
      </c>
      <c r="JN36" s="331">
        <v>34533</v>
      </c>
      <c r="JO36" s="331">
        <v>0</v>
      </c>
      <c r="JP36" s="335">
        <v>2010332</v>
      </c>
      <c r="JQ36" s="333">
        <v>2010332</v>
      </c>
      <c r="JR36" s="334">
        <v>0</v>
      </c>
      <c r="JS36" s="331">
        <v>0</v>
      </c>
      <c r="JT36" s="332">
        <v>0</v>
      </c>
      <c r="JU36" s="337">
        <v>0</v>
      </c>
      <c r="JV36" s="331">
        <v>0</v>
      </c>
      <c r="JW36" s="331">
        <v>0</v>
      </c>
      <c r="JX36" s="331">
        <v>292626</v>
      </c>
      <c r="JY36" s="331">
        <v>187629</v>
      </c>
      <c r="JZ36" s="331">
        <v>0</v>
      </c>
      <c r="KA36" s="335">
        <v>480255</v>
      </c>
      <c r="KB36" s="333">
        <v>480255</v>
      </c>
      <c r="KC36" s="338">
        <v>0</v>
      </c>
      <c r="KD36" s="339">
        <v>93095</v>
      </c>
      <c r="KE36" s="335">
        <v>93095</v>
      </c>
      <c r="KF36" s="337">
        <v>0</v>
      </c>
      <c r="KG36" s="331">
        <v>717565</v>
      </c>
      <c r="KH36" s="331">
        <v>1217198</v>
      </c>
      <c r="KI36" s="331">
        <v>1842932</v>
      </c>
      <c r="KJ36" s="331">
        <v>641595</v>
      </c>
      <c r="KK36" s="331">
        <v>0</v>
      </c>
      <c r="KL36" s="335">
        <v>4419290</v>
      </c>
      <c r="KM36" s="340">
        <v>4512385</v>
      </c>
      <c r="KN36" s="328">
        <v>0</v>
      </c>
      <c r="KO36" s="329">
        <v>0</v>
      </c>
      <c r="KP36" s="330">
        <v>0</v>
      </c>
      <c r="KQ36" s="399">
        <v>0</v>
      </c>
      <c r="KR36" s="331">
        <v>1487002</v>
      </c>
      <c r="KS36" s="331">
        <v>3023973</v>
      </c>
      <c r="KT36" s="331">
        <v>3617197</v>
      </c>
      <c r="KU36" s="331">
        <v>3070442</v>
      </c>
      <c r="KV36" s="331">
        <v>535566</v>
      </c>
      <c r="KW36" s="335">
        <v>11734180</v>
      </c>
      <c r="KX36" s="333">
        <v>11734180</v>
      </c>
      <c r="KY36" s="334">
        <v>0</v>
      </c>
      <c r="KZ36" s="331">
        <v>0</v>
      </c>
      <c r="LA36" s="335">
        <v>0</v>
      </c>
      <c r="LB36" s="399">
        <v>0</v>
      </c>
      <c r="LC36" s="331">
        <v>0</v>
      </c>
      <c r="LD36" s="331">
        <v>0</v>
      </c>
      <c r="LE36" s="331">
        <v>0</v>
      </c>
      <c r="LF36" s="331">
        <v>0</v>
      </c>
      <c r="LG36" s="331">
        <v>0</v>
      </c>
      <c r="LH36" s="335">
        <v>0</v>
      </c>
      <c r="LI36" s="336">
        <v>0</v>
      </c>
      <c r="LJ36" s="334">
        <v>0</v>
      </c>
      <c r="LK36" s="331">
        <v>0</v>
      </c>
      <c r="LL36" s="335">
        <v>0</v>
      </c>
      <c r="LM36" s="399">
        <v>0</v>
      </c>
      <c r="LN36" s="331">
        <v>0</v>
      </c>
      <c r="LO36" s="331">
        <v>0</v>
      </c>
      <c r="LP36" s="331">
        <v>0</v>
      </c>
      <c r="LQ36" s="331">
        <v>227656</v>
      </c>
      <c r="LR36" s="331">
        <v>33597</v>
      </c>
      <c r="LS36" s="335">
        <v>261253</v>
      </c>
      <c r="LT36" s="333">
        <v>261253</v>
      </c>
      <c r="LU36" s="334">
        <v>0</v>
      </c>
      <c r="LV36" s="331">
        <v>0</v>
      </c>
      <c r="LW36" s="335">
        <v>0</v>
      </c>
      <c r="LX36" s="399">
        <v>0</v>
      </c>
      <c r="LY36" s="331">
        <v>0</v>
      </c>
      <c r="LZ36" s="331">
        <v>0</v>
      </c>
      <c r="MA36" s="331">
        <v>0</v>
      </c>
      <c r="MB36" s="331">
        <v>0</v>
      </c>
      <c r="MC36" s="331">
        <v>0</v>
      </c>
      <c r="MD36" s="335">
        <v>0</v>
      </c>
      <c r="ME36" s="336">
        <v>0</v>
      </c>
      <c r="MF36" s="334">
        <v>0</v>
      </c>
      <c r="MG36" s="331">
        <v>0</v>
      </c>
      <c r="MH36" s="335">
        <v>0</v>
      </c>
      <c r="MI36" s="399">
        <v>0</v>
      </c>
      <c r="MJ36" s="331">
        <v>967493</v>
      </c>
      <c r="MK36" s="331">
        <v>3056844</v>
      </c>
      <c r="ML36" s="331">
        <v>9625196</v>
      </c>
      <c r="MM36" s="331">
        <v>8944869</v>
      </c>
      <c r="MN36" s="331">
        <v>9539924</v>
      </c>
      <c r="MO36" s="335">
        <v>32134326</v>
      </c>
      <c r="MP36" s="340">
        <v>32134326</v>
      </c>
      <c r="MQ36" s="334">
        <v>0</v>
      </c>
      <c r="MR36" s="331">
        <v>0</v>
      </c>
      <c r="MS36" s="335">
        <v>0</v>
      </c>
      <c r="MT36" s="399">
        <v>0</v>
      </c>
      <c r="MU36" s="331">
        <v>192102</v>
      </c>
      <c r="MV36" s="331">
        <v>429057</v>
      </c>
      <c r="MW36" s="331">
        <v>7021372</v>
      </c>
      <c r="MX36" s="331">
        <v>6744502</v>
      </c>
      <c r="MY36" s="331">
        <v>6730215</v>
      </c>
      <c r="MZ36" s="335">
        <v>21117248</v>
      </c>
      <c r="NA36" s="340">
        <v>21117248</v>
      </c>
      <c r="NB36" s="334">
        <v>0</v>
      </c>
      <c r="NC36" s="331">
        <v>0</v>
      </c>
      <c r="ND36" s="335">
        <v>0</v>
      </c>
      <c r="NE36" s="399">
        <v>0</v>
      </c>
      <c r="NF36" s="331">
        <v>498020</v>
      </c>
      <c r="NG36" s="331">
        <v>2627787</v>
      </c>
      <c r="NH36" s="331">
        <v>2603824</v>
      </c>
      <c r="NI36" s="331">
        <v>1418773</v>
      </c>
      <c r="NJ36" s="331">
        <v>2042317</v>
      </c>
      <c r="NK36" s="335">
        <v>9190721</v>
      </c>
      <c r="NL36" s="333">
        <v>9190721</v>
      </c>
      <c r="NM36" s="334">
        <v>0</v>
      </c>
      <c r="NN36" s="331">
        <v>0</v>
      </c>
      <c r="NO36" s="335">
        <v>0</v>
      </c>
      <c r="NP36" s="399">
        <v>0</v>
      </c>
      <c r="NQ36" s="331">
        <v>0</v>
      </c>
      <c r="NR36" s="331">
        <v>0</v>
      </c>
      <c r="NS36" s="331">
        <v>0</v>
      </c>
      <c r="NT36" s="331">
        <v>0</v>
      </c>
      <c r="NU36" s="331">
        <v>0</v>
      </c>
      <c r="NV36" s="335">
        <v>0</v>
      </c>
      <c r="NW36" s="336">
        <v>0</v>
      </c>
      <c r="NX36" s="334">
        <v>0</v>
      </c>
      <c r="NY36" s="331">
        <v>0</v>
      </c>
      <c r="NZ36" s="335">
        <v>0</v>
      </c>
      <c r="OA36" s="399">
        <v>0</v>
      </c>
      <c r="OB36" s="331">
        <v>277371</v>
      </c>
      <c r="OC36" s="331">
        <v>0</v>
      </c>
      <c r="OD36" s="331">
        <v>0</v>
      </c>
      <c r="OE36" s="331">
        <v>781594</v>
      </c>
      <c r="OF36" s="331">
        <v>767392</v>
      </c>
      <c r="OG36" s="335">
        <v>1826357</v>
      </c>
      <c r="OH36" s="336">
        <v>1826357</v>
      </c>
      <c r="OI36" s="334">
        <v>776339</v>
      </c>
      <c r="OJ36" s="331">
        <v>1135251</v>
      </c>
      <c r="OK36" s="332">
        <v>1911590</v>
      </c>
      <c r="OL36" s="337">
        <v>0</v>
      </c>
      <c r="OM36" s="331">
        <v>11486289</v>
      </c>
      <c r="ON36" s="331">
        <v>18773353</v>
      </c>
      <c r="OO36" s="331">
        <v>25313011</v>
      </c>
      <c r="OP36" s="331">
        <v>22028005</v>
      </c>
      <c r="OQ36" s="331">
        <v>13949181</v>
      </c>
      <c r="OR36" s="335">
        <v>91549839</v>
      </c>
      <c r="OS36" s="340">
        <v>93461429</v>
      </c>
    </row>
    <row r="37" spans="2:409" s="56" customFormat="1" ht="21" customHeight="1" x14ac:dyDescent="0.2">
      <c r="B37" s="396" t="s">
        <v>32</v>
      </c>
      <c r="C37" s="312">
        <v>986529</v>
      </c>
      <c r="D37" s="313">
        <v>1728777</v>
      </c>
      <c r="E37" s="354">
        <v>2715306</v>
      </c>
      <c r="F37" s="356">
        <v>0</v>
      </c>
      <c r="G37" s="355">
        <v>11103457</v>
      </c>
      <c r="H37" s="355">
        <v>12141368</v>
      </c>
      <c r="I37" s="355">
        <v>8294922</v>
      </c>
      <c r="J37" s="355">
        <v>9431144</v>
      </c>
      <c r="K37" s="355">
        <v>7073367</v>
      </c>
      <c r="L37" s="356">
        <v>48044258</v>
      </c>
      <c r="M37" s="316">
        <v>50759564</v>
      </c>
      <c r="N37" s="312">
        <v>244639</v>
      </c>
      <c r="O37" s="313">
        <v>228676</v>
      </c>
      <c r="P37" s="314">
        <v>473315</v>
      </c>
      <c r="Q37" s="312">
        <v>0</v>
      </c>
      <c r="R37" s="313">
        <v>3104824</v>
      </c>
      <c r="S37" s="313">
        <v>2837324</v>
      </c>
      <c r="T37" s="313">
        <v>2095061</v>
      </c>
      <c r="U37" s="313">
        <v>2691255</v>
      </c>
      <c r="V37" s="313">
        <v>3285186</v>
      </c>
      <c r="W37" s="314">
        <v>14013650</v>
      </c>
      <c r="X37" s="316">
        <v>14486965</v>
      </c>
      <c r="Y37" s="312">
        <v>0</v>
      </c>
      <c r="Z37" s="313">
        <v>0</v>
      </c>
      <c r="AA37" s="314">
        <v>0</v>
      </c>
      <c r="AB37" s="312">
        <v>0</v>
      </c>
      <c r="AC37" s="313">
        <v>1478910</v>
      </c>
      <c r="AD37" s="313">
        <v>1423285</v>
      </c>
      <c r="AE37" s="313">
        <v>1097162</v>
      </c>
      <c r="AF37" s="313">
        <v>910598</v>
      </c>
      <c r="AG37" s="313">
        <v>1663960</v>
      </c>
      <c r="AH37" s="314">
        <v>6573915</v>
      </c>
      <c r="AI37" s="316">
        <v>6573915</v>
      </c>
      <c r="AJ37" s="312">
        <v>0</v>
      </c>
      <c r="AK37" s="313">
        <v>0</v>
      </c>
      <c r="AL37" s="314">
        <v>0</v>
      </c>
      <c r="AM37" s="312">
        <v>0</v>
      </c>
      <c r="AN37" s="313">
        <v>14738</v>
      </c>
      <c r="AO37" s="313">
        <v>0</v>
      </c>
      <c r="AP37" s="313">
        <v>92688</v>
      </c>
      <c r="AQ37" s="313">
        <v>536250</v>
      </c>
      <c r="AR37" s="313">
        <v>720118</v>
      </c>
      <c r="AS37" s="314">
        <v>1363794</v>
      </c>
      <c r="AT37" s="316">
        <v>1363794</v>
      </c>
      <c r="AU37" s="312">
        <v>215686</v>
      </c>
      <c r="AV37" s="313">
        <v>135198</v>
      </c>
      <c r="AW37" s="314">
        <v>350884</v>
      </c>
      <c r="AX37" s="312">
        <v>0</v>
      </c>
      <c r="AY37" s="313">
        <v>1099845</v>
      </c>
      <c r="AZ37" s="313">
        <v>1063117</v>
      </c>
      <c r="BA37" s="313">
        <v>537720</v>
      </c>
      <c r="BB37" s="313">
        <v>566001</v>
      </c>
      <c r="BC37" s="313">
        <v>534115</v>
      </c>
      <c r="BD37" s="314">
        <v>3800798</v>
      </c>
      <c r="BE37" s="316">
        <v>4151682</v>
      </c>
      <c r="BF37" s="312">
        <v>0</v>
      </c>
      <c r="BG37" s="313">
        <v>25042</v>
      </c>
      <c r="BH37" s="317">
        <v>25042</v>
      </c>
      <c r="BI37" s="318">
        <v>0</v>
      </c>
      <c r="BJ37" s="313">
        <v>176372</v>
      </c>
      <c r="BK37" s="313">
        <v>0</v>
      </c>
      <c r="BL37" s="313">
        <v>0</v>
      </c>
      <c r="BM37" s="313">
        <v>134590</v>
      </c>
      <c r="BN37" s="313">
        <v>56619</v>
      </c>
      <c r="BO37" s="314">
        <v>367581</v>
      </c>
      <c r="BP37" s="316">
        <v>392623</v>
      </c>
      <c r="BQ37" s="312">
        <v>28953</v>
      </c>
      <c r="BR37" s="313">
        <v>68436</v>
      </c>
      <c r="BS37" s="314">
        <v>97389</v>
      </c>
      <c r="BT37" s="312">
        <v>0</v>
      </c>
      <c r="BU37" s="313">
        <v>334959</v>
      </c>
      <c r="BV37" s="313">
        <v>350922</v>
      </c>
      <c r="BW37" s="313">
        <v>367491</v>
      </c>
      <c r="BX37" s="313">
        <v>543816</v>
      </c>
      <c r="BY37" s="313">
        <v>310374</v>
      </c>
      <c r="BZ37" s="314">
        <v>1907562</v>
      </c>
      <c r="CA37" s="316">
        <v>2004951</v>
      </c>
      <c r="CB37" s="312">
        <v>160798</v>
      </c>
      <c r="CC37" s="313">
        <v>165365</v>
      </c>
      <c r="CD37" s="314">
        <v>326163</v>
      </c>
      <c r="CE37" s="312">
        <v>0</v>
      </c>
      <c r="CF37" s="313">
        <v>3303449</v>
      </c>
      <c r="CG37" s="313">
        <v>4585786</v>
      </c>
      <c r="CH37" s="313">
        <v>2936545</v>
      </c>
      <c r="CI37" s="313">
        <v>2035449</v>
      </c>
      <c r="CJ37" s="313">
        <v>994264</v>
      </c>
      <c r="CK37" s="314">
        <v>13855493</v>
      </c>
      <c r="CL37" s="316">
        <v>14181656</v>
      </c>
      <c r="CM37" s="312">
        <v>0</v>
      </c>
      <c r="CN37" s="313">
        <v>0</v>
      </c>
      <c r="CO37" s="314">
        <v>0</v>
      </c>
      <c r="CP37" s="318">
        <v>0</v>
      </c>
      <c r="CQ37" s="313">
        <v>2765372</v>
      </c>
      <c r="CR37" s="313">
        <v>3808932</v>
      </c>
      <c r="CS37" s="313">
        <v>2688633</v>
      </c>
      <c r="CT37" s="313">
        <v>1697202</v>
      </c>
      <c r="CU37" s="313">
        <v>871890</v>
      </c>
      <c r="CV37" s="314">
        <v>11832029</v>
      </c>
      <c r="CW37" s="316">
        <v>11832029</v>
      </c>
      <c r="CX37" s="312">
        <v>160798</v>
      </c>
      <c r="CY37" s="313">
        <v>165365</v>
      </c>
      <c r="CZ37" s="314">
        <v>326163</v>
      </c>
      <c r="DA37" s="312">
        <v>0</v>
      </c>
      <c r="DB37" s="313">
        <v>538077</v>
      </c>
      <c r="DC37" s="313">
        <v>776854</v>
      </c>
      <c r="DD37" s="313">
        <v>247912</v>
      </c>
      <c r="DE37" s="313">
        <v>338247</v>
      </c>
      <c r="DF37" s="313">
        <v>122374</v>
      </c>
      <c r="DG37" s="314">
        <v>2023464</v>
      </c>
      <c r="DH37" s="316">
        <v>2349627</v>
      </c>
      <c r="DI37" s="312">
        <v>0</v>
      </c>
      <c r="DJ37" s="313">
        <v>98442</v>
      </c>
      <c r="DK37" s="317">
        <v>98442</v>
      </c>
      <c r="DL37" s="318">
        <v>0</v>
      </c>
      <c r="DM37" s="313">
        <v>227581</v>
      </c>
      <c r="DN37" s="313">
        <v>820170</v>
      </c>
      <c r="DO37" s="313">
        <v>636587</v>
      </c>
      <c r="DP37" s="313">
        <v>362116</v>
      </c>
      <c r="DQ37" s="313">
        <v>681496</v>
      </c>
      <c r="DR37" s="314">
        <v>2727950</v>
      </c>
      <c r="DS37" s="316">
        <v>2826392</v>
      </c>
      <c r="DT37" s="312">
        <v>0</v>
      </c>
      <c r="DU37" s="313">
        <v>78820</v>
      </c>
      <c r="DV37" s="314">
        <v>78820</v>
      </c>
      <c r="DW37" s="312">
        <v>0</v>
      </c>
      <c r="DX37" s="313">
        <v>227581</v>
      </c>
      <c r="DY37" s="313">
        <v>769300</v>
      </c>
      <c r="DZ37" s="313">
        <v>636587</v>
      </c>
      <c r="EA37" s="313">
        <v>362116</v>
      </c>
      <c r="EB37" s="313">
        <v>566555</v>
      </c>
      <c r="EC37" s="314">
        <v>2562139</v>
      </c>
      <c r="ED37" s="316">
        <v>2640959</v>
      </c>
      <c r="EE37" s="312">
        <v>0</v>
      </c>
      <c r="EF37" s="317">
        <v>19622</v>
      </c>
      <c r="EG37" s="314">
        <v>19622</v>
      </c>
      <c r="EH37" s="312">
        <v>0</v>
      </c>
      <c r="EI37" s="313">
        <v>0</v>
      </c>
      <c r="EJ37" s="313">
        <v>50870</v>
      </c>
      <c r="EK37" s="313">
        <v>0</v>
      </c>
      <c r="EL37" s="313">
        <v>0</v>
      </c>
      <c r="EM37" s="313">
        <v>114941</v>
      </c>
      <c r="EN37" s="317">
        <v>165811</v>
      </c>
      <c r="EO37" s="316">
        <v>185433</v>
      </c>
      <c r="EP37" s="312">
        <v>0</v>
      </c>
      <c r="EQ37" s="313">
        <v>0</v>
      </c>
      <c r="ER37" s="317">
        <v>0</v>
      </c>
      <c r="ES37" s="318">
        <v>0</v>
      </c>
      <c r="ET37" s="313">
        <v>0</v>
      </c>
      <c r="EU37" s="313">
        <v>0</v>
      </c>
      <c r="EV37" s="313">
        <v>0</v>
      </c>
      <c r="EW37" s="313">
        <v>0</v>
      </c>
      <c r="EX37" s="313">
        <v>0</v>
      </c>
      <c r="EY37" s="314">
        <v>0</v>
      </c>
      <c r="EZ37" s="316">
        <v>0</v>
      </c>
      <c r="FA37" s="312">
        <v>0</v>
      </c>
      <c r="FB37" s="313">
        <v>0</v>
      </c>
      <c r="FC37" s="317">
        <v>0</v>
      </c>
      <c r="FD37" s="318">
        <v>0</v>
      </c>
      <c r="FE37" s="313">
        <v>0</v>
      </c>
      <c r="FF37" s="313">
        <v>0</v>
      </c>
      <c r="FG37" s="313">
        <v>0</v>
      </c>
      <c r="FH37" s="313">
        <v>0</v>
      </c>
      <c r="FI37" s="313">
        <v>0</v>
      </c>
      <c r="FJ37" s="314">
        <v>0</v>
      </c>
      <c r="FK37" s="316">
        <v>0</v>
      </c>
      <c r="FL37" s="312">
        <v>182628</v>
      </c>
      <c r="FM37" s="313">
        <v>555578</v>
      </c>
      <c r="FN37" s="314">
        <v>738206</v>
      </c>
      <c r="FO37" s="312">
        <v>0</v>
      </c>
      <c r="FP37" s="313">
        <v>995534</v>
      </c>
      <c r="FQ37" s="313">
        <v>1217529</v>
      </c>
      <c r="FR37" s="313">
        <v>1067901</v>
      </c>
      <c r="FS37" s="313">
        <v>749997</v>
      </c>
      <c r="FT37" s="313">
        <v>521877</v>
      </c>
      <c r="FU37" s="314">
        <v>4552838</v>
      </c>
      <c r="FV37" s="316">
        <v>5291044</v>
      </c>
      <c r="FW37" s="319">
        <v>182628</v>
      </c>
      <c r="FX37" s="313">
        <v>438958</v>
      </c>
      <c r="FY37" s="317">
        <v>621586</v>
      </c>
      <c r="FZ37" s="318">
        <v>0</v>
      </c>
      <c r="GA37" s="313">
        <v>781809</v>
      </c>
      <c r="GB37" s="313">
        <v>1135269</v>
      </c>
      <c r="GC37" s="313">
        <v>664053</v>
      </c>
      <c r="GD37" s="313">
        <v>718713</v>
      </c>
      <c r="GE37" s="313">
        <v>521877</v>
      </c>
      <c r="GF37" s="314">
        <v>3821721</v>
      </c>
      <c r="GG37" s="320">
        <v>4443307</v>
      </c>
      <c r="GH37" s="319">
        <v>0</v>
      </c>
      <c r="GI37" s="313">
        <v>17998</v>
      </c>
      <c r="GJ37" s="317">
        <v>17998</v>
      </c>
      <c r="GK37" s="318">
        <v>0</v>
      </c>
      <c r="GL37" s="313">
        <v>80229</v>
      </c>
      <c r="GM37" s="313">
        <v>0</v>
      </c>
      <c r="GN37" s="313">
        <v>24948</v>
      </c>
      <c r="GO37" s="313">
        <v>31284</v>
      </c>
      <c r="GP37" s="313">
        <v>0</v>
      </c>
      <c r="GQ37" s="314">
        <v>136461</v>
      </c>
      <c r="GR37" s="316">
        <v>154459</v>
      </c>
      <c r="GS37" s="312">
        <v>0</v>
      </c>
      <c r="GT37" s="313">
        <v>98622</v>
      </c>
      <c r="GU37" s="314">
        <v>98622</v>
      </c>
      <c r="GV37" s="312">
        <v>0</v>
      </c>
      <c r="GW37" s="313">
        <v>133496</v>
      </c>
      <c r="GX37" s="313">
        <v>82260</v>
      </c>
      <c r="GY37" s="313">
        <v>378900</v>
      </c>
      <c r="GZ37" s="313">
        <v>0</v>
      </c>
      <c r="HA37" s="313">
        <v>0</v>
      </c>
      <c r="HB37" s="317">
        <v>594656</v>
      </c>
      <c r="HC37" s="316">
        <v>693278</v>
      </c>
      <c r="HD37" s="312">
        <v>223084</v>
      </c>
      <c r="HE37" s="313">
        <v>394676</v>
      </c>
      <c r="HF37" s="317">
        <v>617760</v>
      </c>
      <c r="HG37" s="318">
        <v>0</v>
      </c>
      <c r="HH37" s="313">
        <v>1425319</v>
      </c>
      <c r="HI37" s="313">
        <v>1153708</v>
      </c>
      <c r="HJ37" s="313">
        <v>680097</v>
      </c>
      <c r="HK37" s="313">
        <v>2945953</v>
      </c>
      <c r="HL37" s="313">
        <v>1179878</v>
      </c>
      <c r="HM37" s="314">
        <v>7384955</v>
      </c>
      <c r="HN37" s="315">
        <v>8002715</v>
      </c>
      <c r="HO37" s="319">
        <v>175380</v>
      </c>
      <c r="HP37" s="313">
        <v>286040</v>
      </c>
      <c r="HQ37" s="314">
        <v>461420</v>
      </c>
      <c r="HR37" s="312">
        <v>0</v>
      </c>
      <c r="HS37" s="313">
        <v>2046750</v>
      </c>
      <c r="HT37" s="313">
        <v>1526851</v>
      </c>
      <c r="HU37" s="313">
        <v>878731</v>
      </c>
      <c r="HV37" s="313">
        <v>646374</v>
      </c>
      <c r="HW37" s="313">
        <v>410666</v>
      </c>
      <c r="HX37" s="317">
        <v>5509372</v>
      </c>
      <c r="HY37" s="316">
        <v>5970792</v>
      </c>
      <c r="HZ37" s="321">
        <v>54558</v>
      </c>
      <c r="IA37" s="322">
        <v>428670</v>
      </c>
      <c r="IB37" s="323">
        <v>483228</v>
      </c>
      <c r="IC37" s="324">
        <v>0</v>
      </c>
      <c r="ID37" s="322">
        <v>6172281</v>
      </c>
      <c r="IE37" s="325">
        <v>4267024</v>
      </c>
      <c r="IF37" s="323">
        <v>6543876</v>
      </c>
      <c r="IG37" s="322">
        <v>6803365</v>
      </c>
      <c r="IH37" s="323">
        <v>3128653</v>
      </c>
      <c r="II37" s="326">
        <v>26915199</v>
      </c>
      <c r="IJ37" s="327">
        <v>27398427</v>
      </c>
      <c r="IK37" s="328">
        <v>0</v>
      </c>
      <c r="IL37" s="329">
        <v>0</v>
      </c>
      <c r="IM37" s="330">
        <v>0</v>
      </c>
      <c r="IN37" s="390">
        <v>0</v>
      </c>
      <c r="IO37" s="331">
        <v>54488</v>
      </c>
      <c r="IP37" s="331">
        <v>417209</v>
      </c>
      <c r="IQ37" s="331">
        <v>194742</v>
      </c>
      <c r="IR37" s="331">
        <v>208728</v>
      </c>
      <c r="IS37" s="331">
        <v>0</v>
      </c>
      <c r="IT37" s="332">
        <v>875167</v>
      </c>
      <c r="IU37" s="333">
        <v>875167</v>
      </c>
      <c r="IV37" s="334">
        <v>0</v>
      </c>
      <c r="IW37" s="331">
        <v>0</v>
      </c>
      <c r="IX37" s="335">
        <v>0</v>
      </c>
      <c r="IY37" s="399">
        <v>0</v>
      </c>
      <c r="IZ37" s="331">
        <v>0</v>
      </c>
      <c r="JA37" s="331">
        <v>0</v>
      </c>
      <c r="JB37" s="331">
        <v>0</v>
      </c>
      <c r="JC37" s="331">
        <v>0</v>
      </c>
      <c r="JD37" s="331">
        <v>0</v>
      </c>
      <c r="JE37" s="335">
        <v>0</v>
      </c>
      <c r="JF37" s="336">
        <v>0</v>
      </c>
      <c r="JG37" s="334">
        <v>0</v>
      </c>
      <c r="JH37" s="331">
        <v>0</v>
      </c>
      <c r="JI37" s="332">
        <v>0</v>
      </c>
      <c r="JJ37" s="337">
        <v>0</v>
      </c>
      <c r="JK37" s="331">
        <v>2652450</v>
      </c>
      <c r="JL37" s="331">
        <v>2218950</v>
      </c>
      <c r="JM37" s="331">
        <v>932444</v>
      </c>
      <c r="JN37" s="331">
        <v>474100</v>
      </c>
      <c r="JO37" s="331">
        <v>381052</v>
      </c>
      <c r="JP37" s="335">
        <v>6658996</v>
      </c>
      <c r="JQ37" s="333">
        <v>6658996</v>
      </c>
      <c r="JR37" s="334">
        <v>0</v>
      </c>
      <c r="JS37" s="331">
        <v>0</v>
      </c>
      <c r="JT37" s="332">
        <v>0</v>
      </c>
      <c r="JU37" s="337">
        <v>0</v>
      </c>
      <c r="JV37" s="331">
        <v>454910</v>
      </c>
      <c r="JW37" s="331">
        <v>115021</v>
      </c>
      <c r="JX37" s="331">
        <v>471746</v>
      </c>
      <c r="JY37" s="331">
        <v>0</v>
      </c>
      <c r="JZ37" s="331">
        <v>182008</v>
      </c>
      <c r="KA37" s="335">
        <v>1223685</v>
      </c>
      <c r="KB37" s="333">
        <v>1223685</v>
      </c>
      <c r="KC37" s="338">
        <v>54558</v>
      </c>
      <c r="KD37" s="339">
        <v>181782</v>
      </c>
      <c r="KE37" s="335">
        <v>236340</v>
      </c>
      <c r="KF37" s="337">
        <v>0</v>
      </c>
      <c r="KG37" s="331">
        <v>1789176</v>
      </c>
      <c r="KH37" s="331">
        <v>945819</v>
      </c>
      <c r="KI37" s="331">
        <v>1047447</v>
      </c>
      <c r="KJ37" s="331">
        <v>1280529</v>
      </c>
      <c r="KK37" s="331">
        <v>0</v>
      </c>
      <c r="KL37" s="335">
        <v>5062971</v>
      </c>
      <c r="KM37" s="340">
        <v>5299311</v>
      </c>
      <c r="KN37" s="328">
        <v>0</v>
      </c>
      <c r="KO37" s="329">
        <v>246888</v>
      </c>
      <c r="KP37" s="330">
        <v>246888</v>
      </c>
      <c r="KQ37" s="399">
        <v>0</v>
      </c>
      <c r="KR37" s="331">
        <v>1031708</v>
      </c>
      <c r="KS37" s="331">
        <v>570025</v>
      </c>
      <c r="KT37" s="331">
        <v>1658616</v>
      </c>
      <c r="KU37" s="331">
        <v>2828252</v>
      </c>
      <c r="KV37" s="331">
        <v>1399769</v>
      </c>
      <c r="KW37" s="335">
        <v>7488370</v>
      </c>
      <c r="KX37" s="333">
        <v>7735258</v>
      </c>
      <c r="KY37" s="334">
        <v>0</v>
      </c>
      <c r="KZ37" s="331">
        <v>0</v>
      </c>
      <c r="LA37" s="335">
        <v>0</v>
      </c>
      <c r="LB37" s="399">
        <v>0</v>
      </c>
      <c r="LC37" s="331">
        <v>0</v>
      </c>
      <c r="LD37" s="331">
        <v>0</v>
      </c>
      <c r="LE37" s="331">
        <v>0</v>
      </c>
      <c r="LF37" s="331">
        <v>0</v>
      </c>
      <c r="LG37" s="331">
        <v>0</v>
      </c>
      <c r="LH37" s="335">
        <v>0</v>
      </c>
      <c r="LI37" s="336">
        <v>0</v>
      </c>
      <c r="LJ37" s="334">
        <v>0</v>
      </c>
      <c r="LK37" s="331">
        <v>0</v>
      </c>
      <c r="LL37" s="335">
        <v>0</v>
      </c>
      <c r="LM37" s="399">
        <v>0</v>
      </c>
      <c r="LN37" s="331">
        <v>189549</v>
      </c>
      <c r="LO37" s="331">
        <v>0</v>
      </c>
      <c r="LP37" s="331">
        <v>2238881</v>
      </c>
      <c r="LQ37" s="331">
        <v>2011756</v>
      </c>
      <c r="LR37" s="331">
        <v>1165824</v>
      </c>
      <c r="LS37" s="335">
        <v>5606010</v>
      </c>
      <c r="LT37" s="333">
        <v>5606010</v>
      </c>
      <c r="LU37" s="334">
        <v>0</v>
      </c>
      <c r="LV37" s="331">
        <v>0</v>
      </c>
      <c r="LW37" s="335">
        <v>0</v>
      </c>
      <c r="LX37" s="399">
        <v>0</v>
      </c>
      <c r="LY37" s="331">
        <v>0</v>
      </c>
      <c r="LZ37" s="331">
        <v>0</v>
      </c>
      <c r="MA37" s="331">
        <v>0</v>
      </c>
      <c r="MB37" s="331">
        <v>0</v>
      </c>
      <c r="MC37" s="331">
        <v>0</v>
      </c>
      <c r="MD37" s="335">
        <v>0</v>
      </c>
      <c r="ME37" s="336">
        <v>0</v>
      </c>
      <c r="MF37" s="334">
        <v>0</v>
      </c>
      <c r="MG37" s="331">
        <v>0</v>
      </c>
      <c r="MH37" s="335">
        <v>0</v>
      </c>
      <c r="MI37" s="399">
        <v>0</v>
      </c>
      <c r="MJ37" s="331">
        <v>2608190</v>
      </c>
      <c r="MK37" s="331">
        <v>1465825</v>
      </c>
      <c r="ML37" s="331">
        <v>6129429</v>
      </c>
      <c r="MM37" s="331">
        <v>13776798</v>
      </c>
      <c r="MN37" s="331">
        <v>8723159</v>
      </c>
      <c r="MO37" s="335">
        <v>32703401</v>
      </c>
      <c r="MP37" s="340">
        <v>32703401</v>
      </c>
      <c r="MQ37" s="334">
        <v>0</v>
      </c>
      <c r="MR37" s="331">
        <v>0</v>
      </c>
      <c r="MS37" s="335">
        <v>0</v>
      </c>
      <c r="MT37" s="399">
        <v>0</v>
      </c>
      <c r="MU37" s="331">
        <v>480336</v>
      </c>
      <c r="MV37" s="331">
        <v>0</v>
      </c>
      <c r="MW37" s="331">
        <v>4311078</v>
      </c>
      <c r="MX37" s="331">
        <v>8661010</v>
      </c>
      <c r="MY37" s="331">
        <v>5809015</v>
      </c>
      <c r="MZ37" s="335">
        <v>19261439</v>
      </c>
      <c r="NA37" s="340">
        <v>19261439</v>
      </c>
      <c r="NB37" s="334">
        <v>0</v>
      </c>
      <c r="NC37" s="331">
        <v>0</v>
      </c>
      <c r="ND37" s="335">
        <v>0</v>
      </c>
      <c r="NE37" s="399">
        <v>0</v>
      </c>
      <c r="NF37" s="331">
        <v>1586535</v>
      </c>
      <c r="NG37" s="331">
        <v>1465825</v>
      </c>
      <c r="NH37" s="331">
        <v>1818351</v>
      </c>
      <c r="NI37" s="331">
        <v>5115788</v>
      </c>
      <c r="NJ37" s="331">
        <v>872359</v>
      </c>
      <c r="NK37" s="335">
        <v>10858858</v>
      </c>
      <c r="NL37" s="333">
        <v>10858858</v>
      </c>
      <c r="NM37" s="334">
        <v>0</v>
      </c>
      <c r="NN37" s="331">
        <v>0</v>
      </c>
      <c r="NO37" s="335">
        <v>0</v>
      </c>
      <c r="NP37" s="399">
        <v>0</v>
      </c>
      <c r="NQ37" s="331">
        <v>0</v>
      </c>
      <c r="NR37" s="331">
        <v>0</v>
      </c>
      <c r="NS37" s="331">
        <v>0</v>
      </c>
      <c r="NT37" s="331">
        <v>0</v>
      </c>
      <c r="NU37" s="331">
        <v>0</v>
      </c>
      <c r="NV37" s="335">
        <v>0</v>
      </c>
      <c r="NW37" s="336">
        <v>0</v>
      </c>
      <c r="NX37" s="334">
        <v>0</v>
      </c>
      <c r="NY37" s="331">
        <v>0</v>
      </c>
      <c r="NZ37" s="335">
        <v>0</v>
      </c>
      <c r="OA37" s="399">
        <v>0</v>
      </c>
      <c r="OB37" s="331">
        <v>541319</v>
      </c>
      <c r="OC37" s="331">
        <v>0</v>
      </c>
      <c r="OD37" s="331">
        <v>0</v>
      </c>
      <c r="OE37" s="331">
        <v>0</v>
      </c>
      <c r="OF37" s="331">
        <v>2041785</v>
      </c>
      <c r="OG37" s="335">
        <v>2583104</v>
      </c>
      <c r="OH37" s="336">
        <v>2583104</v>
      </c>
      <c r="OI37" s="334">
        <v>1041087</v>
      </c>
      <c r="OJ37" s="331">
        <v>2157447</v>
      </c>
      <c r="OK37" s="332">
        <v>3198534</v>
      </c>
      <c r="OL37" s="337">
        <v>0</v>
      </c>
      <c r="OM37" s="331">
        <v>19883928</v>
      </c>
      <c r="ON37" s="331">
        <v>17874217</v>
      </c>
      <c r="OO37" s="331">
        <v>20968227</v>
      </c>
      <c r="OP37" s="331">
        <v>30011307</v>
      </c>
      <c r="OQ37" s="331">
        <v>18925179</v>
      </c>
      <c r="OR37" s="335">
        <v>107662858</v>
      </c>
      <c r="OS37" s="340">
        <v>110861392</v>
      </c>
    </row>
    <row r="38" spans="2:409" s="56" customFormat="1" ht="21" customHeight="1" x14ac:dyDescent="0.2">
      <c r="B38" s="396" t="s">
        <v>33</v>
      </c>
      <c r="C38" s="312">
        <v>1131673</v>
      </c>
      <c r="D38" s="313">
        <v>1872907</v>
      </c>
      <c r="E38" s="314">
        <v>3004580</v>
      </c>
      <c r="F38" s="315">
        <v>0</v>
      </c>
      <c r="G38" s="313">
        <v>15415809</v>
      </c>
      <c r="H38" s="313">
        <v>12351228</v>
      </c>
      <c r="I38" s="313">
        <v>11836398</v>
      </c>
      <c r="J38" s="313">
        <v>4823977</v>
      </c>
      <c r="K38" s="313">
        <v>6161203</v>
      </c>
      <c r="L38" s="353">
        <v>50588615</v>
      </c>
      <c r="M38" s="316">
        <v>53593195</v>
      </c>
      <c r="N38" s="312">
        <v>433958</v>
      </c>
      <c r="O38" s="313">
        <v>790349</v>
      </c>
      <c r="P38" s="314">
        <v>1224307</v>
      </c>
      <c r="Q38" s="312">
        <v>0</v>
      </c>
      <c r="R38" s="313">
        <v>5947413</v>
      </c>
      <c r="S38" s="313">
        <v>3917881</v>
      </c>
      <c r="T38" s="313">
        <v>3296148</v>
      </c>
      <c r="U38" s="313">
        <v>1280719</v>
      </c>
      <c r="V38" s="313">
        <v>1742651</v>
      </c>
      <c r="W38" s="314">
        <v>16184812</v>
      </c>
      <c r="X38" s="316">
        <v>17409119</v>
      </c>
      <c r="Y38" s="312">
        <v>0</v>
      </c>
      <c r="Z38" s="313">
        <v>0</v>
      </c>
      <c r="AA38" s="314">
        <v>0</v>
      </c>
      <c r="AB38" s="312">
        <v>0</v>
      </c>
      <c r="AC38" s="313">
        <v>1285917</v>
      </c>
      <c r="AD38" s="313">
        <v>1126724</v>
      </c>
      <c r="AE38" s="313">
        <v>1708312</v>
      </c>
      <c r="AF38" s="313">
        <v>131722</v>
      </c>
      <c r="AG38" s="313">
        <v>932078</v>
      </c>
      <c r="AH38" s="314">
        <v>5184753</v>
      </c>
      <c r="AI38" s="316">
        <v>5184753</v>
      </c>
      <c r="AJ38" s="312">
        <v>0</v>
      </c>
      <c r="AK38" s="313">
        <v>0</v>
      </c>
      <c r="AL38" s="314">
        <v>0</v>
      </c>
      <c r="AM38" s="312">
        <v>0</v>
      </c>
      <c r="AN38" s="313">
        <v>66825</v>
      </c>
      <c r="AO38" s="313">
        <v>116721</v>
      </c>
      <c r="AP38" s="313">
        <v>130906</v>
      </c>
      <c r="AQ38" s="313">
        <v>89085</v>
      </c>
      <c r="AR38" s="313">
        <v>194049</v>
      </c>
      <c r="AS38" s="314">
        <v>597586</v>
      </c>
      <c r="AT38" s="316">
        <v>597586</v>
      </c>
      <c r="AU38" s="312">
        <v>24739</v>
      </c>
      <c r="AV38" s="313">
        <v>75393</v>
      </c>
      <c r="AW38" s="314">
        <v>100132</v>
      </c>
      <c r="AX38" s="312">
        <v>0</v>
      </c>
      <c r="AY38" s="313">
        <v>1031456</v>
      </c>
      <c r="AZ38" s="313">
        <v>957849</v>
      </c>
      <c r="BA38" s="313">
        <v>298101</v>
      </c>
      <c r="BB38" s="313">
        <v>179450</v>
      </c>
      <c r="BC38" s="313">
        <v>286235</v>
      </c>
      <c r="BD38" s="314">
        <v>2753091</v>
      </c>
      <c r="BE38" s="316">
        <v>2853223</v>
      </c>
      <c r="BF38" s="312">
        <v>272683</v>
      </c>
      <c r="BG38" s="313">
        <v>617090</v>
      </c>
      <c r="BH38" s="317">
        <v>889773</v>
      </c>
      <c r="BI38" s="318">
        <v>0</v>
      </c>
      <c r="BJ38" s="313">
        <v>3019422</v>
      </c>
      <c r="BK38" s="313">
        <v>1231757</v>
      </c>
      <c r="BL38" s="313">
        <v>640397</v>
      </c>
      <c r="BM38" s="313">
        <v>734653</v>
      </c>
      <c r="BN38" s="313">
        <v>112304</v>
      </c>
      <c r="BO38" s="314">
        <v>5738533</v>
      </c>
      <c r="BP38" s="316">
        <v>6628306</v>
      </c>
      <c r="BQ38" s="312">
        <v>136536</v>
      </c>
      <c r="BR38" s="313">
        <v>97866</v>
      </c>
      <c r="BS38" s="314">
        <v>234402</v>
      </c>
      <c r="BT38" s="312">
        <v>0</v>
      </c>
      <c r="BU38" s="313">
        <v>543793</v>
      </c>
      <c r="BV38" s="313">
        <v>484830</v>
      </c>
      <c r="BW38" s="313">
        <v>518432</v>
      </c>
      <c r="BX38" s="313">
        <v>145809</v>
      </c>
      <c r="BY38" s="313">
        <v>217985</v>
      </c>
      <c r="BZ38" s="314">
        <v>1910849</v>
      </c>
      <c r="CA38" s="316">
        <v>2145251</v>
      </c>
      <c r="CB38" s="312">
        <v>136702</v>
      </c>
      <c r="CC38" s="313">
        <v>524556</v>
      </c>
      <c r="CD38" s="314">
        <v>661258</v>
      </c>
      <c r="CE38" s="312">
        <v>0</v>
      </c>
      <c r="CF38" s="313">
        <v>2746688</v>
      </c>
      <c r="CG38" s="313">
        <v>2322571</v>
      </c>
      <c r="CH38" s="313">
        <v>1419509</v>
      </c>
      <c r="CI38" s="313">
        <v>777184</v>
      </c>
      <c r="CJ38" s="313">
        <v>607416</v>
      </c>
      <c r="CK38" s="314">
        <v>7873368</v>
      </c>
      <c r="CL38" s="316">
        <v>8534626</v>
      </c>
      <c r="CM38" s="312">
        <v>0</v>
      </c>
      <c r="CN38" s="313">
        <v>0</v>
      </c>
      <c r="CO38" s="314">
        <v>0</v>
      </c>
      <c r="CP38" s="318">
        <v>0</v>
      </c>
      <c r="CQ38" s="313">
        <v>315219</v>
      </c>
      <c r="CR38" s="313">
        <v>734175</v>
      </c>
      <c r="CS38" s="313">
        <v>579274</v>
      </c>
      <c r="CT38" s="313">
        <v>493333</v>
      </c>
      <c r="CU38" s="313">
        <v>412982</v>
      </c>
      <c r="CV38" s="314">
        <v>2534983</v>
      </c>
      <c r="CW38" s="316">
        <v>2534983</v>
      </c>
      <c r="CX38" s="312">
        <v>136702</v>
      </c>
      <c r="CY38" s="313">
        <v>524556</v>
      </c>
      <c r="CZ38" s="314">
        <v>661258</v>
      </c>
      <c r="DA38" s="312">
        <v>0</v>
      </c>
      <c r="DB38" s="313">
        <v>2431469</v>
      </c>
      <c r="DC38" s="313">
        <v>1588396</v>
      </c>
      <c r="DD38" s="313">
        <v>840235</v>
      </c>
      <c r="DE38" s="313">
        <v>283851</v>
      </c>
      <c r="DF38" s="313">
        <v>194434</v>
      </c>
      <c r="DG38" s="314">
        <v>5338385</v>
      </c>
      <c r="DH38" s="316">
        <v>5999643</v>
      </c>
      <c r="DI38" s="312">
        <v>0</v>
      </c>
      <c r="DJ38" s="313">
        <v>0</v>
      </c>
      <c r="DK38" s="317">
        <v>0</v>
      </c>
      <c r="DL38" s="318">
        <v>0</v>
      </c>
      <c r="DM38" s="313">
        <v>361533</v>
      </c>
      <c r="DN38" s="313">
        <v>815361</v>
      </c>
      <c r="DO38" s="313">
        <v>988576</v>
      </c>
      <c r="DP38" s="313">
        <v>1267777</v>
      </c>
      <c r="DQ38" s="313">
        <v>788259</v>
      </c>
      <c r="DR38" s="314">
        <v>4221506</v>
      </c>
      <c r="DS38" s="316">
        <v>4221506</v>
      </c>
      <c r="DT38" s="312">
        <v>0</v>
      </c>
      <c r="DU38" s="313">
        <v>0</v>
      </c>
      <c r="DV38" s="314">
        <v>0</v>
      </c>
      <c r="DW38" s="312">
        <v>0</v>
      </c>
      <c r="DX38" s="313">
        <v>171672</v>
      </c>
      <c r="DY38" s="313">
        <v>815361</v>
      </c>
      <c r="DZ38" s="313">
        <v>988576</v>
      </c>
      <c r="EA38" s="313">
        <v>1172575</v>
      </c>
      <c r="EB38" s="313">
        <v>758399</v>
      </c>
      <c r="EC38" s="314">
        <v>3906583</v>
      </c>
      <c r="ED38" s="316">
        <v>3906583</v>
      </c>
      <c r="EE38" s="312">
        <v>0</v>
      </c>
      <c r="EF38" s="317">
        <v>0</v>
      </c>
      <c r="EG38" s="314">
        <v>0</v>
      </c>
      <c r="EH38" s="312">
        <v>0</v>
      </c>
      <c r="EI38" s="313">
        <v>45045</v>
      </c>
      <c r="EJ38" s="313">
        <v>0</v>
      </c>
      <c r="EK38" s="313">
        <v>0</v>
      </c>
      <c r="EL38" s="313">
        <v>95202</v>
      </c>
      <c r="EM38" s="313">
        <v>29860</v>
      </c>
      <c r="EN38" s="317">
        <v>170107</v>
      </c>
      <c r="EO38" s="316">
        <v>170107</v>
      </c>
      <c r="EP38" s="312">
        <v>0</v>
      </c>
      <c r="EQ38" s="313">
        <v>0</v>
      </c>
      <c r="ER38" s="317">
        <v>0</v>
      </c>
      <c r="ES38" s="318">
        <v>0</v>
      </c>
      <c r="ET38" s="313">
        <v>0</v>
      </c>
      <c r="EU38" s="313">
        <v>0</v>
      </c>
      <c r="EV38" s="313">
        <v>0</v>
      </c>
      <c r="EW38" s="313">
        <v>0</v>
      </c>
      <c r="EX38" s="313">
        <v>0</v>
      </c>
      <c r="EY38" s="314">
        <v>0</v>
      </c>
      <c r="EZ38" s="316">
        <v>0</v>
      </c>
      <c r="FA38" s="312">
        <v>0</v>
      </c>
      <c r="FB38" s="313">
        <v>0</v>
      </c>
      <c r="FC38" s="317">
        <v>0</v>
      </c>
      <c r="FD38" s="318">
        <v>0</v>
      </c>
      <c r="FE38" s="313">
        <v>144816</v>
      </c>
      <c r="FF38" s="313">
        <v>0</v>
      </c>
      <c r="FG38" s="313">
        <v>0</v>
      </c>
      <c r="FH38" s="313">
        <v>0</v>
      </c>
      <c r="FI38" s="313">
        <v>0</v>
      </c>
      <c r="FJ38" s="314">
        <v>144816</v>
      </c>
      <c r="FK38" s="316">
        <v>144816</v>
      </c>
      <c r="FL38" s="312">
        <v>135532</v>
      </c>
      <c r="FM38" s="313">
        <v>227373</v>
      </c>
      <c r="FN38" s="314">
        <v>362905</v>
      </c>
      <c r="FO38" s="312">
        <v>0</v>
      </c>
      <c r="FP38" s="313">
        <v>1209547</v>
      </c>
      <c r="FQ38" s="313">
        <v>970282</v>
      </c>
      <c r="FR38" s="313">
        <v>480908</v>
      </c>
      <c r="FS38" s="313">
        <v>381178</v>
      </c>
      <c r="FT38" s="313">
        <v>399608</v>
      </c>
      <c r="FU38" s="314">
        <v>3441523</v>
      </c>
      <c r="FV38" s="316">
        <v>3804428</v>
      </c>
      <c r="FW38" s="319">
        <v>125632</v>
      </c>
      <c r="FX38" s="313">
        <v>150873</v>
      </c>
      <c r="FY38" s="317">
        <v>276505</v>
      </c>
      <c r="FZ38" s="318">
        <v>0</v>
      </c>
      <c r="GA38" s="313">
        <v>906247</v>
      </c>
      <c r="GB38" s="313">
        <v>970282</v>
      </c>
      <c r="GC38" s="313">
        <v>460871</v>
      </c>
      <c r="GD38" s="313">
        <v>381178</v>
      </c>
      <c r="GE38" s="313">
        <v>399608</v>
      </c>
      <c r="GF38" s="314">
        <v>3118186</v>
      </c>
      <c r="GG38" s="320">
        <v>3394691</v>
      </c>
      <c r="GH38" s="319">
        <v>9900</v>
      </c>
      <c r="GI38" s="313">
        <v>0</v>
      </c>
      <c r="GJ38" s="317">
        <v>9900</v>
      </c>
      <c r="GK38" s="318">
        <v>0</v>
      </c>
      <c r="GL38" s="313">
        <v>0</v>
      </c>
      <c r="GM38" s="313">
        <v>0</v>
      </c>
      <c r="GN38" s="313">
        <v>20037</v>
      </c>
      <c r="GO38" s="313">
        <v>0</v>
      </c>
      <c r="GP38" s="313">
        <v>0</v>
      </c>
      <c r="GQ38" s="314">
        <v>20037</v>
      </c>
      <c r="GR38" s="316">
        <v>29937</v>
      </c>
      <c r="GS38" s="312">
        <v>0</v>
      </c>
      <c r="GT38" s="313">
        <v>76500</v>
      </c>
      <c r="GU38" s="314">
        <v>76500</v>
      </c>
      <c r="GV38" s="312">
        <v>0</v>
      </c>
      <c r="GW38" s="313">
        <v>303300</v>
      </c>
      <c r="GX38" s="313">
        <v>0</v>
      </c>
      <c r="GY38" s="313">
        <v>0</v>
      </c>
      <c r="GZ38" s="313">
        <v>0</v>
      </c>
      <c r="HA38" s="313">
        <v>0</v>
      </c>
      <c r="HB38" s="317">
        <v>303300</v>
      </c>
      <c r="HC38" s="316">
        <v>379800</v>
      </c>
      <c r="HD38" s="312">
        <v>286532</v>
      </c>
      <c r="HE38" s="313">
        <v>103415</v>
      </c>
      <c r="HF38" s="317">
        <v>389947</v>
      </c>
      <c r="HG38" s="318">
        <v>0</v>
      </c>
      <c r="HH38" s="313">
        <v>2623821</v>
      </c>
      <c r="HI38" s="313">
        <v>2911593</v>
      </c>
      <c r="HJ38" s="313">
        <v>4909093</v>
      </c>
      <c r="HK38" s="313">
        <v>671709</v>
      </c>
      <c r="HL38" s="313">
        <v>2254181</v>
      </c>
      <c r="HM38" s="314">
        <v>13370397</v>
      </c>
      <c r="HN38" s="315">
        <v>13760344</v>
      </c>
      <c r="HO38" s="319">
        <v>138949</v>
      </c>
      <c r="HP38" s="313">
        <v>227214</v>
      </c>
      <c r="HQ38" s="314">
        <v>366163</v>
      </c>
      <c r="HR38" s="312">
        <v>0</v>
      </c>
      <c r="HS38" s="313">
        <v>2526807</v>
      </c>
      <c r="HT38" s="313">
        <v>1413540</v>
      </c>
      <c r="HU38" s="313">
        <v>742164</v>
      </c>
      <c r="HV38" s="313">
        <v>445410</v>
      </c>
      <c r="HW38" s="313">
        <v>369088</v>
      </c>
      <c r="HX38" s="317">
        <v>5497009</v>
      </c>
      <c r="HY38" s="316">
        <v>5863172</v>
      </c>
      <c r="HZ38" s="344">
        <v>0</v>
      </c>
      <c r="IA38" s="342">
        <v>242741</v>
      </c>
      <c r="IB38" s="344">
        <v>242741</v>
      </c>
      <c r="IC38" s="324">
        <v>0</v>
      </c>
      <c r="ID38" s="322">
        <v>2362569</v>
      </c>
      <c r="IE38" s="325">
        <v>3193267</v>
      </c>
      <c r="IF38" s="323">
        <v>2713055</v>
      </c>
      <c r="IG38" s="322">
        <v>1014359</v>
      </c>
      <c r="IH38" s="323">
        <v>489662</v>
      </c>
      <c r="II38" s="326">
        <v>9772912</v>
      </c>
      <c r="IJ38" s="344">
        <v>10015653</v>
      </c>
      <c r="IK38" s="328">
        <v>0</v>
      </c>
      <c r="IL38" s="329">
        <v>0</v>
      </c>
      <c r="IM38" s="330">
        <v>0</v>
      </c>
      <c r="IN38" s="390">
        <v>0</v>
      </c>
      <c r="IO38" s="331">
        <v>0</v>
      </c>
      <c r="IP38" s="331">
        <v>0</v>
      </c>
      <c r="IQ38" s="331">
        <v>0</v>
      </c>
      <c r="IR38" s="331">
        <v>0</v>
      </c>
      <c r="IS38" s="331">
        <v>0</v>
      </c>
      <c r="IT38" s="332">
        <v>0</v>
      </c>
      <c r="IU38" s="333">
        <v>0</v>
      </c>
      <c r="IV38" s="334">
        <v>0</v>
      </c>
      <c r="IW38" s="331">
        <v>0</v>
      </c>
      <c r="IX38" s="335">
        <v>0</v>
      </c>
      <c r="IY38" s="399">
        <v>0</v>
      </c>
      <c r="IZ38" s="331">
        <v>0</v>
      </c>
      <c r="JA38" s="331">
        <v>0</v>
      </c>
      <c r="JB38" s="331">
        <v>0</v>
      </c>
      <c r="JC38" s="331">
        <v>0</v>
      </c>
      <c r="JD38" s="331">
        <v>0</v>
      </c>
      <c r="JE38" s="335">
        <v>0</v>
      </c>
      <c r="JF38" s="336">
        <v>0</v>
      </c>
      <c r="JG38" s="334">
        <v>0</v>
      </c>
      <c r="JH38" s="331">
        <v>0</v>
      </c>
      <c r="JI38" s="332">
        <v>0</v>
      </c>
      <c r="JJ38" s="337">
        <v>0</v>
      </c>
      <c r="JK38" s="331">
        <v>1849781</v>
      </c>
      <c r="JL38" s="331">
        <v>2657901</v>
      </c>
      <c r="JM38" s="331">
        <v>570884</v>
      </c>
      <c r="JN38" s="331">
        <v>172598</v>
      </c>
      <c r="JO38" s="331">
        <v>203590</v>
      </c>
      <c r="JP38" s="335">
        <v>5454754</v>
      </c>
      <c r="JQ38" s="333">
        <v>5454754</v>
      </c>
      <c r="JR38" s="334">
        <v>0</v>
      </c>
      <c r="JS38" s="331">
        <v>0</v>
      </c>
      <c r="JT38" s="332">
        <v>0</v>
      </c>
      <c r="JU38" s="337">
        <v>0</v>
      </c>
      <c r="JV38" s="331">
        <v>0</v>
      </c>
      <c r="JW38" s="331">
        <v>0</v>
      </c>
      <c r="JX38" s="331">
        <v>0</v>
      </c>
      <c r="JY38" s="331">
        <v>0</v>
      </c>
      <c r="JZ38" s="331">
        <v>0</v>
      </c>
      <c r="KA38" s="335">
        <v>0</v>
      </c>
      <c r="KB38" s="333">
        <v>0</v>
      </c>
      <c r="KC38" s="338">
        <v>0</v>
      </c>
      <c r="KD38" s="339">
        <v>0</v>
      </c>
      <c r="KE38" s="335">
        <v>0</v>
      </c>
      <c r="KF38" s="337">
        <v>0</v>
      </c>
      <c r="KG38" s="331">
        <v>0</v>
      </c>
      <c r="KH38" s="331">
        <v>0</v>
      </c>
      <c r="KI38" s="331">
        <v>0</v>
      </c>
      <c r="KJ38" s="331">
        <v>0</v>
      </c>
      <c r="KK38" s="331">
        <v>0</v>
      </c>
      <c r="KL38" s="335">
        <v>0</v>
      </c>
      <c r="KM38" s="340">
        <v>0</v>
      </c>
      <c r="KN38" s="328">
        <v>0</v>
      </c>
      <c r="KO38" s="329">
        <v>242741</v>
      </c>
      <c r="KP38" s="330">
        <v>242741</v>
      </c>
      <c r="KQ38" s="399">
        <v>0</v>
      </c>
      <c r="KR38" s="331">
        <v>512788</v>
      </c>
      <c r="KS38" s="331">
        <v>535366</v>
      </c>
      <c r="KT38" s="331">
        <v>2142171</v>
      </c>
      <c r="KU38" s="331">
        <v>841761</v>
      </c>
      <c r="KV38" s="331">
        <v>286072</v>
      </c>
      <c r="KW38" s="335">
        <v>4318158</v>
      </c>
      <c r="KX38" s="333">
        <v>4560899</v>
      </c>
      <c r="KY38" s="334">
        <v>0</v>
      </c>
      <c r="KZ38" s="331">
        <v>0</v>
      </c>
      <c r="LA38" s="335">
        <v>0</v>
      </c>
      <c r="LB38" s="399">
        <v>0</v>
      </c>
      <c r="LC38" s="331">
        <v>0</v>
      </c>
      <c r="LD38" s="331">
        <v>0</v>
      </c>
      <c r="LE38" s="331">
        <v>0</v>
      </c>
      <c r="LF38" s="331">
        <v>0</v>
      </c>
      <c r="LG38" s="331">
        <v>0</v>
      </c>
      <c r="LH38" s="335">
        <v>0</v>
      </c>
      <c r="LI38" s="336">
        <v>0</v>
      </c>
      <c r="LJ38" s="334">
        <v>0</v>
      </c>
      <c r="LK38" s="331">
        <v>0</v>
      </c>
      <c r="LL38" s="335">
        <v>0</v>
      </c>
      <c r="LM38" s="399">
        <v>0</v>
      </c>
      <c r="LN38" s="331">
        <v>0</v>
      </c>
      <c r="LO38" s="331">
        <v>0</v>
      </c>
      <c r="LP38" s="331">
        <v>0</v>
      </c>
      <c r="LQ38" s="331">
        <v>0</v>
      </c>
      <c r="LR38" s="331">
        <v>0</v>
      </c>
      <c r="LS38" s="335">
        <v>0</v>
      </c>
      <c r="LT38" s="333">
        <v>0</v>
      </c>
      <c r="LU38" s="334">
        <v>0</v>
      </c>
      <c r="LV38" s="331">
        <v>0</v>
      </c>
      <c r="LW38" s="335">
        <v>0</v>
      </c>
      <c r="LX38" s="399">
        <v>0</v>
      </c>
      <c r="LY38" s="331">
        <v>0</v>
      </c>
      <c r="LZ38" s="331">
        <v>0</v>
      </c>
      <c r="MA38" s="331">
        <v>0</v>
      </c>
      <c r="MB38" s="331">
        <v>0</v>
      </c>
      <c r="MC38" s="331">
        <v>0</v>
      </c>
      <c r="MD38" s="335">
        <v>0</v>
      </c>
      <c r="ME38" s="336">
        <v>0</v>
      </c>
      <c r="MF38" s="334">
        <v>0</v>
      </c>
      <c r="MG38" s="331">
        <v>0</v>
      </c>
      <c r="MH38" s="335">
        <v>0</v>
      </c>
      <c r="MI38" s="399">
        <v>0</v>
      </c>
      <c r="MJ38" s="331">
        <v>2469867</v>
      </c>
      <c r="MK38" s="331">
        <v>6141338</v>
      </c>
      <c r="ML38" s="331">
        <v>15733460</v>
      </c>
      <c r="MM38" s="331">
        <v>14590999</v>
      </c>
      <c r="MN38" s="331">
        <v>11937504</v>
      </c>
      <c r="MO38" s="335">
        <v>50873168</v>
      </c>
      <c r="MP38" s="340">
        <v>50873168</v>
      </c>
      <c r="MQ38" s="334">
        <v>0</v>
      </c>
      <c r="MR38" s="331">
        <v>0</v>
      </c>
      <c r="MS38" s="335">
        <v>0</v>
      </c>
      <c r="MT38" s="399">
        <v>0</v>
      </c>
      <c r="MU38" s="331">
        <v>205316</v>
      </c>
      <c r="MV38" s="331">
        <v>1122175</v>
      </c>
      <c r="MW38" s="331">
        <v>7642078</v>
      </c>
      <c r="MX38" s="331">
        <v>8477345</v>
      </c>
      <c r="MY38" s="331">
        <v>5208869</v>
      </c>
      <c r="MZ38" s="335">
        <v>22655783</v>
      </c>
      <c r="NA38" s="340">
        <v>22655783</v>
      </c>
      <c r="NB38" s="334">
        <v>0</v>
      </c>
      <c r="NC38" s="331">
        <v>0</v>
      </c>
      <c r="ND38" s="335">
        <v>0</v>
      </c>
      <c r="NE38" s="399">
        <v>0</v>
      </c>
      <c r="NF38" s="331">
        <v>1992775</v>
      </c>
      <c r="NG38" s="331">
        <v>3324898</v>
      </c>
      <c r="NH38" s="331">
        <v>4937549</v>
      </c>
      <c r="NI38" s="331">
        <v>3449227</v>
      </c>
      <c r="NJ38" s="331">
        <v>2358234</v>
      </c>
      <c r="NK38" s="335">
        <v>16062683</v>
      </c>
      <c r="NL38" s="333">
        <v>16062683</v>
      </c>
      <c r="NM38" s="334">
        <v>0</v>
      </c>
      <c r="NN38" s="331">
        <v>0</v>
      </c>
      <c r="NO38" s="335">
        <v>0</v>
      </c>
      <c r="NP38" s="399">
        <v>0</v>
      </c>
      <c r="NQ38" s="331">
        <v>0</v>
      </c>
      <c r="NR38" s="331">
        <v>0</v>
      </c>
      <c r="NS38" s="331">
        <v>0</v>
      </c>
      <c r="NT38" s="331">
        <v>0</v>
      </c>
      <c r="NU38" s="331">
        <v>0</v>
      </c>
      <c r="NV38" s="335">
        <v>0</v>
      </c>
      <c r="NW38" s="336">
        <v>0</v>
      </c>
      <c r="NX38" s="334">
        <v>0</v>
      </c>
      <c r="NY38" s="331">
        <v>0</v>
      </c>
      <c r="NZ38" s="335">
        <v>0</v>
      </c>
      <c r="OA38" s="399">
        <v>0</v>
      </c>
      <c r="OB38" s="331">
        <v>271776</v>
      </c>
      <c r="OC38" s="331">
        <v>1694265</v>
      </c>
      <c r="OD38" s="331">
        <v>3153833</v>
      </c>
      <c r="OE38" s="331">
        <v>2664427</v>
      </c>
      <c r="OF38" s="331">
        <v>4370401</v>
      </c>
      <c r="OG38" s="335">
        <v>12154702</v>
      </c>
      <c r="OH38" s="336">
        <v>12154702</v>
      </c>
      <c r="OI38" s="334">
        <v>1131673</v>
      </c>
      <c r="OJ38" s="331">
        <v>2115648</v>
      </c>
      <c r="OK38" s="332">
        <v>3247321</v>
      </c>
      <c r="OL38" s="337">
        <v>0</v>
      </c>
      <c r="OM38" s="331">
        <v>20248245</v>
      </c>
      <c r="ON38" s="331">
        <v>21685833</v>
      </c>
      <c r="OO38" s="331">
        <v>30282913</v>
      </c>
      <c r="OP38" s="331">
        <v>20429335</v>
      </c>
      <c r="OQ38" s="331">
        <v>18588369</v>
      </c>
      <c r="OR38" s="335">
        <v>111234695</v>
      </c>
      <c r="OS38" s="340">
        <v>114482016</v>
      </c>
    </row>
    <row r="39" spans="2:409" s="56" customFormat="1" ht="21" customHeight="1" x14ac:dyDescent="0.2">
      <c r="B39" s="396" t="s">
        <v>34</v>
      </c>
      <c r="C39" s="312">
        <v>779306</v>
      </c>
      <c r="D39" s="313">
        <v>957221</v>
      </c>
      <c r="E39" s="354">
        <v>1736527</v>
      </c>
      <c r="F39" s="356">
        <v>0</v>
      </c>
      <c r="G39" s="355">
        <v>7863640</v>
      </c>
      <c r="H39" s="355">
        <v>5693550</v>
      </c>
      <c r="I39" s="355">
        <v>4133308</v>
      </c>
      <c r="J39" s="355">
        <v>4777597</v>
      </c>
      <c r="K39" s="355">
        <v>5451058</v>
      </c>
      <c r="L39" s="356">
        <v>27919153</v>
      </c>
      <c r="M39" s="316">
        <v>29655680</v>
      </c>
      <c r="N39" s="312">
        <v>265936</v>
      </c>
      <c r="O39" s="313">
        <v>334719</v>
      </c>
      <c r="P39" s="314">
        <v>600655</v>
      </c>
      <c r="Q39" s="312">
        <v>0</v>
      </c>
      <c r="R39" s="313">
        <v>1758987</v>
      </c>
      <c r="S39" s="313">
        <v>2011231</v>
      </c>
      <c r="T39" s="313">
        <v>836445</v>
      </c>
      <c r="U39" s="313">
        <v>1058669</v>
      </c>
      <c r="V39" s="313">
        <v>3119190</v>
      </c>
      <c r="W39" s="314">
        <v>8784522</v>
      </c>
      <c r="X39" s="316">
        <v>9385177</v>
      </c>
      <c r="Y39" s="312">
        <v>0</v>
      </c>
      <c r="Z39" s="313">
        <v>0</v>
      </c>
      <c r="AA39" s="314">
        <v>0</v>
      </c>
      <c r="AB39" s="312">
        <v>0</v>
      </c>
      <c r="AC39" s="313">
        <v>642344</v>
      </c>
      <c r="AD39" s="313">
        <v>1020216</v>
      </c>
      <c r="AE39" s="313">
        <v>401679</v>
      </c>
      <c r="AF39" s="313">
        <v>561169</v>
      </c>
      <c r="AG39" s="313">
        <v>1024971</v>
      </c>
      <c r="AH39" s="314">
        <v>3650379</v>
      </c>
      <c r="AI39" s="316">
        <v>3650379</v>
      </c>
      <c r="AJ39" s="312">
        <v>0</v>
      </c>
      <c r="AK39" s="313">
        <v>0</v>
      </c>
      <c r="AL39" s="314">
        <v>0</v>
      </c>
      <c r="AM39" s="312">
        <v>0</v>
      </c>
      <c r="AN39" s="313">
        <v>0</v>
      </c>
      <c r="AO39" s="313">
        <v>38907</v>
      </c>
      <c r="AP39" s="313">
        <v>0</v>
      </c>
      <c r="AQ39" s="313">
        <v>0</v>
      </c>
      <c r="AR39" s="313">
        <v>944561</v>
      </c>
      <c r="AS39" s="314">
        <v>983468</v>
      </c>
      <c r="AT39" s="316">
        <v>983468</v>
      </c>
      <c r="AU39" s="312">
        <v>95053</v>
      </c>
      <c r="AV39" s="313">
        <v>259632</v>
      </c>
      <c r="AW39" s="314">
        <v>354685</v>
      </c>
      <c r="AX39" s="312">
        <v>0</v>
      </c>
      <c r="AY39" s="313">
        <v>588969</v>
      </c>
      <c r="AZ39" s="313">
        <v>518795</v>
      </c>
      <c r="BA39" s="313">
        <v>181355</v>
      </c>
      <c r="BB39" s="313">
        <v>130949</v>
      </c>
      <c r="BC39" s="313">
        <v>678026</v>
      </c>
      <c r="BD39" s="314">
        <v>2098094</v>
      </c>
      <c r="BE39" s="316">
        <v>2452779</v>
      </c>
      <c r="BF39" s="312">
        <v>0</v>
      </c>
      <c r="BG39" s="313">
        <v>0</v>
      </c>
      <c r="BH39" s="317">
        <v>0</v>
      </c>
      <c r="BI39" s="318">
        <v>0</v>
      </c>
      <c r="BJ39" s="313">
        <v>158256</v>
      </c>
      <c r="BK39" s="313">
        <v>71014</v>
      </c>
      <c r="BL39" s="313">
        <v>66618</v>
      </c>
      <c r="BM39" s="313">
        <v>101232</v>
      </c>
      <c r="BN39" s="313">
        <v>79756</v>
      </c>
      <c r="BO39" s="314">
        <v>476876</v>
      </c>
      <c r="BP39" s="316">
        <v>476876</v>
      </c>
      <c r="BQ39" s="312">
        <v>170883</v>
      </c>
      <c r="BR39" s="313">
        <v>75087</v>
      </c>
      <c r="BS39" s="314">
        <v>245970</v>
      </c>
      <c r="BT39" s="312">
        <v>0</v>
      </c>
      <c r="BU39" s="313">
        <v>369418</v>
      </c>
      <c r="BV39" s="313">
        <v>362299</v>
      </c>
      <c r="BW39" s="313">
        <v>186793</v>
      </c>
      <c r="BX39" s="313">
        <v>265319</v>
      </c>
      <c r="BY39" s="313">
        <v>391876</v>
      </c>
      <c r="BZ39" s="314">
        <v>1575705</v>
      </c>
      <c r="CA39" s="316">
        <v>1821675</v>
      </c>
      <c r="CB39" s="312">
        <v>0</v>
      </c>
      <c r="CC39" s="313">
        <v>43434</v>
      </c>
      <c r="CD39" s="314">
        <v>43434</v>
      </c>
      <c r="CE39" s="312">
        <v>0</v>
      </c>
      <c r="CF39" s="313">
        <v>2485152</v>
      </c>
      <c r="CG39" s="313">
        <v>1352746</v>
      </c>
      <c r="CH39" s="313">
        <v>2007615</v>
      </c>
      <c r="CI39" s="313">
        <v>1198621</v>
      </c>
      <c r="CJ39" s="313">
        <v>332523</v>
      </c>
      <c r="CK39" s="314">
        <v>7376657</v>
      </c>
      <c r="CL39" s="316">
        <v>7420091</v>
      </c>
      <c r="CM39" s="312">
        <v>0</v>
      </c>
      <c r="CN39" s="313">
        <v>0</v>
      </c>
      <c r="CO39" s="314">
        <v>0</v>
      </c>
      <c r="CP39" s="318">
        <v>0</v>
      </c>
      <c r="CQ39" s="313">
        <v>2010438</v>
      </c>
      <c r="CR39" s="313">
        <v>1271908</v>
      </c>
      <c r="CS39" s="313">
        <v>2007615</v>
      </c>
      <c r="CT39" s="313">
        <v>1168252</v>
      </c>
      <c r="CU39" s="313">
        <v>332523</v>
      </c>
      <c r="CV39" s="314">
        <v>6790736</v>
      </c>
      <c r="CW39" s="316">
        <v>6790736</v>
      </c>
      <c r="CX39" s="312">
        <v>0</v>
      </c>
      <c r="CY39" s="313">
        <v>43434</v>
      </c>
      <c r="CZ39" s="314">
        <v>43434</v>
      </c>
      <c r="DA39" s="312">
        <v>0</v>
      </c>
      <c r="DB39" s="313">
        <v>474714</v>
      </c>
      <c r="DC39" s="313">
        <v>80838</v>
      </c>
      <c r="DD39" s="313">
        <v>0</v>
      </c>
      <c r="DE39" s="313">
        <v>30369</v>
      </c>
      <c r="DF39" s="313">
        <v>0</v>
      </c>
      <c r="DG39" s="314">
        <v>585921</v>
      </c>
      <c r="DH39" s="316">
        <v>629355</v>
      </c>
      <c r="DI39" s="312">
        <v>0</v>
      </c>
      <c r="DJ39" s="313">
        <v>0</v>
      </c>
      <c r="DK39" s="317">
        <v>0</v>
      </c>
      <c r="DL39" s="318">
        <v>0</v>
      </c>
      <c r="DM39" s="313">
        <v>197856</v>
      </c>
      <c r="DN39" s="313">
        <v>102868</v>
      </c>
      <c r="DO39" s="313">
        <v>143967</v>
      </c>
      <c r="DP39" s="313">
        <v>256401</v>
      </c>
      <c r="DQ39" s="313">
        <v>113742</v>
      </c>
      <c r="DR39" s="314">
        <v>814834</v>
      </c>
      <c r="DS39" s="316">
        <v>814834</v>
      </c>
      <c r="DT39" s="312">
        <v>0</v>
      </c>
      <c r="DU39" s="313">
        <v>0</v>
      </c>
      <c r="DV39" s="314">
        <v>0</v>
      </c>
      <c r="DW39" s="312">
        <v>0</v>
      </c>
      <c r="DX39" s="313">
        <v>100134</v>
      </c>
      <c r="DY39" s="313">
        <v>102868</v>
      </c>
      <c r="DZ39" s="313">
        <v>143967</v>
      </c>
      <c r="EA39" s="313">
        <v>256401</v>
      </c>
      <c r="EB39" s="313">
        <v>113742</v>
      </c>
      <c r="EC39" s="314">
        <v>717112</v>
      </c>
      <c r="ED39" s="316">
        <v>717112</v>
      </c>
      <c r="EE39" s="312">
        <v>0</v>
      </c>
      <c r="EF39" s="317">
        <v>0</v>
      </c>
      <c r="EG39" s="314">
        <v>0</v>
      </c>
      <c r="EH39" s="312">
        <v>0</v>
      </c>
      <c r="EI39" s="313">
        <v>97722</v>
      </c>
      <c r="EJ39" s="313">
        <v>0</v>
      </c>
      <c r="EK39" s="313">
        <v>0</v>
      </c>
      <c r="EL39" s="313">
        <v>0</v>
      </c>
      <c r="EM39" s="313">
        <v>0</v>
      </c>
      <c r="EN39" s="317">
        <v>97722</v>
      </c>
      <c r="EO39" s="316">
        <v>97722</v>
      </c>
      <c r="EP39" s="312">
        <v>0</v>
      </c>
      <c r="EQ39" s="313">
        <v>0</v>
      </c>
      <c r="ER39" s="317">
        <v>0</v>
      </c>
      <c r="ES39" s="318">
        <v>0</v>
      </c>
      <c r="ET39" s="313">
        <v>0</v>
      </c>
      <c r="EU39" s="313">
        <v>0</v>
      </c>
      <c r="EV39" s="313">
        <v>0</v>
      </c>
      <c r="EW39" s="313">
        <v>0</v>
      </c>
      <c r="EX39" s="313">
        <v>0</v>
      </c>
      <c r="EY39" s="314">
        <v>0</v>
      </c>
      <c r="EZ39" s="316">
        <v>0</v>
      </c>
      <c r="FA39" s="312">
        <v>0</v>
      </c>
      <c r="FB39" s="313">
        <v>0</v>
      </c>
      <c r="FC39" s="317">
        <v>0</v>
      </c>
      <c r="FD39" s="318">
        <v>0</v>
      </c>
      <c r="FE39" s="313">
        <v>0</v>
      </c>
      <c r="FF39" s="313">
        <v>0</v>
      </c>
      <c r="FG39" s="313">
        <v>0</v>
      </c>
      <c r="FH39" s="313">
        <v>0</v>
      </c>
      <c r="FI39" s="313">
        <v>0</v>
      </c>
      <c r="FJ39" s="314">
        <v>0</v>
      </c>
      <c r="FK39" s="316">
        <v>0</v>
      </c>
      <c r="FL39" s="312">
        <v>86086</v>
      </c>
      <c r="FM39" s="313">
        <v>163980</v>
      </c>
      <c r="FN39" s="314">
        <v>250066</v>
      </c>
      <c r="FO39" s="312">
        <v>0</v>
      </c>
      <c r="FP39" s="313">
        <v>513557</v>
      </c>
      <c r="FQ39" s="313">
        <v>648657</v>
      </c>
      <c r="FR39" s="313">
        <v>419315</v>
      </c>
      <c r="FS39" s="313">
        <v>320962</v>
      </c>
      <c r="FT39" s="313">
        <v>346294</v>
      </c>
      <c r="FU39" s="314">
        <v>2248785</v>
      </c>
      <c r="FV39" s="316">
        <v>2498851</v>
      </c>
      <c r="FW39" s="319">
        <v>86086</v>
      </c>
      <c r="FX39" s="313">
        <v>163980</v>
      </c>
      <c r="FY39" s="317">
        <v>250066</v>
      </c>
      <c r="FZ39" s="318">
        <v>0</v>
      </c>
      <c r="GA39" s="313">
        <v>481877</v>
      </c>
      <c r="GB39" s="313">
        <v>569457</v>
      </c>
      <c r="GC39" s="313">
        <v>389863</v>
      </c>
      <c r="GD39" s="313">
        <v>320962</v>
      </c>
      <c r="GE39" s="313">
        <v>313773</v>
      </c>
      <c r="GF39" s="314">
        <v>2075932</v>
      </c>
      <c r="GG39" s="320">
        <v>2325998</v>
      </c>
      <c r="GH39" s="319">
        <v>0</v>
      </c>
      <c r="GI39" s="313">
        <v>0</v>
      </c>
      <c r="GJ39" s="317">
        <v>0</v>
      </c>
      <c r="GK39" s="318">
        <v>0</v>
      </c>
      <c r="GL39" s="313">
        <v>31680</v>
      </c>
      <c r="GM39" s="313">
        <v>0</v>
      </c>
      <c r="GN39" s="313">
        <v>29452</v>
      </c>
      <c r="GO39" s="313">
        <v>0</v>
      </c>
      <c r="GP39" s="313">
        <v>32521</v>
      </c>
      <c r="GQ39" s="314">
        <v>93653</v>
      </c>
      <c r="GR39" s="316">
        <v>93653</v>
      </c>
      <c r="GS39" s="312">
        <v>0</v>
      </c>
      <c r="GT39" s="313">
        <v>0</v>
      </c>
      <c r="GU39" s="314">
        <v>0</v>
      </c>
      <c r="GV39" s="312">
        <v>0</v>
      </c>
      <c r="GW39" s="313">
        <v>0</v>
      </c>
      <c r="GX39" s="313">
        <v>79200</v>
      </c>
      <c r="GY39" s="313">
        <v>0</v>
      </c>
      <c r="GZ39" s="313">
        <v>0</v>
      </c>
      <c r="HA39" s="313">
        <v>0</v>
      </c>
      <c r="HB39" s="317">
        <v>79200</v>
      </c>
      <c r="HC39" s="316">
        <v>79200</v>
      </c>
      <c r="HD39" s="312">
        <v>349144</v>
      </c>
      <c r="HE39" s="313">
        <v>300168</v>
      </c>
      <c r="HF39" s="317">
        <v>649312</v>
      </c>
      <c r="HG39" s="318">
        <v>0</v>
      </c>
      <c r="HH39" s="313">
        <v>1710265</v>
      </c>
      <c r="HI39" s="313">
        <v>1033914</v>
      </c>
      <c r="HJ39" s="313">
        <v>382753</v>
      </c>
      <c r="HK39" s="313">
        <v>1621500</v>
      </c>
      <c r="HL39" s="313">
        <v>1248222</v>
      </c>
      <c r="HM39" s="314">
        <v>5996654</v>
      </c>
      <c r="HN39" s="315">
        <v>6645966</v>
      </c>
      <c r="HO39" s="319">
        <v>78140</v>
      </c>
      <c r="HP39" s="313">
        <v>114920</v>
      </c>
      <c r="HQ39" s="314">
        <v>193060</v>
      </c>
      <c r="HR39" s="312">
        <v>0</v>
      </c>
      <c r="HS39" s="313">
        <v>1197823</v>
      </c>
      <c r="HT39" s="313">
        <v>544134</v>
      </c>
      <c r="HU39" s="313">
        <v>343213</v>
      </c>
      <c r="HV39" s="313">
        <v>321444</v>
      </c>
      <c r="HW39" s="313">
        <v>291087</v>
      </c>
      <c r="HX39" s="317">
        <v>2697701</v>
      </c>
      <c r="HY39" s="316">
        <v>2890761</v>
      </c>
      <c r="HZ39" s="321">
        <v>47961</v>
      </c>
      <c r="IA39" s="322">
        <v>252855</v>
      </c>
      <c r="IB39" s="323">
        <v>300816</v>
      </c>
      <c r="IC39" s="324">
        <v>0</v>
      </c>
      <c r="ID39" s="322">
        <v>3686558</v>
      </c>
      <c r="IE39" s="325">
        <v>3814656</v>
      </c>
      <c r="IF39" s="323">
        <v>2986590</v>
      </c>
      <c r="IG39" s="322">
        <v>1890090</v>
      </c>
      <c r="IH39" s="323">
        <v>2146709</v>
      </c>
      <c r="II39" s="326">
        <v>14524603</v>
      </c>
      <c r="IJ39" s="327">
        <v>14825419</v>
      </c>
      <c r="IK39" s="328">
        <v>0</v>
      </c>
      <c r="IL39" s="329">
        <v>0</v>
      </c>
      <c r="IM39" s="330">
        <v>0</v>
      </c>
      <c r="IN39" s="390">
        <v>0</v>
      </c>
      <c r="IO39" s="331">
        <v>0</v>
      </c>
      <c r="IP39" s="331">
        <v>0</v>
      </c>
      <c r="IQ39" s="331">
        <v>0</v>
      </c>
      <c r="IR39" s="331">
        <v>0</v>
      </c>
      <c r="IS39" s="331">
        <v>328428</v>
      </c>
      <c r="IT39" s="332">
        <v>328428</v>
      </c>
      <c r="IU39" s="333">
        <v>328428</v>
      </c>
      <c r="IV39" s="334">
        <v>0</v>
      </c>
      <c r="IW39" s="331">
        <v>0</v>
      </c>
      <c r="IX39" s="335">
        <v>0</v>
      </c>
      <c r="IY39" s="399">
        <v>0</v>
      </c>
      <c r="IZ39" s="331">
        <v>0</v>
      </c>
      <c r="JA39" s="331">
        <v>0</v>
      </c>
      <c r="JB39" s="331">
        <v>0</v>
      </c>
      <c r="JC39" s="331">
        <v>0</v>
      </c>
      <c r="JD39" s="331">
        <v>0</v>
      </c>
      <c r="JE39" s="335">
        <v>0</v>
      </c>
      <c r="JF39" s="336">
        <v>0</v>
      </c>
      <c r="JG39" s="334">
        <v>0</v>
      </c>
      <c r="JH39" s="331">
        <v>0</v>
      </c>
      <c r="JI39" s="332">
        <v>0</v>
      </c>
      <c r="JJ39" s="337">
        <v>0</v>
      </c>
      <c r="JK39" s="331">
        <v>676280</v>
      </c>
      <c r="JL39" s="331">
        <v>248325</v>
      </c>
      <c r="JM39" s="331">
        <v>205227</v>
      </c>
      <c r="JN39" s="331">
        <v>32247</v>
      </c>
      <c r="JO39" s="331">
        <v>41382</v>
      </c>
      <c r="JP39" s="335">
        <v>1203461</v>
      </c>
      <c r="JQ39" s="333">
        <v>1203461</v>
      </c>
      <c r="JR39" s="334">
        <v>0</v>
      </c>
      <c r="JS39" s="331">
        <v>0</v>
      </c>
      <c r="JT39" s="332">
        <v>0</v>
      </c>
      <c r="JU39" s="337">
        <v>0</v>
      </c>
      <c r="JV39" s="331">
        <v>0</v>
      </c>
      <c r="JW39" s="331">
        <v>0</v>
      </c>
      <c r="JX39" s="331">
        <v>0</v>
      </c>
      <c r="JY39" s="331">
        <v>0</v>
      </c>
      <c r="JZ39" s="331">
        <v>103979</v>
      </c>
      <c r="KA39" s="335">
        <v>103979</v>
      </c>
      <c r="KB39" s="333">
        <v>103979</v>
      </c>
      <c r="KC39" s="338">
        <v>47961</v>
      </c>
      <c r="KD39" s="339">
        <v>252855</v>
      </c>
      <c r="KE39" s="335">
        <v>300816</v>
      </c>
      <c r="KF39" s="337">
        <v>0</v>
      </c>
      <c r="KG39" s="331">
        <v>1125723</v>
      </c>
      <c r="KH39" s="331">
        <v>1100934</v>
      </c>
      <c r="KI39" s="331">
        <v>545031</v>
      </c>
      <c r="KJ39" s="331">
        <v>189657</v>
      </c>
      <c r="KK39" s="331">
        <v>311166</v>
      </c>
      <c r="KL39" s="335">
        <v>3272511</v>
      </c>
      <c r="KM39" s="340">
        <v>3573327</v>
      </c>
      <c r="KN39" s="328">
        <v>0</v>
      </c>
      <c r="KO39" s="329">
        <v>0</v>
      </c>
      <c r="KP39" s="330">
        <v>0</v>
      </c>
      <c r="KQ39" s="399">
        <v>0</v>
      </c>
      <c r="KR39" s="331">
        <v>943380</v>
      </c>
      <c r="KS39" s="331">
        <v>1844199</v>
      </c>
      <c r="KT39" s="331">
        <v>520545</v>
      </c>
      <c r="KU39" s="331">
        <v>1298376</v>
      </c>
      <c r="KV39" s="331">
        <v>281592</v>
      </c>
      <c r="KW39" s="335">
        <v>4888092</v>
      </c>
      <c r="KX39" s="333">
        <v>4888092</v>
      </c>
      <c r="KY39" s="334">
        <v>0</v>
      </c>
      <c r="KZ39" s="331">
        <v>0</v>
      </c>
      <c r="LA39" s="335">
        <v>0</v>
      </c>
      <c r="LB39" s="399">
        <v>0</v>
      </c>
      <c r="LC39" s="331">
        <v>0</v>
      </c>
      <c r="LD39" s="331">
        <v>0</v>
      </c>
      <c r="LE39" s="331">
        <v>0</v>
      </c>
      <c r="LF39" s="331">
        <v>0</v>
      </c>
      <c r="LG39" s="331">
        <v>0</v>
      </c>
      <c r="LH39" s="335">
        <v>0</v>
      </c>
      <c r="LI39" s="336">
        <v>0</v>
      </c>
      <c r="LJ39" s="334">
        <v>0</v>
      </c>
      <c r="LK39" s="331">
        <v>0</v>
      </c>
      <c r="LL39" s="335">
        <v>0</v>
      </c>
      <c r="LM39" s="399">
        <v>0</v>
      </c>
      <c r="LN39" s="331">
        <v>0</v>
      </c>
      <c r="LO39" s="331">
        <v>0</v>
      </c>
      <c r="LP39" s="331">
        <v>0</v>
      </c>
      <c r="LQ39" s="331">
        <v>0</v>
      </c>
      <c r="LR39" s="331">
        <v>0</v>
      </c>
      <c r="LS39" s="335">
        <v>0</v>
      </c>
      <c r="LT39" s="333">
        <v>0</v>
      </c>
      <c r="LU39" s="334">
        <v>0</v>
      </c>
      <c r="LV39" s="331">
        <v>0</v>
      </c>
      <c r="LW39" s="335">
        <v>0</v>
      </c>
      <c r="LX39" s="399">
        <v>0</v>
      </c>
      <c r="LY39" s="331">
        <v>941175</v>
      </c>
      <c r="LZ39" s="331">
        <v>621198</v>
      </c>
      <c r="MA39" s="331">
        <v>1715787</v>
      </c>
      <c r="MB39" s="331">
        <v>369810</v>
      </c>
      <c r="MC39" s="331">
        <v>1080162</v>
      </c>
      <c r="MD39" s="335">
        <v>4728132</v>
      </c>
      <c r="ME39" s="336">
        <v>4728132</v>
      </c>
      <c r="MF39" s="334">
        <v>0</v>
      </c>
      <c r="MG39" s="331">
        <v>0</v>
      </c>
      <c r="MH39" s="335">
        <v>0</v>
      </c>
      <c r="MI39" s="399">
        <v>0</v>
      </c>
      <c r="MJ39" s="331">
        <v>1592136</v>
      </c>
      <c r="MK39" s="331">
        <v>3708135</v>
      </c>
      <c r="ML39" s="331">
        <v>3959358</v>
      </c>
      <c r="MM39" s="331">
        <v>10527679</v>
      </c>
      <c r="MN39" s="331">
        <v>5488206</v>
      </c>
      <c r="MO39" s="335">
        <v>25275514</v>
      </c>
      <c r="MP39" s="340">
        <v>25275514</v>
      </c>
      <c r="MQ39" s="334">
        <v>0</v>
      </c>
      <c r="MR39" s="331">
        <v>0</v>
      </c>
      <c r="MS39" s="335">
        <v>0</v>
      </c>
      <c r="MT39" s="399">
        <v>0</v>
      </c>
      <c r="MU39" s="331">
        <v>0</v>
      </c>
      <c r="MV39" s="331">
        <v>0</v>
      </c>
      <c r="MW39" s="331">
        <v>2118690</v>
      </c>
      <c r="MX39" s="331">
        <v>7489184</v>
      </c>
      <c r="MY39" s="331">
        <v>3093603</v>
      </c>
      <c r="MZ39" s="335">
        <v>12701477</v>
      </c>
      <c r="NA39" s="340">
        <v>12701477</v>
      </c>
      <c r="NB39" s="334">
        <v>0</v>
      </c>
      <c r="NC39" s="331">
        <v>0</v>
      </c>
      <c r="ND39" s="335">
        <v>0</v>
      </c>
      <c r="NE39" s="399">
        <v>0</v>
      </c>
      <c r="NF39" s="331">
        <v>1561203</v>
      </c>
      <c r="NG39" s="331">
        <v>3708135</v>
      </c>
      <c r="NH39" s="331">
        <v>1840668</v>
      </c>
      <c r="NI39" s="331">
        <v>2698691</v>
      </c>
      <c r="NJ39" s="331">
        <v>1680113</v>
      </c>
      <c r="NK39" s="335">
        <v>11488810</v>
      </c>
      <c r="NL39" s="333">
        <v>11488810</v>
      </c>
      <c r="NM39" s="334">
        <v>0</v>
      </c>
      <c r="NN39" s="331">
        <v>0</v>
      </c>
      <c r="NO39" s="335">
        <v>0</v>
      </c>
      <c r="NP39" s="399">
        <v>0</v>
      </c>
      <c r="NQ39" s="331">
        <v>0</v>
      </c>
      <c r="NR39" s="331">
        <v>0</v>
      </c>
      <c r="NS39" s="331">
        <v>0</v>
      </c>
      <c r="NT39" s="331">
        <v>0</v>
      </c>
      <c r="NU39" s="331">
        <v>0</v>
      </c>
      <c r="NV39" s="335">
        <v>0</v>
      </c>
      <c r="NW39" s="336">
        <v>0</v>
      </c>
      <c r="NX39" s="334">
        <v>0</v>
      </c>
      <c r="NY39" s="331">
        <v>0</v>
      </c>
      <c r="NZ39" s="335">
        <v>0</v>
      </c>
      <c r="OA39" s="399">
        <v>0</v>
      </c>
      <c r="OB39" s="331">
        <v>30933</v>
      </c>
      <c r="OC39" s="331">
        <v>0</v>
      </c>
      <c r="OD39" s="331">
        <v>0</v>
      </c>
      <c r="OE39" s="331">
        <v>339804</v>
      </c>
      <c r="OF39" s="331">
        <v>714490</v>
      </c>
      <c r="OG39" s="335">
        <v>1085227</v>
      </c>
      <c r="OH39" s="336">
        <v>1085227</v>
      </c>
      <c r="OI39" s="334">
        <v>827267</v>
      </c>
      <c r="OJ39" s="331">
        <v>1210076</v>
      </c>
      <c r="OK39" s="332">
        <v>2037343</v>
      </c>
      <c r="OL39" s="337">
        <v>0</v>
      </c>
      <c r="OM39" s="331">
        <v>13142334</v>
      </c>
      <c r="ON39" s="331">
        <v>13216341</v>
      </c>
      <c r="OO39" s="331">
        <v>11079256</v>
      </c>
      <c r="OP39" s="331">
        <v>17195366</v>
      </c>
      <c r="OQ39" s="331">
        <v>13085973</v>
      </c>
      <c r="OR39" s="335">
        <v>67719270</v>
      </c>
      <c r="OS39" s="340">
        <v>69756613</v>
      </c>
    </row>
    <row r="40" spans="2:409" s="56" customFormat="1" ht="21" customHeight="1" x14ac:dyDescent="0.2">
      <c r="B40" s="396" t="s">
        <v>35</v>
      </c>
      <c r="C40" s="312">
        <v>2373164</v>
      </c>
      <c r="D40" s="313">
        <v>5029744</v>
      </c>
      <c r="E40" s="314">
        <v>7402908</v>
      </c>
      <c r="F40" s="315">
        <v>0</v>
      </c>
      <c r="G40" s="313">
        <v>34355600</v>
      </c>
      <c r="H40" s="313">
        <v>23024754</v>
      </c>
      <c r="I40" s="313">
        <v>21193192</v>
      </c>
      <c r="J40" s="313">
        <v>27027497</v>
      </c>
      <c r="K40" s="313">
        <v>17253677</v>
      </c>
      <c r="L40" s="353">
        <v>122854720</v>
      </c>
      <c r="M40" s="316">
        <v>130257628</v>
      </c>
      <c r="N40" s="312">
        <v>567549</v>
      </c>
      <c r="O40" s="313">
        <v>1328160</v>
      </c>
      <c r="P40" s="314">
        <v>1895709</v>
      </c>
      <c r="Q40" s="312">
        <v>0</v>
      </c>
      <c r="R40" s="313">
        <v>8037619</v>
      </c>
      <c r="S40" s="313">
        <v>7120553</v>
      </c>
      <c r="T40" s="313">
        <v>6103650</v>
      </c>
      <c r="U40" s="313">
        <v>9148071</v>
      </c>
      <c r="V40" s="313">
        <v>8582384</v>
      </c>
      <c r="W40" s="314">
        <v>38992277</v>
      </c>
      <c r="X40" s="316">
        <v>40887986</v>
      </c>
      <c r="Y40" s="312">
        <v>0</v>
      </c>
      <c r="Z40" s="313">
        <v>0</v>
      </c>
      <c r="AA40" s="314">
        <v>0</v>
      </c>
      <c r="AB40" s="312">
        <v>0</v>
      </c>
      <c r="AC40" s="313">
        <v>4034483</v>
      </c>
      <c r="AD40" s="313">
        <v>3728967</v>
      </c>
      <c r="AE40" s="313">
        <v>3236614</v>
      </c>
      <c r="AF40" s="313">
        <v>4429022</v>
      </c>
      <c r="AG40" s="313">
        <v>4416900</v>
      </c>
      <c r="AH40" s="314">
        <v>19845986</v>
      </c>
      <c r="AI40" s="316">
        <v>19845986</v>
      </c>
      <c r="AJ40" s="312">
        <v>0</v>
      </c>
      <c r="AK40" s="313">
        <v>0</v>
      </c>
      <c r="AL40" s="314">
        <v>0</v>
      </c>
      <c r="AM40" s="312">
        <v>0</v>
      </c>
      <c r="AN40" s="313">
        <v>0</v>
      </c>
      <c r="AO40" s="313">
        <v>246411</v>
      </c>
      <c r="AP40" s="313">
        <v>428697</v>
      </c>
      <c r="AQ40" s="313">
        <v>1916703</v>
      </c>
      <c r="AR40" s="313">
        <v>1639350</v>
      </c>
      <c r="AS40" s="314">
        <v>4231161</v>
      </c>
      <c r="AT40" s="316">
        <v>4231161</v>
      </c>
      <c r="AU40" s="312">
        <v>124992</v>
      </c>
      <c r="AV40" s="313">
        <v>665847</v>
      </c>
      <c r="AW40" s="314">
        <v>790839</v>
      </c>
      <c r="AX40" s="312">
        <v>0</v>
      </c>
      <c r="AY40" s="313">
        <v>2245813</v>
      </c>
      <c r="AZ40" s="313">
        <v>1778065</v>
      </c>
      <c r="BA40" s="313">
        <v>1123912</v>
      </c>
      <c r="BB40" s="313">
        <v>1141690</v>
      </c>
      <c r="BC40" s="313">
        <v>1557205</v>
      </c>
      <c r="BD40" s="314">
        <v>7846685</v>
      </c>
      <c r="BE40" s="316">
        <v>8637524</v>
      </c>
      <c r="BF40" s="312">
        <v>205848</v>
      </c>
      <c r="BG40" s="313">
        <v>433308</v>
      </c>
      <c r="BH40" s="317">
        <v>639156</v>
      </c>
      <c r="BI40" s="318">
        <v>0</v>
      </c>
      <c r="BJ40" s="313">
        <v>629426</v>
      </c>
      <c r="BK40" s="313">
        <v>463284</v>
      </c>
      <c r="BL40" s="313">
        <v>472374</v>
      </c>
      <c r="BM40" s="313">
        <v>495756</v>
      </c>
      <c r="BN40" s="313">
        <v>293399</v>
      </c>
      <c r="BO40" s="314">
        <v>2354239</v>
      </c>
      <c r="BP40" s="316">
        <v>2993395</v>
      </c>
      <c r="BQ40" s="312">
        <v>236709</v>
      </c>
      <c r="BR40" s="313">
        <v>229005</v>
      </c>
      <c r="BS40" s="314">
        <v>465714</v>
      </c>
      <c r="BT40" s="312">
        <v>0</v>
      </c>
      <c r="BU40" s="313">
        <v>1127897</v>
      </c>
      <c r="BV40" s="313">
        <v>903826</v>
      </c>
      <c r="BW40" s="313">
        <v>842053</v>
      </c>
      <c r="BX40" s="313">
        <v>1164900</v>
      </c>
      <c r="BY40" s="313">
        <v>675530</v>
      </c>
      <c r="BZ40" s="314">
        <v>4714206</v>
      </c>
      <c r="CA40" s="316">
        <v>5179920</v>
      </c>
      <c r="CB40" s="312">
        <v>243512</v>
      </c>
      <c r="CC40" s="313">
        <v>838680</v>
      </c>
      <c r="CD40" s="314">
        <v>1082192</v>
      </c>
      <c r="CE40" s="312">
        <v>0</v>
      </c>
      <c r="CF40" s="313">
        <v>12979954</v>
      </c>
      <c r="CG40" s="313">
        <v>8644971</v>
      </c>
      <c r="CH40" s="313">
        <v>6554121</v>
      </c>
      <c r="CI40" s="313">
        <v>4471017</v>
      </c>
      <c r="CJ40" s="313">
        <v>3237592</v>
      </c>
      <c r="CK40" s="314">
        <v>35887655</v>
      </c>
      <c r="CL40" s="316">
        <v>36969847</v>
      </c>
      <c r="CM40" s="312">
        <v>0</v>
      </c>
      <c r="CN40" s="313">
        <v>0</v>
      </c>
      <c r="CO40" s="314">
        <v>0</v>
      </c>
      <c r="CP40" s="318">
        <v>0</v>
      </c>
      <c r="CQ40" s="313">
        <v>9202220</v>
      </c>
      <c r="CR40" s="313">
        <v>6163085</v>
      </c>
      <c r="CS40" s="313">
        <v>5029496</v>
      </c>
      <c r="CT40" s="313">
        <v>3464174</v>
      </c>
      <c r="CU40" s="313">
        <v>3044344</v>
      </c>
      <c r="CV40" s="314">
        <v>26903319</v>
      </c>
      <c r="CW40" s="316">
        <v>26903319</v>
      </c>
      <c r="CX40" s="312">
        <v>243512</v>
      </c>
      <c r="CY40" s="313">
        <v>838680</v>
      </c>
      <c r="CZ40" s="314">
        <v>1082192</v>
      </c>
      <c r="DA40" s="312">
        <v>0</v>
      </c>
      <c r="DB40" s="313">
        <v>3777734</v>
      </c>
      <c r="DC40" s="313">
        <v>2481886</v>
      </c>
      <c r="DD40" s="313">
        <v>1524625</v>
      </c>
      <c r="DE40" s="313">
        <v>1006843</v>
      </c>
      <c r="DF40" s="313">
        <v>193248</v>
      </c>
      <c r="DG40" s="314">
        <v>8984336</v>
      </c>
      <c r="DH40" s="316">
        <v>10066528</v>
      </c>
      <c r="DI40" s="312">
        <v>19664</v>
      </c>
      <c r="DJ40" s="313">
        <v>0</v>
      </c>
      <c r="DK40" s="317">
        <v>19664</v>
      </c>
      <c r="DL40" s="318">
        <v>0</v>
      </c>
      <c r="DM40" s="313">
        <v>629523</v>
      </c>
      <c r="DN40" s="313">
        <v>358229</v>
      </c>
      <c r="DO40" s="313">
        <v>1211284</v>
      </c>
      <c r="DP40" s="313">
        <v>2081448</v>
      </c>
      <c r="DQ40" s="313">
        <v>1133715</v>
      </c>
      <c r="DR40" s="314">
        <v>5414199</v>
      </c>
      <c r="DS40" s="316">
        <v>5433863</v>
      </c>
      <c r="DT40" s="312">
        <v>19664</v>
      </c>
      <c r="DU40" s="313">
        <v>0</v>
      </c>
      <c r="DV40" s="314">
        <v>19664</v>
      </c>
      <c r="DW40" s="312">
        <v>0</v>
      </c>
      <c r="DX40" s="313">
        <v>561645</v>
      </c>
      <c r="DY40" s="313">
        <v>187274</v>
      </c>
      <c r="DZ40" s="313">
        <v>1042606</v>
      </c>
      <c r="EA40" s="313">
        <v>1897389</v>
      </c>
      <c r="EB40" s="313">
        <v>971760</v>
      </c>
      <c r="EC40" s="314">
        <v>4660674</v>
      </c>
      <c r="ED40" s="316">
        <v>4680338</v>
      </c>
      <c r="EE40" s="312">
        <v>0</v>
      </c>
      <c r="EF40" s="317">
        <v>0</v>
      </c>
      <c r="EG40" s="314">
        <v>0</v>
      </c>
      <c r="EH40" s="312">
        <v>0</v>
      </c>
      <c r="EI40" s="313">
        <v>67878</v>
      </c>
      <c r="EJ40" s="313">
        <v>170955</v>
      </c>
      <c r="EK40" s="313">
        <v>168678</v>
      </c>
      <c r="EL40" s="313">
        <v>184059</v>
      </c>
      <c r="EM40" s="313">
        <v>161955</v>
      </c>
      <c r="EN40" s="317">
        <v>753525</v>
      </c>
      <c r="EO40" s="316">
        <v>753525</v>
      </c>
      <c r="EP40" s="312">
        <v>0</v>
      </c>
      <c r="EQ40" s="313">
        <v>0</v>
      </c>
      <c r="ER40" s="317">
        <v>0</v>
      </c>
      <c r="ES40" s="318">
        <v>0</v>
      </c>
      <c r="ET40" s="313">
        <v>0</v>
      </c>
      <c r="EU40" s="313">
        <v>0</v>
      </c>
      <c r="EV40" s="313">
        <v>0</v>
      </c>
      <c r="EW40" s="313">
        <v>0</v>
      </c>
      <c r="EX40" s="313">
        <v>0</v>
      </c>
      <c r="EY40" s="314">
        <v>0</v>
      </c>
      <c r="EZ40" s="316">
        <v>0</v>
      </c>
      <c r="FA40" s="312">
        <v>0</v>
      </c>
      <c r="FB40" s="313">
        <v>0</v>
      </c>
      <c r="FC40" s="317">
        <v>0</v>
      </c>
      <c r="FD40" s="318">
        <v>0</v>
      </c>
      <c r="FE40" s="313">
        <v>0</v>
      </c>
      <c r="FF40" s="313">
        <v>0</v>
      </c>
      <c r="FG40" s="313">
        <v>0</v>
      </c>
      <c r="FH40" s="313">
        <v>0</v>
      </c>
      <c r="FI40" s="313">
        <v>0</v>
      </c>
      <c r="FJ40" s="314">
        <v>0</v>
      </c>
      <c r="FK40" s="316">
        <v>0</v>
      </c>
      <c r="FL40" s="312">
        <v>320264</v>
      </c>
      <c r="FM40" s="313">
        <v>1160041</v>
      </c>
      <c r="FN40" s="314">
        <v>1480305</v>
      </c>
      <c r="FO40" s="312">
        <v>0</v>
      </c>
      <c r="FP40" s="313">
        <v>1721743</v>
      </c>
      <c r="FQ40" s="313">
        <v>2237563</v>
      </c>
      <c r="FR40" s="313">
        <v>1623597</v>
      </c>
      <c r="FS40" s="313">
        <v>1571215</v>
      </c>
      <c r="FT40" s="313">
        <v>1096267</v>
      </c>
      <c r="FU40" s="314">
        <v>8250385</v>
      </c>
      <c r="FV40" s="316">
        <v>9730690</v>
      </c>
      <c r="FW40" s="319">
        <v>320264</v>
      </c>
      <c r="FX40" s="313">
        <v>721661</v>
      </c>
      <c r="FY40" s="317">
        <v>1041925</v>
      </c>
      <c r="FZ40" s="318">
        <v>0</v>
      </c>
      <c r="GA40" s="313">
        <v>1364292</v>
      </c>
      <c r="GB40" s="313">
        <v>2073174</v>
      </c>
      <c r="GC40" s="313">
        <v>1599615</v>
      </c>
      <c r="GD40" s="313">
        <v>1421919</v>
      </c>
      <c r="GE40" s="313">
        <v>1096267</v>
      </c>
      <c r="GF40" s="314">
        <v>7555267</v>
      </c>
      <c r="GG40" s="320">
        <v>8597192</v>
      </c>
      <c r="GH40" s="319">
        <v>0</v>
      </c>
      <c r="GI40" s="313">
        <v>128956</v>
      </c>
      <c r="GJ40" s="317">
        <v>128956</v>
      </c>
      <c r="GK40" s="318">
        <v>0</v>
      </c>
      <c r="GL40" s="313">
        <v>130642</v>
      </c>
      <c r="GM40" s="313">
        <v>75289</v>
      </c>
      <c r="GN40" s="313">
        <v>23982</v>
      </c>
      <c r="GO40" s="313">
        <v>149296</v>
      </c>
      <c r="GP40" s="313">
        <v>0</v>
      </c>
      <c r="GQ40" s="314">
        <v>379209</v>
      </c>
      <c r="GR40" s="316">
        <v>508165</v>
      </c>
      <c r="GS40" s="312">
        <v>0</v>
      </c>
      <c r="GT40" s="313">
        <v>309424</v>
      </c>
      <c r="GU40" s="314">
        <v>309424</v>
      </c>
      <c r="GV40" s="312">
        <v>0</v>
      </c>
      <c r="GW40" s="313">
        <v>226809</v>
      </c>
      <c r="GX40" s="313">
        <v>89100</v>
      </c>
      <c r="GY40" s="313">
        <v>0</v>
      </c>
      <c r="GZ40" s="313">
        <v>0</v>
      </c>
      <c r="HA40" s="313">
        <v>0</v>
      </c>
      <c r="HB40" s="317">
        <v>315909</v>
      </c>
      <c r="HC40" s="316">
        <v>625333</v>
      </c>
      <c r="HD40" s="312">
        <v>881180</v>
      </c>
      <c r="HE40" s="313">
        <v>1110103</v>
      </c>
      <c r="HF40" s="317">
        <v>1991283</v>
      </c>
      <c r="HG40" s="318">
        <v>0</v>
      </c>
      <c r="HH40" s="313">
        <v>6348467</v>
      </c>
      <c r="HI40" s="313">
        <v>2152367</v>
      </c>
      <c r="HJ40" s="313">
        <v>3944856</v>
      </c>
      <c r="HK40" s="313">
        <v>8398071</v>
      </c>
      <c r="HL40" s="313">
        <v>2336573</v>
      </c>
      <c r="HM40" s="314">
        <v>23180334</v>
      </c>
      <c r="HN40" s="315">
        <v>25171617</v>
      </c>
      <c r="HO40" s="319">
        <v>340995</v>
      </c>
      <c r="HP40" s="313">
        <v>592760</v>
      </c>
      <c r="HQ40" s="314">
        <v>933755</v>
      </c>
      <c r="HR40" s="312">
        <v>0</v>
      </c>
      <c r="HS40" s="313">
        <v>4638294</v>
      </c>
      <c r="HT40" s="313">
        <v>2511071</v>
      </c>
      <c r="HU40" s="313">
        <v>1755684</v>
      </c>
      <c r="HV40" s="313">
        <v>1357675</v>
      </c>
      <c r="HW40" s="313">
        <v>867146</v>
      </c>
      <c r="HX40" s="317">
        <v>11129870</v>
      </c>
      <c r="HY40" s="316">
        <v>12063625</v>
      </c>
      <c r="HZ40" s="344">
        <v>84375</v>
      </c>
      <c r="IA40" s="342">
        <v>286013</v>
      </c>
      <c r="IB40" s="344">
        <v>370388</v>
      </c>
      <c r="IC40" s="324">
        <v>0</v>
      </c>
      <c r="ID40" s="322">
        <v>5745461</v>
      </c>
      <c r="IE40" s="325">
        <v>5815332</v>
      </c>
      <c r="IF40" s="323">
        <v>7308872</v>
      </c>
      <c r="IG40" s="322">
        <v>5075164</v>
      </c>
      <c r="IH40" s="323">
        <v>2620656</v>
      </c>
      <c r="II40" s="326">
        <v>26565485</v>
      </c>
      <c r="IJ40" s="344">
        <v>26935873</v>
      </c>
      <c r="IK40" s="328">
        <v>0</v>
      </c>
      <c r="IL40" s="329">
        <v>0</v>
      </c>
      <c r="IM40" s="330">
        <v>0</v>
      </c>
      <c r="IN40" s="390">
        <v>0</v>
      </c>
      <c r="IO40" s="331">
        <v>86809</v>
      </c>
      <c r="IP40" s="331">
        <v>0</v>
      </c>
      <c r="IQ40" s="331">
        <v>330999</v>
      </c>
      <c r="IR40" s="331">
        <v>0</v>
      </c>
      <c r="IS40" s="331">
        <v>275148</v>
      </c>
      <c r="IT40" s="332">
        <v>692956</v>
      </c>
      <c r="IU40" s="333">
        <v>692956</v>
      </c>
      <c r="IV40" s="334">
        <v>0</v>
      </c>
      <c r="IW40" s="331">
        <v>0</v>
      </c>
      <c r="IX40" s="335">
        <v>0</v>
      </c>
      <c r="IY40" s="399">
        <v>0</v>
      </c>
      <c r="IZ40" s="331">
        <v>0</v>
      </c>
      <c r="JA40" s="331">
        <v>0</v>
      </c>
      <c r="JB40" s="331">
        <v>0</v>
      </c>
      <c r="JC40" s="331">
        <v>0</v>
      </c>
      <c r="JD40" s="331">
        <v>0</v>
      </c>
      <c r="JE40" s="335">
        <v>0</v>
      </c>
      <c r="JF40" s="336">
        <v>0</v>
      </c>
      <c r="JG40" s="334">
        <v>0</v>
      </c>
      <c r="JH40" s="331">
        <v>0</v>
      </c>
      <c r="JI40" s="332">
        <v>0</v>
      </c>
      <c r="JJ40" s="337">
        <v>0</v>
      </c>
      <c r="JK40" s="331">
        <v>1247665</v>
      </c>
      <c r="JL40" s="331">
        <v>1255995</v>
      </c>
      <c r="JM40" s="331">
        <v>1548875</v>
      </c>
      <c r="JN40" s="331">
        <v>1078795</v>
      </c>
      <c r="JO40" s="331">
        <v>350253</v>
      </c>
      <c r="JP40" s="335">
        <v>5481583</v>
      </c>
      <c r="JQ40" s="333">
        <v>5481583</v>
      </c>
      <c r="JR40" s="334">
        <v>0</v>
      </c>
      <c r="JS40" s="331">
        <v>0</v>
      </c>
      <c r="JT40" s="332">
        <v>0</v>
      </c>
      <c r="JU40" s="337">
        <v>0</v>
      </c>
      <c r="JV40" s="331">
        <v>0</v>
      </c>
      <c r="JW40" s="331">
        <v>0</v>
      </c>
      <c r="JX40" s="331">
        <v>0</v>
      </c>
      <c r="JY40" s="331">
        <v>0</v>
      </c>
      <c r="JZ40" s="331">
        <v>0</v>
      </c>
      <c r="KA40" s="335">
        <v>0</v>
      </c>
      <c r="KB40" s="333">
        <v>0</v>
      </c>
      <c r="KC40" s="338">
        <v>84375</v>
      </c>
      <c r="KD40" s="339">
        <v>286013</v>
      </c>
      <c r="KE40" s="335">
        <v>370388</v>
      </c>
      <c r="KF40" s="337">
        <v>0</v>
      </c>
      <c r="KG40" s="331">
        <v>881091</v>
      </c>
      <c r="KH40" s="331">
        <v>1075239</v>
      </c>
      <c r="KI40" s="331">
        <v>2085318</v>
      </c>
      <c r="KJ40" s="331">
        <v>653751</v>
      </c>
      <c r="KK40" s="331">
        <v>281043</v>
      </c>
      <c r="KL40" s="335">
        <v>4976442</v>
      </c>
      <c r="KM40" s="340">
        <v>5346830</v>
      </c>
      <c r="KN40" s="328">
        <v>0</v>
      </c>
      <c r="KO40" s="329">
        <v>0</v>
      </c>
      <c r="KP40" s="330">
        <v>0</v>
      </c>
      <c r="KQ40" s="399">
        <v>0</v>
      </c>
      <c r="KR40" s="331">
        <v>3529896</v>
      </c>
      <c r="KS40" s="331">
        <v>3484098</v>
      </c>
      <c r="KT40" s="331">
        <v>3343680</v>
      </c>
      <c r="KU40" s="331">
        <v>3342618</v>
      </c>
      <c r="KV40" s="331">
        <v>1714212</v>
      </c>
      <c r="KW40" s="335">
        <v>15414504</v>
      </c>
      <c r="KX40" s="333">
        <v>15414504</v>
      </c>
      <c r="KY40" s="334">
        <v>0</v>
      </c>
      <c r="KZ40" s="331">
        <v>0</v>
      </c>
      <c r="LA40" s="335">
        <v>0</v>
      </c>
      <c r="LB40" s="399">
        <v>0</v>
      </c>
      <c r="LC40" s="331">
        <v>0</v>
      </c>
      <c r="LD40" s="331">
        <v>0</v>
      </c>
      <c r="LE40" s="331">
        <v>0</v>
      </c>
      <c r="LF40" s="331">
        <v>0</v>
      </c>
      <c r="LG40" s="331">
        <v>0</v>
      </c>
      <c r="LH40" s="335">
        <v>0</v>
      </c>
      <c r="LI40" s="336">
        <v>0</v>
      </c>
      <c r="LJ40" s="334">
        <v>0</v>
      </c>
      <c r="LK40" s="331">
        <v>0</v>
      </c>
      <c r="LL40" s="335">
        <v>0</v>
      </c>
      <c r="LM40" s="399">
        <v>0</v>
      </c>
      <c r="LN40" s="331">
        <v>0</v>
      </c>
      <c r="LO40" s="331">
        <v>0</v>
      </c>
      <c r="LP40" s="331">
        <v>0</v>
      </c>
      <c r="LQ40" s="331">
        <v>0</v>
      </c>
      <c r="LR40" s="331">
        <v>0</v>
      </c>
      <c r="LS40" s="335">
        <v>0</v>
      </c>
      <c r="LT40" s="333">
        <v>0</v>
      </c>
      <c r="LU40" s="334">
        <v>0</v>
      </c>
      <c r="LV40" s="331">
        <v>0</v>
      </c>
      <c r="LW40" s="335">
        <v>0</v>
      </c>
      <c r="LX40" s="399">
        <v>0</v>
      </c>
      <c r="LY40" s="331">
        <v>0</v>
      </c>
      <c r="LZ40" s="331">
        <v>0</v>
      </c>
      <c r="MA40" s="331">
        <v>0</v>
      </c>
      <c r="MB40" s="331">
        <v>0</v>
      </c>
      <c r="MC40" s="331">
        <v>0</v>
      </c>
      <c r="MD40" s="335">
        <v>0</v>
      </c>
      <c r="ME40" s="336">
        <v>0</v>
      </c>
      <c r="MF40" s="334">
        <v>0</v>
      </c>
      <c r="MG40" s="331">
        <v>0</v>
      </c>
      <c r="MH40" s="335">
        <v>0</v>
      </c>
      <c r="MI40" s="399">
        <v>0</v>
      </c>
      <c r="MJ40" s="331">
        <v>4075068</v>
      </c>
      <c r="MK40" s="331">
        <v>10543279</v>
      </c>
      <c r="ML40" s="331">
        <v>13967458</v>
      </c>
      <c r="MM40" s="331">
        <v>19058943</v>
      </c>
      <c r="MN40" s="331">
        <v>12370216</v>
      </c>
      <c r="MO40" s="335">
        <v>60014964</v>
      </c>
      <c r="MP40" s="340">
        <v>60014964</v>
      </c>
      <c r="MQ40" s="334">
        <v>0</v>
      </c>
      <c r="MR40" s="331">
        <v>0</v>
      </c>
      <c r="MS40" s="335">
        <v>0</v>
      </c>
      <c r="MT40" s="399">
        <v>0</v>
      </c>
      <c r="MU40" s="331">
        <v>177822</v>
      </c>
      <c r="MV40" s="331">
        <v>282302</v>
      </c>
      <c r="MW40" s="331">
        <v>5783109</v>
      </c>
      <c r="MX40" s="331">
        <v>13588528</v>
      </c>
      <c r="MY40" s="331">
        <v>7635597</v>
      </c>
      <c r="MZ40" s="335">
        <v>27467358</v>
      </c>
      <c r="NA40" s="340">
        <v>27467358</v>
      </c>
      <c r="NB40" s="334">
        <v>0</v>
      </c>
      <c r="NC40" s="331">
        <v>0</v>
      </c>
      <c r="ND40" s="335">
        <v>0</v>
      </c>
      <c r="NE40" s="399">
        <v>0</v>
      </c>
      <c r="NF40" s="331">
        <v>3431712</v>
      </c>
      <c r="NG40" s="331">
        <v>9344237</v>
      </c>
      <c r="NH40" s="331">
        <v>7261192</v>
      </c>
      <c r="NI40" s="331">
        <v>4103298</v>
      </c>
      <c r="NJ40" s="331">
        <v>2792529</v>
      </c>
      <c r="NK40" s="335">
        <v>26932968</v>
      </c>
      <c r="NL40" s="333">
        <v>26932968</v>
      </c>
      <c r="NM40" s="334">
        <v>0</v>
      </c>
      <c r="NN40" s="331">
        <v>0</v>
      </c>
      <c r="NO40" s="335">
        <v>0</v>
      </c>
      <c r="NP40" s="399">
        <v>0</v>
      </c>
      <c r="NQ40" s="331">
        <v>0</v>
      </c>
      <c r="NR40" s="331">
        <v>0</v>
      </c>
      <c r="NS40" s="331">
        <v>0</v>
      </c>
      <c r="NT40" s="331">
        <v>0</v>
      </c>
      <c r="NU40" s="331">
        <v>0</v>
      </c>
      <c r="NV40" s="335">
        <v>0</v>
      </c>
      <c r="NW40" s="336">
        <v>0</v>
      </c>
      <c r="NX40" s="334">
        <v>0</v>
      </c>
      <c r="NY40" s="331">
        <v>0</v>
      </c>
      <c r="NZ40" s="335">
        <v>0</v>
      </c>
      <c r="OA40" s="399">
        <v>0</v>
      </c>
      <c r="OB40" s="331">
        <v>465534</v>
      </c>
      <c r="OC40" s="331">
        <v>916740</v>
      </c>
      <c r="OD40" s="331">
        <v>923157</v>
      </c>
      <c r="OE40" s="331">
        <v>1367117</v>
      </c>
      <c r="OF40" s="331">
        <v>1942090</v>
      </c>
      <c r="OG40" s="335">
        <v>5614638</v>
      </c>
      <c r="OH40" s="336">
        <v>5614638</v>
      </c>
      <c r="OI40" s="334">
        <v>2457539</v>
      </c>
      <c r="OJ40" s="331">
        <v>5315757</v>
      </c>
      <c r="OK40" s="332">
        <v>7773296</v>
      </c>
      <c r="OL40" s="337">
        <v>0</v>
      </c>
      <c r="OM40" s="331">
        <v>44176129</v>
      </c>
      <c r="ON40" s="331">
        <v>39383365</v>
      </c>
      <c r="OO40" s="331">
        <v>42469522</v>
      </c>
      <c r="OP40" s="331">
        <v>51161604</v>
      </c>
      <c r="OQ40" s="331">
        <v>32244549</v>
      </c>
      <c r="OR40" s="335">
        <v>209435169</v>
      </c>
      <c r="OS40" s="340">
        <v>217208465</v>
      </c>
    </row>
    <row r="41" spans="2:409" s="56" customFormat="1" ht="21" customHeight="1" x14ac:dyDescent="0.2">
      <c r="B41" s="396" t="s">
        <v>36</v>
      </c>
      <c r="C41" s="312">
        <v>1144315</v>
      </c>
      <c r="D41" s="313">
        <v>3393714</v>
      </c>
      <c r="E41" s="314">
        <v>4538029</v>
      </c>
      <c r="F41" s="315">
        <v>0</v>
      </c>
      <c r="G41" s="313">
        <v>21942469</v>
      </c>
      <c r="H41" s="313">
        <v>31148805</v>
      </c>
      <c r="I41" s="313">
        <v>25295897</v>
      </c>
      <c r="J41" s="313">
        <v>19204319</v>
      </c>
      <c r="K41" s="313">
        <v>20789573</v>
      </c>
      <c r="L41" s="353">
        <v>118381063</v>
      </c>
      <c r="M41" s="316">
        <v>122919092</v>
      </c>
      <c r="N41" s="312">
        <v>246290</v>
      </c>
      <c r="O41" s="313">
        <v>1185013</v>
      </c>
      <c r="P41" s="314">
        <v>1431303</v>
      </c>
      <c r="Q41" s="312">
        <v>0</v>
      </c>
      <c r="R41" s="313">
        <v>5862494</v>
      </c>
      <c r="S41" s="313">
        <v>10019437</v>
      </c>
      <c r="T41" s="313">
        <v>8479730</v>
      </c>
      <c r="U41" s="313">
        <v>5994887</v>
      </c>
      <c r="V41" s="313">
        <v>11778194</v>
      </c>
      <c r="W41" s="314">
        <v>42134742</v>
      </c>
      <c r="X41" s="316">
        <v>43566045</v>
      </c>
      <c r="Y41" s="312">
        <v>0</v>
      </c>
      <c r="Z41" s="313">
        <v>0</v>
      </c>
      <c r="AA41" s="314">
        <v>0</v>
      </c>
      <c r="AB41" s="312">
        <v>0</v>
      </c>
      <c r="AC41" s="313">
        <v>2045169</v>
      </c>
      <c r="AD41" s="313">
        <v>5349712</v>
      </c>
      <c r="AE41" s="313">
        <v>4204659</v>
      </c>
      <c r="AF41" s="313">
        <v>2994712</v>
      </c>
      <c r="AG41" s="313">
        <v>7490719</v>
      </c>
      <c r="AH41" s="314">
        <v>22084971</v>
      </c>
      <c r="AI41" s="316">
        <v>22084971</v>
      </c>
      <c r="AJ41" s="312">
        <v>0</v>
      </c>
      <c r="AK41" s="313">
        <v>36736</v>
      </c>
      <c r="AL41" s="314">
        <v>36736</v>
      </c>
      <c r="AM41" s="312">
        <v>0</v>
      </c>
      <c r="AN41" s="313">
        <v>222626</v>
      </c>
      <c r="AO41" s="313">
        <v>261066</v>
      </c>
      <c r="AP41" s="313">
        <v>608222</v>
      </c>
      <c r="AQ41" s="313">
        <v>437252</v>
      </c>
      <c r="AR41" s="313">
        <v>821402</v>
      </c>
      <c r="AS41" s="314">
        <v>2350568</v>
      </c>
      <c r="AT41" s="316">
        <v>2387304</v>
      </c>
      <c r="AU41" s="312">
        <v>152678</v>
      </c>
      <c r="AV41" s="313">
        <v>694429</v>
      </c>
      <c r="AW41" s="314">
        <v>847107</v>
      </c>
      <c r="AX41" s="312">
        <v>0</v>
      </c>
      <c r="AY41" s="313">
        <v>2163934</v>
      </c>
      <c r="AZ41" s="313">
        <v>2327216</v>
      </c>
      <c r="BA41" s="313">
        <v>2237353</v>
      </c>
      <c r="BB41" s="313">
        <v>1573511</v>
      </c>
      <c r="BC41" s="313">
        <v>2533264</v>
      </c>
      <c r="BD41" s="314">
        <v>10835278</v>
      </c>
      <c r="BE41" s="316">
        <v>11682385</v>
      </c>
      <c r="BF41" s="312">
        <v>27723</v>
      </c>
      <c r="BG41" s="313">
        <v>408614</v>
      </c>
      <c r="BH41" s="317">
        <v>436337</v>
      </c>
      <c r="BI41" s="318">
        <v>0</v>
      </c>
      <c r="BJ41" s="313">
        <v>568440</v>
      </c>
      <c r="BK41" s="313">
        <v>521090</v>
      </c>
      <c r="BL41" s="313">
        <v>201752</v>
      </c>
      <c r="BM41" s="313">
        <v>241120</v>
      </c>
      <c r="BN41" s="313">
        <v>171949</v>
      </c>
      <c r="BO41" s="314">
        <v>1704351</v>
      </c>
      <c r="BP41" s="316">
        <v>2140688</v>
      </c>
      <c r="BQ41" s="312">
        <v>65889</v>
      </c>
      <c r="BR41" s="313">
        <v>45234</v>
      </c>
      <c r="BS41" s="314">
        <v>111123</v>
      </c>
      <c r="BT41" s="312">
        <v>0</v>
      </c>
      <c r="BU41" s="313">
        <v>862325</v>
      </c>
      <c r="BV41" s="313">
        <v>1560353</v>
      </c>
      <c r="BW41" s="313">
        <v>1227744</v>
      </c>
      <c r="BX41" s="313">
        <v>748292</v>
      </c>
      <c r="BY41" s="313">
        <v>760860</v>
      </c>
      <c r="BZ41" s="314">
        <v>5159574</v>
      </c>
      <c r="CA41" s="316">
        <v>5270697</v>
      </c>
      <c r="CB41" s="312">
        <v>165478</v>
      </c>
      <c r="CC41" s="313">
        <v>391985</v>
      </c>
      <c r="CD41" s="314">
        <v>557463</v>
      </c>
      <c r="CE41" s="312">
        <v>0</v>
      </c>
      <c r="CF41" s="313">
        <v>6835504</v>
      </c>
      <c r="CG41" s="313">
        <v>10125031</v>
      </c>
      <c r="CH41" s="313">
        <v>6694684</v>
      </c>
      <c r="CI41" s="313">
        <v>4594497</v>
      </c>
      <c r="CJ41" s="313">
        <v>3919049</v>
      </c>
      <c r="CK41" s="314">
        <v>32168765</v>
      </c>
      <c r="CL41" s="316">
        <v>32726228</v>
      </c>
      <c r="CM41" s="312">
        <v>0</v>
      </c>
      <c r="CN41" s="313">
        <v>0</v>
      </c>
      <c r="CO41" s="314">
        <v>0</v>
      </c>
      <c r="CP41" s="318">
        <v>0</v>
      </c>
      <c r="CQ41" s="313">
        <v>4752306</v>
      </c>
      <c r="CR41" s="313">
        <v>7185739</v>
      </c>
      <c r="CS41" s="313">
        <v>5047577</v>
      </c>
      <c r="CT41" s="313">
        <v>3894497</v>
      </c>
      <c r="CU41" s="313">
        <v>3673407</v>
      </c>
      <c r="CV41" s="314">
        <v>24553526</v>
      </c>
      <c r="CW41" s="316">
        <v>24553526</v>
      </c>
      <c r="CX41" s="312">
        <v>165478</v>
      </c>
      <c r="CY41" s="313">
        <v>391985</v>
      </c>
      <c r="CZ41" s="314">
        <v>557463</v>
      </c>
      <c r="DA41" s="312">
        <v>0</v>
      </c>
      <c r="DB41" s="313">
        <v>2083198</v>
      </c>
      <c r="DC41" s="313">
        <v>2939292</v>
      </c>
      <c r="DD41" s="313">
        <v>1647107</v>
      </c>
      <c r="DE41" s="313">
        <v>700000</v>
      </c>
      <c r="DF41" s="313">
        <v>245642</v>
      </c>
      <c r="DG41" s="314">
        <v>7615239</v>
      </c>
      <c r="DH41" s="316">
        <v>8172702</v>
      </c>
      <c r="DI41" s="312">
        <v>22508</v>
      </c>
      <c r="DJ41" s="313">
        <v>0</v>
      </c>
      <c r="DK41" s="317">
        <v>22508</v>
      </c>
      <c r="DL41" s="318">
        <v>0</v>
      </c>
      <c r="DM41" s="313">
        <v>469540</v>
      </c>
      <c r="DN41" s="313">
        <v>1175322</v>
      </c>
      <c r="DO41" s="313">
        <v>1917104</v>
      </c>
      <c r="DP41" s="313">
        <v>3313047</v>
      </c>
      <c r="DQ41" s="313">
        <v>1586147</v>
      </c>
      <c r="DR41" s="314">
        <v>8461160</v>
      </c>
      <c r="DS41" s="316">
        <v>8483668</v>
      </c>
      <c r="DT41" s="312">
        <v>22508</v>
      </c>
      <c r="DU41" s="313">
        <v>0</v>
      </c>
      <c r="DV41" s="314">
        <v>22508</v>
      </c>
      <c r="DW41" s="312">
        <v>0</v>
      </c>
      <c r="DX41" s="313">
        <v>469540</v>
      </c>
      <c r="DY41" s="313">
        <v>1150591</v>
      </c>
      <c r="DZ41" s="313">
        <v>1917104</v>
      </c>
      <c r="EA41" s="313">
        <v>3162466</v>
      </c>
      <c r="EB41" s="313">
        <v>1586147</v>
      </c>
      <c r="EC41" s="314">
        <v>8285848</v>
      </c>
      <c r="ED41" s="316">
        <v>8308356</v>
      </c>
      <c r="EE41" s="312">
        <v>0</v>
      </c>
      <c r="EF41" s="317">
        <v>0</v>
      </c>
      <c r="EG41" s="314">
        <v>0</v>
      </c>
      <c r="EH41" s="312">
        <v>0</v>
      </c>
      <c r="EI41" s="313">
        <v>0</v>
      </c>
      <c r="EJ41" s="313">
        <v>24731</v>
      </c>
      <c r="EK41" s="313">
        <v>0</v>
      </c>
      <c r="EL41" s="313">
        <v>150581</v>
      </c>
      <c r="EM41" s="313">
        <v>0</v>
      </c>
      <c r="EN41" s="317">
        <v>175312</v>
      </c>
      <c r="EO41" s="316">
        <v>175312</v>
      </c>
      <c r="EP41" s="312">
        <v>0</v>
      </c>
      <c r="EQ41" s="313">
        <v>0</v>
      </c>
      <c r="ER41" s="317">
        <v>0</v>
      </c>
      <c r="ES41" s="318">
        <v>0</v>
      </c>
      <c r="ET41" s="313">
        <v>0</v>
      </c>
      <c r="EU41" s="313">
        <v>0</v>
      </c>
      <c r="EV41" s="313">
        <v>0</v>
      </c>
      <c r="EW41" s="313">
        <v>0</v>
      </c>
      <c r="EX41" s="313">
        <v>0</v>
      </c>
      <c r="EY41" s="314">
        <v>0</v>
      </c>
      <c r="EZ41" s="316">
        <v>0</v>
      </c>
      <c r="FA41" s="312">
        <v>0</v>
      </c>
      <c r="FB41" s="313">
        <v>0</v>
      </c>
      <c r="FC41" s="317">
        <v>0</v>
      </c>
      <c r="FD41" s="318">
        <v>0</v>
      </c>
      <c r="FE41" s="313">
        <v>0</v>
      </c>
      <c r="FF41" s="313">
        <v>0</v>
      </c>
      <c r="FG41" s="313">
        <v>0</v>
      </c>
      <c r="FH41" s="313">
        <v>0</v>
      </c>
      <c r="FI41" s="313">
        <v>0</v>
      </c>
      <c r="FJ41" s="314">
        <v>0</v>
      </c>
      <c r="FK41" s="316">
        <v>0</v>
      </c>
      <c r="FL41" s="312">
        <v>283216</v>
      </c>
      <c r="FM41" s="313">
        <v>983354</v>
      </c>
      <c r="FN41" s="314">
        <v>1266570</v>
      </c>
      <c r="FO41" s="312">
        <v>0</v>
      </c>
      <c r="FP41" s="313">
        <v>1697040</v>
      </c>
      <c r="FQ41" s="313">
        <v>3305765</v>
      </c>
      <c r="FR41" s="313">
        <v>2495959</v>
      </c>
      <c r="FS41" s="313">
        <v>1649782</v>
      </c>
      <c r="FT41" s="313">
        <v>1412167</v>
      </c>
      <c r="FU41" s="314">
        <v>10560713</v>
      </c>
      <c r="FV41" s="316">
        <v>11827283</v>
      </c>
      <c r="FW41" s="319">
        <v>283216</v>
      </c>
      <c r="FX41" s="313">
        <v>898304</v>
      </c>
      <c r="FY41" s="317">
        <v>1181520</v>
      </c>
      <c r="FZ41" s="318">
        <v>0</v>
      </c>
      <c r="GA41" s="313">
        <v>1612890</v>
      </c>
      <c r="GB41" s="313">
        <v>3027881</v>
      </c>
      <c r="GC41" s="313">
        <v>2339575</v>
      </c>
      <c r="GD41" s="313">
        <v>1471654</v>
      </c>
      <c r="GE41" s="313">
        <v>1352767</v>
      </c>
      <c r="GF41" s="314">
        <v>9804767</v>
      </c>
      <c r="GG41" s="320">
        <v>10986287</v>
      </c>
      <c r="GH41" s="319">
        <v>0</v>
      </c>
      <c r="GI41" s="313">
        <v>18000</v>
      </c>
      <c r="GJ41" s="317">
        <v>18000</v>
      </c>
      <c r="GK41" s="318">
        <v>0</v>
      </c>
      <c r="GL41" s="313">
        <v>0</v>
      </c>
      <c r="GM41" s="313">
        <v>0</v>
      </c>
      <c r="GN41" s="313">
        <v>45144</v>
      </c>
      <c r="GO41" s="313">
        <v>162828</v>
      </c>
      <c r="GP41" s="313">
        <v>32400</v>
      </c>
      <c r="GQ41" s="314">
        <v>240372</v>
      </c>
      <c r="GR41" s="316">
        <v>258372</v>
      </c>
      <c r="GS41" s="312">
        <v>0</v>
      </c>
      <c r="GT41" s="313">
        <v>67050</v>
      </c>
      <c r="GU41" s="314">
        <v>67050</v>
      </c>
      <c r="GV41" s="312">
        <v>0</v>
      </c>
      <c r="GW41" s="313">
        <v>84150</v>
      </c>
      <c r="GX41" s="313">
        <v>277884</v>
      </c>
      <c r="GY41" s="313">
        <v>111240</v>
      </c>
      <c r="GZ41" s="313">
        <v>15300</v>
      </c>
      <c r="HA41" s="313">
        <v>27000</v>
      </c>
      <c r="HB41" s="317">
        <v>515574</v>
      </c>
      <c r="HC41" s="316">
        <v>582624</v>
      </c>
      <c r="HD41" s="312">
        <v>195102</v>
      </c>
      <c r="HE41" s="313">
        <v>120630</v>
      </c>
      <c r="HF41" s="317">
        <v>315732</v>
      </c>
      <c r="HG41" s="318">
        <v>0</v>
      </c>
      <c r="HH41" s="313">
        <v>3304723</v>
      </c>
      <c r="HI41" s="313">
        <v>2909628</v>
      </c>
      <c r="HJ41" s="313">
        <v>3025486</v>
      </c>
      <c r="HK41" s="313">
        <v>1948756</v>
      </c>
      <c r="HL41" s="313">
        <v>783244</v>
      </c>
      <c r="HM41" s="314">
        <v>11971837</v>
      </c>
      <c r="HN41" s="315">
        <v>12287569</v>
      </c>
      <c r="HO41" s="319">
        <v>231721</v>
      </c>
      <c r="HP41" s="313">
        <v>712732</v>
      </c>
      <c r="HQ41" s="314">
        <v>944453</v>
      </c>
      <c r="HR41" s="312">
        <v>0</v>
      </c>
      <c r="HS41" s="313">
        <v>3773168</v>
      </c>
      <c r="HT41" s="313">
        <v>3613622</v>
      </c>
      <c r="HU41" s="313">
        <v>2682934</v>
      </c>
      <c r="HV41" s="313">
        <v>1703350</v>
      </c>
      <c r="HW41" s="313">
        <v>1310772</v>
      </c>
      <c r="HX41" s="317">
        <v>13083846</v>
      </c>
      <c r="HY41" s="316">
        <v>14028299</v>
      </c>
      <c r="HZ41" s="321">
        <v>0</v>
      </c>
      <c r="IA41" s="322">
        <v>0</v>
      </c>
      <c r="IB41" s="323">
        <v>0</v>
      </c>
      <c r="IC41" s="324">
        <v>0</v>
      </c>
      <c r="ID41" s="322">
        <v>6757082</v>
      </c>
      <c r="IE41" s="325">
        <v>9738623</v>
      </c>
      <c r="IF41" s="323">
        <v>11097313</v>
      </c>
      <c r="IG41" s="322">
        <v>5502973</v>
      </c>
      <c r="IH41" s="323">
        <v>4618177</v>
      </c>
      <c r="II41" s="326">
        <v>37714168</v>
      </c>
      <c r="IJ41" s="327">
        <v>37714168</v>
      </c>
      <c r="IK41" s="328">
        <v>0</v>
      </c>
      <c r="IL41" s="329">
        <v>0</v>
      </c>
      <c r="IM41" s="330">
        <v>0</v>
      </c>
      <c r="IN41" s="390">
        <v>0</v>
      </c>
      <c r="IO41" s="331">
        <v>0</v>
      </c>
      <c r="IP41" s="331">
        <v>0</v>
      </c>
      <c r="IQ41" s="331">
        <v>177229</v>
      </c>
      <c r="IR41" s="331">
        <v>0</v>
      </c>
      <c r="IS41" s="331">
        <v>0</v>
      </c>
      <c r="IT41" s="332">
        <v>177229</v>
      </c>
      <c r="IU41" s="333">
        <v>177229</v>
      </c>
      <c r="IV41" s="334">
        <v>0</v>
      </c>
      <c r="IW41" s="331">
        <v>0</v>
      </c>
      <c r="IX41" s="335">
        <v>0</v>
      </c>
      <c r="IY41" s="399">
        <v>0</v>
      </c>
      <c r="IZ41" s="331">
        <v>0</v>
      </c>
      <c r="JA41" s="331">
        <v>0</v>
      </c>
      <c r="JB41" s="331">
        <v>0</v>
      </c>
      <c r="JC41" s="331">
        <v>0</v>
      </c>
      <c r="JD41" s="331">
        <v>0</v>
      </c>
      <c r="JE41" s="335">
        <v>0</v>
      </c>
      <c r="JF41" s="336">
        <v>0</v>
      </c>
      <c r="JG41" s="334">
        <v>0</v>
      </c>
      <c r="JH41" s="331">
        <v>0</v>
      </c>
      <c r="JI41" s="332">
        <v>0</v>
      </c>
      <c r="JJ41" s="337">
        <v>0</v>
      </c>
      <c r="JK41" s="331">
        <v>2608699</v>
      </c>
      <c r="JL41" s="331">
        <v>2812035</v>
      </c>
      <c r="JM41" s="331">
        <v>4660191</v>
      </c>
      <c r="JN41" s="331">
        <v>3177041</v>
      </c>
      <c r="JO41" s="331">
        <v>3101249</v>
      </c>
      <c r="JP41" s="335">
        <v>16359215</v>
      </c>
      <c r="JQ41" s="333">
        <v>16359215</v>
      </c>
      <c r="JR41" s="334">
        <v>0</v>
      </c>
      <c r="JS41" s="331">
        <v>0</v>
      </c>
      <c r="JT41" s="332">
        <v>0</v>
      </c>
      <c r="JU41" s="337">
        <v>0</v>
      </c>
      <c r="JV41" s="331">
        <v>0</v>
      </c>
      <c r="JW41" s="331">
        <v>0</v>
      </c>
      <c r="JX41" s="331">
        <v>0</v>
      </c>
      <c r="JY41" s="331">
        <v>0</v>
      </c>
      <c r="JZ41" s="331">
        <v>0</v>
      </c>
      <c r="KA41" s="335">
        <v>0</v>
      </c>
      <c r="KB41" s="333">
        <v>0</v>
      </c>
      <c r="KC41" s="338">
        <v>0</v>
      </c>
      <c r="KD41" s="339">
        <v>0</v>
      </c>
      <c r="KE41" s="335">
        <v>0</v>
      </c>
      <c r="KF41" s="337">
        <v>0</v>
      </c>
      <c r="KG41" s="331">
        <v>2289905</v>
      </c>
      <c r="KH41" s="331">
        <v>1925406</v>
      </c>
      <c r="KI41" s="331">
        <v>2053402</v>
      </c>
      <c r="KJ41" s="331">
        <v>285495</v>
      </c>
      <c r="KK41" s="331">
        <v>628121</v>
      </c>
      <c r="KL41" s="335">
        <v>7182329</v>
      </c>
      <c r="KM41" s="340">
        <v>7182329</v>
      </c>
      <c r="KN41" s="328">
        <v>0</v>
      </c>
      <c r="KO41" s="329">
        <v>0</v>
      </c>
      <c r="KP41" s="330">
        <v>0</v>
      </c>
      <c r="KQ41" s="399">
        <v>0</v>
      </c>
      <c r="KR41" s="331">
        <v>1858478</v>
      </c>
      <c r="KS41" s="331">
        <v>5001182</v>
      </c>
      <c r="KT41" s="331">
        <v>4206491</v>
      </c>
      <c r="KU41" s="331">
        <v>2040437</v>
      </c>
      <c r="KV41" s="331">
        <v>888807</v>
      </c>
      <c r="KW41" s="335">
        <v>13995395</v>
      </c>
      <c r="KX41" s="333">
        <v>13995395</v>
      </c>
      <c r="KY41" s="334">
        <v>0</v>
      </c>
      <c r="KZ41" s="331">
        <v>0</v>
      </c>
      <c r="LA41" s="335">
        <v>0</v>
      </c>
      <c r="LB41" s="399">
        <v>0</v>
      </c>
      <c r="LC41" s="331">
        <v>0</v>
      </c>
      <c r="LD41" s="331">
        <v>0</v>
      </c>
      <c r="LE41" s="331">
        <v>0</v>
      </c>
      <c r="LF41" s="331">
        <v>0</v>
      </c>
      <c r="LG41" s="331">
        <v>0</v>
      </c>
      <c r="LH41" s="335">
        <v>0</v>
      </c>
      <c r="LI41" s="336">
        <v>0</v>
      </c>
      <c r="LJ41" s="334">
        <v>0</v>
      </c>
      <c r="LK41" s="331">
        <v>0</v>
      </c>
      <c r="LL41" s="335">
        <v>0</v>
      </c>
      <c r="LM41" s="399">
        <v>0</v>
      </c>
      <c r="LN41" s="331">
        <v>0</v>
      </c>
      <c r="LO41" s="331">
        <v>0</v>
      </c>
      <c r="LP41" s="331">
        <v>0</v>
      </c>
      <c r="LQ41" s="331">
        <v>0</v>
      </c>
      <c r="LR41" s="331">
        <v>0</v>
      </c>
      <c r="LS41" s="335">
        <v>0</v>
      </c>
      <c r="LT41" s="333">
        <v>0</v>
      </c>
      <c r="LU41" s="334">
        <v>0</v>
      </c>
      <c r="LV41" s="331">
        <v>0</v>
      </c>
      <c r="LW41" s="335">
        <v>0</v>
      </c>
      <c r="LX41" s="399">
        <v>0</v>
      </c>
      <c r="LY41" s="331">
        <v>0</v>
      </c>
      <c r="LZ41" s="331">
        <v>0</v>
      </c>
      <c r="MA41" s="331">
        <v>0</v>
      </c>
      <c r="MB41" s="331">
        <v>0</v>
      </c>
      <c r="MC41" s="331">
        <v>0</v>
      </c>
      <c r="MD41" s="335">
        <v>0</v>
      </c>
      <c r="ME41" s="336">
        <v>0</v>
      </c>
      <c r="MF41" s="334">
        <v>0</v>
      </c>
      <c r="MG41" s="331">
        <v>0</v>
      </c>
      <c r="MH41" s="335">
        <v>0</v>
      </c>
      <c r="MI41" s="399">
        <v>0</v>
      </c>
      <c r="MJ41" s="331">
        <v>2336536</v>
      </c>
      <c r="MK41" s="331">
        <v>7007444</v>
      </c>
      <c r="ML41" s="331">
        <v>29267273</v>
      </c>
      <c r="MM41" s="331">
        <v>39058434</v>
      </c>
      <c r="MN41" s="331">
        <v>25007687</v>
      </c>
      <c r="MO41" s="335">
        <v>102677374</v>
      </c>
      <c r="MP41" s="340">
        <v>102677374</v>
      </c>
      <c r="MQ41" s="334">
        <v>0</v>
      </c>
      <c r="MR41" s="331">
        <v>0</v>
      </c>
      <c r="MS41" s="335">
        <v>0</v>
      </c>
      <c r="MT41" s="399">
        <v>0</v>
      </c>
      <c r="MU41" s="331">
        <v>0</v>
      </c>
      <c r="MV41" s="331">
        <v>1202826</v>
      </c>
      <c r="MW41" s="331">
        <v>19161237</v>
      </c>
      <c r="MX41" s="331">
        <v>22711098</v>
      </c>
      <c r="MY41" s="331">
        <v>17611941</v>
      </c>
      <c r="MZ41" s="335">
        <v>60687102</v>
      </c>
      <c r="NA41" s="340">
        <v>60687102</v>
      </c>
      <c r="NB41" s="334">
        <v>0</v>
      </c>
      <c r="NC41" s="331">
        <v>0</v>
      </c>
      <c r="ND41" s="335">
        <v>0</v>
      </c>
      <c r="NE41" s="399">
        <v>0</v>
      </c>
      <c r="NF41" s="331">
        <v>2336536</v>
      </c>
      <c r="NG41" s="331">
        <v>5804618</v>
      </c>
      <c r="NH41" s="331">
        <v>10106036</v>
      </c>
      <c r="NI41" s="331">
        <v>14429681</v>
      </c>
      <c r="NJ41" s="331">
        <v>4907899</v>
      </c>
      <c r="NK41" s="335">
        <v>37584770</v>
      </c>
      <c r="NL41" s="333">
        <v>37584770</v>
      </c>
      <c r="NM41" s="334">
        <v>0</v>
      </c>
      <c r="NN41" s="331">
        <v>0</v>
      </c>
      <c r="NO41" s="335">
        <v>0</v>
      </c>
      <c r="NP41" s="399">
        <v>0</v>
      </c>
      <c r="NQ41" s="331">
        <v>0</v>
      </c>
      <c r="NR41" s="331">
        <v>0</v>
      </c>
      <c r="NS41" s="331">
        <v>0</v>
      </c>
      <c r="NT41" s="331">
        <v>0</v>
      </c>
      <c r="NU41" s="331">
        <v>0</v>
      </c>
      <c r="NV41" s="335">
        <v>0</v>
      </c>
      <c r="NW41" s="336">
        <v>0</v>
      </c>
      <c r="NX41" s="334">
        <v>0</v>
      </c>
      <c r="NY41" s="331">
        <v>0</v>
      </c>
      <c r="NZ41" s="335">
        <v>0</v>
      </c>
      <c r="OA41" s="399">
        <v>0</v>
      </c>
      <c r="OB41" s="331">
        <v>0</v>
      </c>
      <c r="OC41" s="331">
        <v>0</v>
      </c>
      <c r="OD41" s="331">
        <v>0</v>
      </c>
      <c r="OE41" s="331">
        <v>1917655</v>
      </c>
      <c r="OF41" s="331">
        <v>2487847</v>
      </c>
      <c r="OG41" s="335">
        <v>4405502</v>
      </c>
      <c r="OH41" s="336">
        <v>4405502</v>
      </c>
      <c r="OI41" s="334">
        <v>1144315</v>
      </c>
      <c r="OJ41" s="331">
        <v>3393714</v>
      </c>
      <c r="OK41" s="332">
        <v>4538029</v>
      </c>
      <c r="OL41" s="337">
        <v>0</v>
      </c>
      <c r="OM41" s="331">
        <v>31036087</v>
      </c>
      <c r="ON41" s="331">
        <v>47894872</v>
      </c>
      <c r="OO41" s="331">
        <v>65660483</v>
      </c>
      <c r="OP41" s="331">
        <v>63765726</v>
      </c>
      <c r="OQ41" s="331">
        <v>50415437</v>
      </c>
      <c r="OR41" s="335">
        <v>258772605</v>
      </c>
      <c r="OS41" s="340">
        <v>263310634</v>
      </c>
    </row>
    <row r="42" spans="2:409" s="56" customFormat="1" ht="21" customHeight="1" thickBot="1" x14ac:dyDescent="0.25">
      <c r="B42" s="397" t="s">
        <v>37</v>
      </c>
      <c r="C42" s="357">
        <v>146048</v>
      </c>
      <c r="D42" s="358">
        <v>132134</v>
      </c>
      <c r="E42" s="359">
        <v>278182</v>
      </c>
      <c r="F42" s="360">
        <v>0</v>
      </c>
      <c r="G42" s="358">
        <v>1596106</v>
      </c>
      <c r="H42" s="358">
        <v>2670050</v>
      </c>
      <c r="I42" s="358">
        <v>2057823</v>
      </c>
      <c r="J42" s="358">
        <v>1055492</v>
      </c>
      <c r="K42" s="358">
        <v>1370449</v>
      </c>
      <c r="L42" s="360">
        <v>8749920</v>
      </c>
      <c r="M42" s="361">
        <v>9028102</v>
      </c>
      <c r="N42" s="357">
        <v>37098</v>
      </c>
      <c r="O42" s="358">
        <v>23149</v>
      </c>
      <c r="P42" s="359">
        <v>60247</v>
      </c>
      <c r="Q42" s="357">
        <v>0</v>
      </c>
      <c r="R42" s="358">
        <v>462112</v>
      </c>
      <c r="S42" s="358">
        <v>430101</v>
      </c>
      <c r="T42" s="358">
        <v>731048</v>
      </c>
      <c r="U42" s="358">
        <v>251420</v>
      </c>
      <c r="V42" s="358">
        <v>864134</v>
      </c>
      <c r="W42" s="359">
        <v>2738815</v>
      </c>
      <c r="X42" s="361">
        <v>2799062</v>
      </c>
      <c r="Y42" s="357">
        <v>0</v>
      </c>
      <c r="Z42" s="358">
        <v>0</v>
      </c>
      <c r="AA42" s="359">
        <v>0</v>
      </c>
      <c r="AB42" s="357">
        <v>0</v>
      </c>
      <c r="AC42" s="358">
        <v>186458</v>
      </c>
      <c r="AD42" s="358">
        <v>192992</v>
      </c>
      <c r="AE42" s="358">
        <v>428769</v>
      </c>
      <c r="AF42" s="358">
        <v>9954</v>
      </c>
      <c r="AG42" s="358">
        <v>376327</v>
      </c>
      <c r="AH42" s="359">
        <v>1194500</v>
      </c>
      <c r="AI42" s="361">
        <v>1194500</v>
      </c>
      <c r="AJ42" s="357">
        <v>0</v>
      </c>
      <c r="AK42" s="358">
        <v>0</v>
      </c>
      <c r="AL42" s="359">
        <v>0</v>
      </c>
      <c r="AM42" s="357">
        <v>0</v>
      </c>
      <c r="AN42" s="358">
        <v>0</v>
      </c>
      <c r="AO42" s="358">
        <v>0</v>
      </c>
      <c r="AP42" s="358">
        <v>0</v>
      </c>
      <c r="AQ42" s="358">
        <v>0</v>
      </c>
      <c r="AR42" s="358">
        <v>68868</v>
      </c>
      <c r="AS42" s="359">
        <v>68868</v>
      </c>
      <c r="AT42" s="361">
        <v>68868</v>
      </c>
      <c r="AU42" s="357">
        <v>27288</v>
      </c>
      <c r="AV42" s="358">
        <v>23149</v>
      </c>
      <c r="AW42" s="359">
        <v>50437</v>
      </c>
      <c r="AX42" s="357">
        <v>0</v>
      </c>
      <c r="AY42" s="358">
        <v>165600</v>
      </c>
      <c r="AZ42" s="358">
        <v>188792</v>
      </c>
      <c r="BA42" s="358">
        <v>221738</v>
      </c>
      <c r="BB42" s="358">
        <v>95351</v>
      </c>
      <c r="BC42" s="358">
        <v>295884</v>
      </c>
      <c r="BD42" s="359">
        <v>967365</v>
      </c>
      <c r="BE42" s="361">
        <v>1017802</v>
      </c>
      <c r="BF42" s="357">
        <v>0</v>
      </c>
      <c r="BG42" s="358">
        <v>0</v>
      </c>
      <c r="BH42" s="362">
        <v>0</v>
      </c>
      <c r="BI42" s="363">
        <v>0</v>
      </c>
      <c r="BJ42" s="358">
        <v>33509</v>
      </c>
      <c r="BK42" s="358">
        <v>30605</v>
      </c>
      <c r="BL42" s="358">
        <v>0</v>
      </c>
      <c r="BM42" s="358">
        <v>0</v>
      </c>
      <c r="BN42" s="358">
        <v>27223</v>
      </c>
      <c r="BO42" s="359">
        <v>91337</v>
      </c>
      <c r="BP42" s="361">
        <v>91337</v>
      </c>
      <c r="BQ42" s="357">
        <v>9810</v>
      </c>
      <c r="BR42" s="358">
        <v>0</v>
      </c>
      <c r="BS42" s="359">
        <v>9810</v>
      </c>
      <c r="BT42" s="357">
        <v>0</v>
      </c>
      <c r="BU42" s="358">
        <v>76545</v>
      </c>
      <c r="BV42" s="358">
        <v>17712</v>
      </c>
      <c r="BW42" s="358">
        <v>80541</v>
      </c>
      <c r="BX42" s="358">
        <v>146115</v>
      </c>
      <c r="BY42" s="358">
        <v>95832</v>
      </c>
      <c r="BZ42" s="359">
        <v>416745</v>
      </c>
      <c r="CA42" s="361">
        <v>426555</v>
      </c>
      <c r="CB42" s="357">
        <v>24620</v>
      </c>
      <c r="CC42" s="358">
        <v>47038</v>
      </c>
      <c r="CD42" s="359">
        <v>71658</v>
      </c>
      <c r="CE42" s="357">
        <v>0</v>
      </c>
      <c r="CF42" s="358">
        <v>571544</v>
      </c>
      <c r="CG42" s="358">
        <v>940529</v>
      </c>
      <c r="CH42" s="358">
        <v>574866</v>
      </c>
      <c r="CI42" s="358">
        <v>499604</v>
      </c>
      <c r="CJ42" s="358">
        <v>241150</v>
      </c>
      <c r="CK42" s="359">
        <v>2827693</v>
      </c>
      <c r="CL42" s="361">
        <v>2899351</v>
      </c>
      <c r="CM42" s="357">
        <v>0</v>
      </c>
      <c r="CN42" s="358">
        <v>0</v>
      </c>
      <c r="CO42" s="359">
        <v>0</v>
      </c>
      <c r="CP42" s="363">
        <v>0</v>
      </c>
      <c r="CQ42" s="358">
        <v>269175</v>
      </c>
      <c r="CR42" s="358">
        <v>472506</v>
      </c>
      <c r="CS42" s="358">
        <v>471646</v>
      </c>
      <c r="CT42" s="358">
        <v>44607</v>
      </c>
      <c r="CU42" s="358">
        <v>112949</v>
      </c>
      <c r="CV42" s="359">
        <v>1370883</v>
      </c>
      <c r="CW42" s="361">
        <v>1370883</v>
      </c>
      <c r="CX42" s="357">
        <v>24620</v>
      </c>
      <c r="CY42" s="358">
        <v>47038</v>
      </c>
      <c r="CZ42" s="359">
        <v>71658</v>
      </c>
      <c r="DA42" s="357">
        <v>0</v>
      </c>
      <c r="DB42" s="358">
        <v>302369</v>
      </c>
      <c r="DC42" s="358">
        <v>468023</v>
      </c>
      <c r="DD42" s="358">
        <v>103220</v>
      </c>
      <c r="DE42" s="358">
        <v>454997</v>
      </c>
      <c r="DF42" s="358">
        <v>128201</v>
      </c>
      <c r="DG42" s="359">
        <v>1456810</v>
      </c>
      <c r="DH42" s="361">
        <v>1528468</v>
      </c>
      <c r="DI42" s="357">
        <v>0</v>
      </c>
      <c r="DJ42" s="358">
        <v>0</v>
      </c>
      <c r="DK42" s="362">
        <v>0</v>
      </c>
      <c r="DL42" s="363">
        <v>0</v>
      </c>
      <c r="DM42" s="358">
        <v>58881</v>
      </c>
      <c r="DN42" s="358">
        <v>223857</v>
      </c>
      <c r="DO42" s="358">
        <v>222795</v>
      </c>
      <c r="DP42" s="358">
        <v>41687</v>
      </c>
      <c r="DQ42" s="358">
        <v>44907</v>
      </c>
      <c r="DR42" s="359">
        <v>592127</v>
      </c>
      <c r="DS42" s="361">
        <v>592127</v>
      </c>
      <c r="DT42" s="357">
        <v>0</v>
      </c>
      <c r="DU42" s="358">
        <v>0</v>
      </c>
      <c r="DV42" s="359">
        <v>0</v>
      </c>
      <c r="DW42" s="357">
        <v>0</v>
      </c>
      <c r="DX42" s="358">
        <v>58881</v>
      </c>
      <c r="DY42" s="358">
        <v>223857</v>
      </c>
      <c r="DZ42" s="358">
        <v>222795</v>
      </c>
      <c r="EA42" s="358">
        <v>41687</v>
      </c>
      <c r="EB42" s="358">
        <v>0</v>
      </c>
      <c r="EC42" s="359">
        <v>547220</v>
      </c>
      <c r="ED42" s="361">
        <v>547220</v>
      </c>
      <c r="EE42" s="357">
        <v>0</v>
      </c>
      <c r="EF42" s="362">
        <v>0</v>
      </c>
      <c r="EG42" s="359">
        <v>0</v>
      </c>
      <c r="EH42" s="357">
        <v>0</v>
      </c>
      <c r="EI42" s="358">
        <v>0</v>
      </c>
      <c r="EJ42" s="358">
        <v>0</v>
      </c>
      <c r="EK42" s="358">
        <v>0</v>
      </c>
      <c r="EL42" s="358">
        <v>0</v>
      </c>
      <c r="EM42" s="358">
        <v>44907</v>
      </c>
      <c r="EN42" s="362">
        <v>44907</v>
      </c>
      <c r="EO42" s="361">
        <v>44907</v>
      </c>
      <c r="EP42" s="357">
        <v>0</v>
      </c>
      <c r="EQ42" s="358">
        <v>0</v>
      </c>
      <c r="ER42" s="362">
        <v>0</v>
      </c>
      <c r="ES42" s="363">
        <v>0</v>
      </c>
      <c r="ET42" s="358">
        <v>0</v>
      </c>
      <c r="EU42" s="358">
        <v>0</v>
      </c>
      <c r="EV42" s="358">
        <v>0</v>
      </c>
      <c r="EW42" s="358">
        <v>0</v>
      </c>
      <c r="EX42" s="358">
        <v>0</v>
      </c>
      <c r="EY42" s="359">
        <v>0</v>
      </c>
      <c r="EZ42" s="361">
        <v>0</v>
      </c>
      <c r="FA42" s="357">
        <v>0</v>
      </c>
      <c r="FB42" s="358">
        <v>0</v>
      </c>
      <c r="FC42" s="362">
        <v>0</v>
      </c>
      <c r="FD42" s="363">
        <v>0</v>
      </c>
      <c r="FE42" s="358">
        <v>0</v>
      </c>
      <c r="FF42" s="358">
        <v>0</v>
      </c>
      <c r="FG42" s="358">
        <v>0</v>
      </c>
      <c r="FH42" s="358">
        <v>0</v>
      </c>
      <c r="FI42" s="358">
        <v>0</v>
      </c>
      <c r="FJ42" s="359">
        <v>0</v>
      </c>
      <c r="FK42" s="361">
        <v>0</v>
      </c>
      <c r="FL42" s="357">
        <v>38700</v>
      </c>
      <c r="FM42" s="358">
        <v>39132</v>
      </c>
      <c r="FN42" s="359">
        <v>77832</v>
      </c>
      <c r="FO42" s="357">
        <v>0</v>
      </c>
      <c r="FP42" s="358">
        <v>131016</v>
      </c>
      <c r="FQ42" s="358">
        <v>533743</v>
      </c>
      <c r="FR42" s="358">
        <v>199575</v>
      </c>
      <c r="FS42" s="358">
        <v>145692</v>
      </c>
      <c r="FT42" s="358">
        <v>126800</v>
      </c>
      <c r="FU42" s="359">
        <v>1136826</v>
      </c>
      <c r="FV42" s="361">
        <v>1214658</v>
      </c>
      <c r="FW42" s="364">
        <v>38700</v>
      </c>
      <c r="FX42" s="358">
        <v>39132</v>
      </c>
      <c r="FY42" s="362">
        <v>77832</v>
      </c>
      <c r="FZ42" s="363">
        <v>0</v>
      </c>
      <c r="GA42" s="358">
        <v>131016</v>
      </c>
      <c r="GB42" s="358">
        <v>533743</v>
      </c>
      <c r="GC42" s="358">
        <v>199575</v>
      </c>
      <c r="GD42" s="358">
        <v>145692</v>
      </c>
      <c r="GE42" s="358">
        <v>126800</v>
      </c>
      <c r="GF42" s="359">
        <v>1136826</v>
      </c>
      <c r="GG42" s="365">
        <v>1214658</v>
      </c>
      <c r="GH42" s="364">
        <v>0</v>
      </c>
      <c r="GI42" s="358">
        <v>0</v>
      </c>
      <c r="GJ42" s="362">
        <v>0</v>
      </c>
      <c r="GK42" s="363">
        <v>0</v>
      </c>
      <c r="GL42" s="358">
        <v>0</v>
      </c>
      <c r="GM42" s="358">
        <v>0</v>
      </c>
      <c r="GN42" s="358">
        <v>0</v>
      </c>
      <c r="GO42" s="358">
        <v>0</v>
      </c>
      <c r="GP42" s="358">
        <v>0</v>
      </c>
      <c r="GQ42" s="359">
        <v>0</v>
      </c>
      <c r="GR42" s="361">
        <v>0</v>
      </c>
      <c r="GS42" s="357">
        <v>0</v>
      </c>
      <c r="GT42" s="358">
        <v>0</v>
      </c>
      <c r="GU42" s="359">
        <v>0</v>
      </c>
      <c r="GV42" s="357">
        <v>0</v>
      </c>
      <c r="GW42" s="358">
        <v>0</v>
      </c>
      <c r="GX42" s="358">
        <v>0</v>
      </c>
      <c r="GY42" s="358">
        <v>0</v>
      </c>
      <c r="GZ42" s="358">
        <v>0</v>
      </c>
      <c r="HA42" s="358">
        <v>0</v>
      </c>
      <c r="HB42" s="362">
        <v>0</v>
      </c>
      <c r="HC42" s="361">
        <v>0</v>
      </c>
      <c r="HD42" s="357">
        <v>0</v>
      </c>
      <c r="HE42" s="358">
        <v>0</v>
      </c>
      <c r="HF42" s="362">
        <v>0</v>
      </c>
      <c r="HG42" s="363">
        <v>0</v>
      </c>
      <c r="HH42" s="358">
        <v>0</v>
      </c>
      <c r="HI42" s="358">
        <v>0</v>
      </c>
      <c r="HJ42" s="358">
        <v>0</v>
      </c>
      <c r="HK42" s="358">
        <v>0</v>
      </c>
      <c r="HL42" s="358">
        <v>0</v>
      </c>
      <c r="HM42" s="359">
        <v>0</v>
      </c>
      <c r="HN42" s="360">
        <v>0</v>
      </c>
      <c r="HO42" s="364">
        <v>45630</v>
      </c>
      <c r="HP42" s="358">
        <v>22815</v>
      </c>
      <c r="HQ42" s="359">
        <v>68445</v>
      </c>
      <c r="HR42" s="357">
        <v>0</v>
      </c>
      <c r="HS42" s="358">
        <v>372553</v>
      </c>
      <c r="HT42" s="358">
        <v>541820</v>
      </c>
      <c r="HU42" s="358">
        <v>329539</v>
      </c>
      <c r="HV42" s="358">
        <v>117089</v>
      </c>
      <c r="HW42" s="358">
        <v>93458</v>
      </c>
      <c r="HX42" s="362">
        <v>1454459</v>
      </c>
      <c r="HY42" s="361">
        <v>1522904</v>
      </c>
      <c r="HZ42" s="366">
        <v>0</v>
      </c>
      <c r="IA42" s="367">
        <v>0</v>
      </c>
      <c r="IB42" s="368">
        <v>0</v>
      </c>
      <c r="IC42" s="369">
        <v>0</v>
      </c>
      <c r="ID42" s="370">
        <v>1672021</v>
      </c>
      <c r="IE42" s="371">
        <v>1211812</v>
      </c>
      <c r="IF42" s="372">
        <v>1208367</v>
      </c>
      <c r="IG42" s="370">
        <v>2234348</v>
      </c>
      <c r="IH42" s="372">
        <v>764455</v>
      </c>
      <c r="II42" s="373">
        <v>7091003</v>
      </c>
      <c r="IJ42" s="374">
        <v>7091003</v>
      </c>
      <c r="IK42" s="375">
        <v>0</v>
      </c>
      <c r="IL42" s="376">
        <v>0</v>
      </c>
      <c r="IM42" s="377">
        <v>0</v>
      </c>
      <c r="IN42" s="391">
        <v>0</v>
      </c>
      <c r="IO42" s="378">
        <v>0</v>
      </c>
      <c r="IP42" s="378">
        <v>0</v>
      </c>
      <c r="IQ42" s="378">
        <v>0</v>
      </c>
      <c r="IR42" s="378">
        <v>215942</v>
      </c>
      <c r="IS42" s="378">
        <v>0</v>
      </c>
      <c r="IT42" s="379">
        <v>215942</v>
      </c>
      <c r="IU42" s="380">
        <v>215942</v>
      </c>
      <c r="IV42" s="381">
        <v>0</v>
      </c>
      <c r="IW42" s="378">
        <v>0</v>
      </c>
      <c r="IX42" s="382">
        <v>0</v>
      </c>
      <c r="IY42" s="400">
        <v>0</v>
      </c>
      <c r="IZ42" s="378">
        <v>0</v>
      </c>
      <c r="JA42" s="378">
        <v>0</v>
      </c>
      <c r="JB42" s="378">
        <v>0</v>
      </c>
      <c r="JC42" s="378">
        <v>0</v>
      </c>
      <c r="JD42" s="378">
        <v>0</v>
      </c>
      <c r="JE42" s="382">
        <v>0</v>
      </c>
      <c r="JF42" s="383">
        <v>0</v>
      </c>
      <c r="JG42" s="381">
        <v>0</v>
      </c>
      <c r="JH42" s="378">
        <v>0</v>
      </c>
      <c r="JI42" s="379">
        <v>0</v>
      </c>
      <c r="JJ42" s="384">
        <v>0</v>
      </c>
      <c r="JK42" s="378">
        <v>852038</v>
      </c>
      <c r="JL42" s="378">
        <v>939496</v>
      </c>
      <c r="JM42" s="378">
        <v>928213</v>
      </c>
      <c r="JN42" s="378">
        <v>306144</v>
      </c>
      <c r="JO42" s="378">
        <v>272517</v>
      </c>
      <c r="JP42" s="382">
        <v>3298408</v>
      </c>
      <c r="JQ42" s="380">
        <v>3298408</v>
      </c>
      <c r="JR42" s="381">
        <v>0</v>
      </c>
      <c r="JS42" s="378">
        <v>0</v>
      </c>
      <c r="JT42" s="379">
        <v>0</v>
      </c>
      <c r="JU42" s="384">
        <v>0</v>
      </c>
      <c r="JV42" s="378">
        <v>40274</v>
      </c>
      <c r="JW42" s="378">
        <v>0</v>
      </c>
      <c r="JX42" s="378">
        <v>0</v>
      </c>
      <c r="JY42" s="378">
        <v>0</v>
      </c>
      <c r="JZ42" s="378">
        <v>0</v>
      </c>
      <c r="KA42" s="382">
        <v>40274</v>
      </c>
      <c r="KB42" s="380">
        <v>40274</v>
      </c>
      <c r="KC42" s="385">
        <v>0</v>
      </c>
      <c r="KD42" s="386">
        <v>0</v>
      </c>
      <c r="KE42" s="382">
        <v>0</v>
      </c>
      <c r="KF42" s="384">
        <v>0</v>
      </c>
      <c r="KG42" s="378">
        <v>0</v>
      </c>
      <c r="KH42" s="378">
        <v>0</v>
      </c>
      <c r="KI42" s="378">
        <v>0</v>
      </c>
      <c r="KJ42" s="378">
        <v>0</v>
      </c>
      <c r="KK42" s="378">
        <v>0</v>
      </c>
      <c r="KL42" s="382">
        <v>0</v>
      </c>
      <c r="KM42" s="387">
        <v>0</v>
      </c>
      <c r="KN42" s="375">
        <v>0</v>
      </c>
      <c r="KO42" s="376">
        <v>0</v>
      </c>
      <c r="KP42" s="377">
        <v>0</v>
      </c>
      <c r="KQ42" s="400">
        <v>0</v>
      </c>
      <c r="KR42" s="378">
        <v>779709</v>
      </c>
      <c r="KS42" s="378">
        <v>272316</v>
      </c>
      <c r="KT42" s="378">
        <v>280154</v>
      </c>
      <c r="KU42" s="378">
        <v>1712262</v>
      </c>
      <c r="KV42" s="378">
        <v>491938</v>
      </c>
      <c r="KW42" s="382">
        <v>3536379</v>
      </c>
      <c r="KX42" s="380">
        <v>3536379</v>
      </c>
      <c r="KY42" s="381">
        <v>0</v>
      </c>
      <c r="KZ42" s="378">
        <v>0</v>
      </c>
      <c r="LA42" s="382">
        <v>0</v>
      </c>
      <c r="LB42" s="400">
        <v>0</v>
      </c>
      <c r="LC42" s="378">
        <v>0</v>
      </c>
      <c r="LD42" s="378">
        <v>0</v>
      </c>
      <c r="LE42" s="378">
        <v>0</v>
      </c>
      <c r="LF42" s="378">
        <v>0</v>
      </c>
      <c r="LG42" s="378">
        <v>0</v>
      </c>
      <c r="LH42" s="382">
        <v>0</v>
      </c>
      <c r="LI42" s="383">
        <v>0</v>
      </c>
      <c r="LJ42" s="381">
        <v>0</v>
      </c>
      <c r="LK42" s="378">
        <v>0</v>
      </c>
      <c r="LL42" s="382">
        <v>0</v>
      </c>
      <c r="LM42" s="400">
        <v>0</v>
      </c>
      <c r="LN42" s="378">
        <v>0</v>
      </c>
      <c r="LO42" s="378">
        <v>0</v>
      </c>
      <c r="LP42" s="378">
        <v>0</v>
      </c>
      <c r="LQ42" s="378">
        <v>0</v>
      </c>
      <c r="LR42" s="378">
        <v>0</v>
      </c>
      <c r="LS42" s="382">
        <v>0</v>
      </c>
      <c r="LT42" s="380">
        <v>0</v>
      </c>
      <c r="LU42" s="381">
        <v>0</v>
      </c>
      <c r="LV42" s="378">
        <v>0</v>
      </c>
      <c r="LW42" s="382">
        <v>0</v>
      </c>
      <c r="LX42" s="400">
        <v>0</v>
      </c>
      <c r="LY42" s="378">
        <v>0</v>
      </c>
      <c r="LZ42" s="378">
        <v>0</v>
      </c>
      <c r="MA42" s="378">
        <v>0</v>
      </c>
      <c r="MB42" s="378">
        <v>0</v>
      </c>
      <c r="MC42" s="378">
        <v>0</v>
      </c>
      <c r="MD42" s="382">
        <v>0</v>
      </c>
      <c r="ME42" s="383">
        <v>0</v>
      </c>
      <c r="MF42" s="381">
        <v>0</v>
      </c>
      <c r="MG42" s="378">
        <v>0</v>
      </c>
      <c r="MH42" s="382">
        <v>0</v>
      </c>
      <c r="MI42" s="400">
        <v>0</v>
      </c>
      <c r="MJ42" s="378">
        <v>249853</v>
      </c>
      <c r="MK42" s="378">
        <v>535425</v>
      </c>
      <c r="ML42" s="378">
        <v>3053101</v>
      </c>
      <c r="MM42" s="378">
        <v>3184610</v>
      </c>
      <c r="MN42" s="378">
        <v>4367771</v>
      </c>
      <c r="MO42" s="382">
        <v>11390760</v>
      </c>
      <c r="MP42" s="387">
        <v>11390760</v>
      </c>
      <c r="MQ42" s="381">
        <v>0</v>
      </c>
      <c r="MR42" s="378">
        <v>0</v>
      </c>
      <c r="MS42" s="382">
        <v>0</v>
      </c>
      <c r="MT42" s="400">
        <v>0</v>
      </c>
      <c r="MU42" s="378">
        <v>0</v>
      </c>
      <c r="MV42" s="378">
        <v>0</v>
      </c>
      <c r="MW42" s="378">
        <v>1334668</v>
      </c>
      <c r="MX42" s="378">
        <v>2256891</v>
      </c>
      <c r="MY42" s="378">
        <v>2260140</v>
      </c>
      <c r="MZ42" s="382">
        <v>5851699</v>
      </c>
      <c r="NA42" s="387">
        <v>5851699</v>
      </c>
      <c r="NB42" s="381">
        <v>0</v>
      </c>
      <c r="NC42" s="378">
        <v>0</v>
      </c>
      <c r="ND42" s="382">
        <v>0</v>
      </c>
      <c r="NE42" s="400">
        <v>0</v>
      </c>
      <c r="NF42" s="378">
        <v>249853</v>
      </c>
      <c r="NG42" s="378">
        <v>535425</v>
      </c>
      <c r="NH42" s="378">
        <v>1718433</v>
      </c>
      <c r="NI42" s="378">
        <v>927719</v>
      </c>
      <c r="NJ42" s="378">
        <v>1697168</v>
      </c>
      <c r="NK42" s="382">
        <v>5128598</v>
      </c>
      <c r="NL42" s="380">
        <v>5128598</v>
      </c>
      <c r="NM42" s="381">
        <v>0</v>
      </c>
      <c r="NN42" s="378">
        <v>0</v>
      </c>
      <c r="NO42" s="382">
        <v>0</v>
      </c>
      <c r="NP42" s="400">
        <v>0</v>
      </c>
      <c r="NQ42" s="378">
        <v>0</v>
      </c>
      <c r="NR42" s="378">
        <v>0</v>
      </c>
      <c r="NS42" s="378">
        <v>0</v>
      </c>
      <c r="NT42" s="378">
        <v>0</v>
      </c>
      <c r="NU42" s="378">
        <v>0</v>
      </c>
      <c r="NV42" s="382">
        <v>0</v>
      </c>
      <c r="NW42" s="383">
        <v>0</v>
      </c>
      <c r="NX42" s="381">
        <v>0</v>
      </c>
      <c r="NY42" s="378">
        <v>0</v>
      </c>
      <c r="NZ42" s="382">
        <v>0</v>
      </c>
      <c r="OA42" s="400">
        <v>0</v>
      </c>
      <c r="OB42" s="378">
        <v>0</v>
      </c>
      <c r="OC42" s="378">
        <v>0</v>
      </c>
      <c r="OD42" s="378">
        <v>0</v>
      </c>
      <c r="OE42" s="378">
        <v>0</v>
      </c>
      <c r="OF42" s="378">
        <v>410463</v>
      </c>
      <c r="OG42" s="382">
        <v>410463</v>
      </c>
      <c r="OH42" s="383">
        <v>410463</v>
      </c>
      <c r="OI42" s="381">
        <v>146048</v>
      </c>
      <c r="OJ42" s="378">
        <v>132134</v>
      </c>
      <c r="OK42" s="379">
        <v>278182</v>
      </c>
      <c r="OL42" s="384">
        <v>0</v>
      </c>
      <c r="OM42" s="378">
        <v>3517980</v>
      </c>
      <c r="ON42" s="378">
        <v>4417287</v>
      </c>
      <c r="OO42" s="378">
        <v>6319291</v>
      </c>
      <c r="OP42" s="378">
        <v>6474450</v>
      </c>
      <c r="OQ42" s="378">
        <v>6502675</v>
      </c>
      <c r="OR42" s="382">
        <v>27231683</v>
      </c>
      <c r="OS42" s="387">
        <v>27509865</v>
      </c>
    </row>
    <row r="43" spans="2:409" x14ac:dyDescent="0.2">
      <c r="B43" s="57" t="s">
        <v>84</v>
      </c>
    </row>
  </sheetData>
  <mergeCells count="159">
    <mergeCell ref="G1:H1"/>
    <mergeCell ref="FK7:FK8"/>
    <mergeCell ref="DI5:FK5"/>
    <mergeCell ref="GS6:HC6"/>
    <mergeCell ref="GH6:GR6"/>
    <mergeCell ref="N6:X6"/>
    <mergeCell ref="CB6:CL6"/>
    <mergeCell ref="DI6:DS6"/>
    <mergeCell ref="DT6:ED6"/>
    <mergeCell ref="EE6:EO6"/>
    <mergeCell ref="EP6:EZ6"/>
    <mergeCell ref="FL6:FV6"/>
    <mergeCell ref="FW6:GG6"/>
    <mergeCell ref="FA6:FK6"/>
    <mergeCell ref="CX6:DH6"/>
    <mergeCell ref="BQ6:CA6"/>
    <mergeCell ref="CM6:CW6"/>
    <mergeCell ref="AJ6:AT6"/>
    <mergeCell ref="AU6:BE6"/>
    <mergeCell ref="BF6:BP6"/>
    <mergeCell ref="G2:H2"/>
    <mergeCell ref="ES7:EY7"/>
    <mergeCell ref="EZ7:EZ8"/>
    <mergeCell ref="DS7:DS8"/>
    <mergeCell ref="B4:B8"/>
    <mergeCell ref="C4:M6"/>
    <mergeCell ref="N4:HY4"/>
    <mergeCell ref="N5:CA5"/>
    <mergeCell ref="CB5:DH5"/>
    <mergeCell ref="FL5:HC5"/>
    <mergeCell ref="HD5:HN6"/>
    <mergeCell ref="HO5:HY6"/>
    <mergeCell ref="Y6:AI6"/>
    <mergeCell ref="Q7:W7"/>
    <mergeCell ref="X7:X8"/>
    <mergeCell ref="Y7:AA7"/>
    <mergeCell ref="AB7:AH7"/>
    <mergeCell ref="C7:E7"/>
    <mergeCell ref="F7:L7"/>
    <mergeCell ref="M7:M8"/>
    <mergeCell ref="N7:P7"/>
    <mergeCell ref="AU7:AW7"/>
    <mergeCell ref="AX7:BD7"/>
    <mergeCell ref="BE7:BE8"/>
    <mergeCell ref="AI7:AI8"/>
    <mergeCell ref="AJ7:AL7"/>
    <mergeCell ref="AM7:AS7"/>
    <mergeCell ref="AT7:AT8"/>
    <mergeCell ref="HY7:HY8"/>
    <mergeCell ref="HG7:HM7"/>
    <mergeCell ref="HN7:HN8"/>
    <mergeCell ref="HO7:HQ7"/>
    <mergeCell ref="HR7:HX7"/>
    <mergeCell ref="FL7:FN7"/>
    <mergeCell ref="FO7:FU7"/>
    <mergeCell ref="EE7:EG7"/>
    <mergeCell ref="EH7:EN7"/>
    <mergeCell ref="EO7:EO8"/>
    <mergeCell ref="EP7:ER7"/>
    <mergeCell ref="GS7:GU7"/>
    <mergeCell ref="GV7:HB7"/>
    <mergeCell ref="HC7:HC8"/>
    <mergeCell ref="HD7:HF7"/>
    <mergeCell ref="FV7:FV8"/>
    <mergeCell ref="FW7:FY7"/>
    <mergeCell ref="FZ7:GF7"/>
    <mergeCell ref="GG7:GG8"/>
    <mergeCell ref="GR7:GR8"/>
    <mergeCell ref="GK7:GQ7"/>
    <mergeCell ref="GH7:GJ7"/>
    <mergeCell ref="FA7:FC7"/>
    <mergeCell ref="FD7:FJ7"/>
    <mergeCell ref="DT7:DV7"/>
    <mergeCell ref="DW7:EC7"/>
    <mergeCell ref="ED7:ED8"/>
    <mergeCell ref="DL7:DR7"/>
    <mergeCell ref="CM7:CO7"/>
    <mergeCell ref="CP7:CV7"/>
    <mergeCell ref="CW7:CW8"/>
    <mergeCell ref="CX7:CZ7"/>
    <mergeCell ref="DA7:DG7"/>
    <mergeCell ref="DH7:DH8"/>
    <mergeCell ref="DI7:DK7"/>
    <mergeCell ref="CL7:CL8"/>
    <mergeCell ref="BI7:BO7"/>
    <mergeCell ref="BP7:BP8"/>
    <mergeCell ref="BQ7:BS7"/>
    <mergeCell ref="BT7:BZ7"/>
    <mergeCell ref="BF7:BH7"/>
    <mergeCell ref="CA7:CA8"/>
    <mergeCell ref="CB7:CD7"/>
    <mergeCell ref="CE7:CK7"/>
    <mergeCell ref="ID1:IE1"/>
    <mergeCell ref="HZ4:ME4"/>
    <mergeCell ref="JJ7:JP7"/>
    <mergeCell ref="JQ7:JQ8"/>
    <mergeCell ref="JR7:JT7"/>
    <mergeCell ref="JU7:KA7"/>
    <mergeCell ref="KB7:KB8"/>
    <mergeCell ref="NX5:OH6"/>
    <mergeCell ref="LM7:LS7"/>
    <mergeCell ref="LT7:LT8"/>
    <mergeCell ref="LU7:LW7"/>
    <mergeCell ref="IU7:IU8"/>
    <mergeCell ref="IV7:IX7"/>
    <mergeCell ref="IY7:JE7"/>
    <mergeCell ref="JF7:JF8"/>
    <mergeCell ref="JG7:JI7"/>
    <mergeCell ref="HZ7:IB7"/>
    <mergeCell ref="IC7:II7"/>
    <mergeCell ref="IJ7:IJ8"/>
    <mergeCell ref="IK7:IM7"/>
    <mergeCell ref="IN7:IT7"/>
    <mergeCell ref="KX7:KX8"/>
    <mergeCell ref="KY7:LA7"/>
    <mergeCell ref="LB7:LH7"/>
    <mergeCell ref="OI4:OS6"/>
    <mergeCell ref="HZ5:IJ6"/>
    <mergeCell ref="IK5:IU6"/>
    <mergeCell ref="IV5:JF6"/>
    <mergeCell ref="JG5:JQ6"/>
    <mergeCell ref="JR5:KB6"/>
    <mergeCell ref="KC5:KM6"/>
    <mergeCell ref="KN5:KX6"/>
    <mergeCell ref="KY5:LI6"/>
    <mergeCell ref="LJ5:LT6"/>
    <mergeCell ref="LU5:ME6"/>
    <mergeCell ref="MF5:MP6"/>
    <mergeCell ref="MQ5:NA6"/>
    <mergeCell ref="NB5:NL6"/>
    <mergeCell ref="NM5:NW6"/>
    <mergeCell ref="MF4:OH4"/>
    <mergeCell ref="LI7:LI8"/>
    <mergeCell ref="LJ7:LL7"/>
    <mergeCell ref="KC7:KE7"/>
    <mergeCell ref="KF7:KL7"/>
    <mergeCell ref="KM7:KM8"/>
    <mergeCell ref="KN7:KP7"/>
    <mergeCell ref="KQ7:KW7"/>
    <mergeCell ref="MQ7:MS7"/>
    <mergeCell ref="MT7:MZ7"/>
    <mergeCell ref="NA7:NA8"/>
    <mergeCell ref="NB7:ND7"/>
    <mergeCell ref="NE7:NK7"/>
    <mergeCell ref="LX7:MD7"/>
    <mergeCell ref="ME7:ME8"/>
    <mergeCell ref="MF7:MH7"/>
    <mergeCell ref="MI7:MO7"/>
    <mergeCell ref="MP7:MP8"/>
    <mergeCell ref="OA7:OG7"/>
    <mergeCell ref="OH7:OH8"/>
    <mergeCell ref="OI7:OK7"/>
    <mergeCell ref="OL7:OR7"/>
    <mergeCell ref="OS7:OS8"/>
    <mergeCell ref="NL7:NL8"/>
    <mergeCell ref="NM7:NO7"/>
    <mergeCell ref="NP7:NV7"/>
    <mergeCell ref="NW7:NW8"/>
    <mergeCell ref="NX7:NZ7"/>
  </mergeCells>
  <phoneticPr fontId="4"/>
  <pageMargins left="0.78740157480314965" right="0.78740157480314965" top="0.39370078740157483" bottom="0.43307086614173229" header="0.19685039370078741" footer="0.19685039370078741"/>
  <pageSetup paperSize="9" scale="55" orientation="landscape" r:id="rId1"/>
  <headerFooter alignWithMargins="0">
    <oddFooter>&amp;L&amp;20&amp;A&amp;C&amp;P/&amp;N</oddFooter>
  </headerFooter>
  <colBreaks count="9" manualBreakCount="9">
    <brk id="24" max="1048575" man="1"/>
    <brk id="46" max="1048575" man="1"/>
    <brk id="68" max="1048575" man="1"/>
    <brk id="90" max="1048575" man="1"/>
    <brk id="112" max="1048575" man="1"/>
    <brk id="134" max="1048575" man="1"/>
    <brk id="167" max="1048575" man="1"/>
    <brk id="189" max="1048575" man="1"/>
    <brk id="211" max="1048575" man="1"/>
  </col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OS43"/>
  <sheetViews>
    <sheetView zoomScaleNormal="100" workbookViewId="0">
      <pane xSplit="2" ySplit="9" topLeftCell="C10" activePane="bottomRight" state="frozen"/>
      <selection activeCell="F37" sqref="F37"/>
      <selection pane="topRight" activeCell="F37" sqref="F37"/>
      <selection pane="bottomLeft" activeCell="F37" sqref="F37"/>
      <selection pane="bottomRight" activeCell="C9" sqref="C9"/>
    </sheetView>
  </sheetViews>
  <sheetFormatPr defaultColWidth="8.21875" defaultRowHeight="13.2" x14ac:dyDescent="0.2"/>
  <cols>
    <col min="1" max="1" width="3.77734375" style="57" customWidth="1"/>
    <col min="2" max="2" width="9.77734375" style="57" customWidth="1"/>
    <col min="3" max="3" width="8.21875" style="57" customWidth="1"/>
    <col min="4" max="5" width="10" style="57" customWidth="1"/>
    <col min="6" max="6" width="7.21875" style="57" customWidth="1"/>
    <col min="7" max="8" width="10" style="57" customWidth="1"/>
    <col min="9" max="9" width="9.88671875" style="57" customWidth="1"/>
    <col min="10" max="10" width="9.77734375" style="57" customWidth="1"/>
    <col min="11" max="11" width="9.88671875" style="57" customWidth="1"/>
    <col min="12" max="12" width="10.88671875" style="57" customWidth="1"/>
    <col min="13" max="13" width="11.109375" style="57" customWidth="1"/>
    <col min="14" max="16" width="8.21875" style="57" customWidth="1"/>
    <col min="17" max="17" width="7.21875" style="57" customWidth="1"/>
    <col min="18" max="18" width="10" style="57" customWidth="1"/>
    <col min="19" max="19" width="10.109375" style="57" customWidth="1"/>
    <col min="20" max="20" width="9.109375" style="57" customWidth="1"/>
    <col min="21" max="21" width="9.77734375" style="57" customWidth="1"/>
    <col min="22" max="22" width="10.33203125" style="57" customWidth="1"/>
    <col min="23" max="23" width="10.44140625" style="57" customWidth="1"/>
    <col min="24" max="24" width="11" style="57" customWidth="1"/>
    <col min="25" max="27" width="8.21875" style="57" customWidth="1"/>
    <col min="28" max="28" width="7" style="57" customWidth="1"/>
    <col min="29" max="33" width="8.21875" style="57" customWidth="1"/>
    <col min="34" max="34" width="10.6640625" style="57" customWidth="1"/>
    <col min="35" max="35" width="10" style="57" customWidth="1"/>
    <col min="36" max="38" width="8.21875" style="57" customWidth="1"/>
    <col min="39" max="39" width="7" style="57" customWidth="1"/>
    <col min="40" max="49" width="8.21875" style="57" customWidth="1"/>
    <col min="50" max="50" width="7.21875" style="57" customWidth="1"/>
    <col min="51" max="55" width="8.21875" style="57" customWidth="1"/>
    <col min="56" max="57" width="9.33203125" style="57" customWidth="1"/>
    <col min="58" max="60" width="8.21875" style="57" customWidth="1"/>
    <col min="61" max="61" width="6.88671875" style="57" customWidth="1"/>
    <col min="62" max="71" width="8.21875" style="57" customWidth="1"/>
    <col min="72" max="72" width="7.21875" style="57" customWidth="1"/>
    <col min="73" max="79" width="8.21875" style="57" customWidth="1"/>
    <col min="80" max="82" width="8.21875" style="233" customWidth="1"/>
    <col min="83" max="83" width="7.6640625" style="233" customWidth="1"/>
    <col min="84" max="84" width="9.88671875" style="233" customWidth="1"/>
    <col min="85" max="85" width="10" style="233" customWidth="1"/>
    <col min="86" max="86" width="9.77734375" style="233" customWidth="1"/>
    <col min="87" max="87" width="9.21875" style="233" customWidth="1"/>
    <col min="88" max="88" width="8.77734375" style="233" customWidth="1"/>
    <col min="89" max="89" width="9.88671875" style="233" customWidth="1"/>
    <col min="90" max="90" width="9.77734375" style="233" customWidth="1"/>
    <col min="91" max="93" width="8.21875" style="57" customWidth="1"/>
    <col min="94" max="94" width="7.33203125" style="57" customWidth="1"/>
    <col min="95" max="95" width="9.88671875" style="57" bestFit="1" customWidth="1"/>
    <col min="96" max="96" width="10" style="57" customWidth="1"/>
    <col min="97" max="97" width="9.6640625" style="57" customWidth="1"/>
    <col min="98" max="99" width="8.21875" style="57" customWidth="1"/>
    <col min="100" max="101" width="9.88671875" style="57" customWidth="1"/>
    <col min="102" max="104" width="8.21875" style="57" customWidth="1"/>
    <col min="105" max="105" width="7.44140625" style="57" customWidth="1"/>
    <col min="106" max="110" width="8.21875" style="57" customWidth="1"/>
    <col min="111" max="111" width="10" style="57" customWidth="1"/>
    <col min="112" max="112" width="9.88671875" style="57" customWidth="1"/>
    <col min="113" max="115" width="8.21875" style="233" customWidth="1"/>
    <col min="116" max="116" width="7.21875" style="233" customWidth="1"/>
    <col min="117" max="121" width="8.21875" style="233" customWidth="1"/>
    <col min="122" max="122" width="10.109375" style="233" customWidth="1"/>
    <col min="123" max="123" width="9.77734375" style="233" customWidth="1"/>
    <col min="124" max="126" width="8.21875" style="57" customWidth="1"/>
    <col min="127" max="127" width="7.33203125" style="57" customWidth="1"/>
    <col min="128" max="132" width="8.21875" style="57" customWidth="1"/>
    <col min="133" max="133" width="10.33203125" style="57" customWidth="1"/>
    <col min="134" max="134" width="10.109375" style="57" customWidth="1"/>
    <col min="135" max="137" width="8.21875" style="57" customWidth="1"/>
    <col min="138" max="138" width="7.109375" style="57" customWidth="1"/>
    <col min="139" max="148" width="8.21875" style="57" customWidth="1"/>
    <col min="149" max="149" width="7.21875" style="57" customWidth="1"/>
    <col min="150" max="159" width="8.21875" style="57" customWidth="1"/>
    <col min="160" max="160" width="7.21875" style="57" customWidth="1"/>
    <col min="161" max="167" width="8.21875" style="57" customWidth="1"/>
    <col min="168" max="170" width="8.21875" style="233" customWidth="1"/>
    <col min="171" max="171" width="6.6640625" style="233" customWidth="1"/>
    <col min="172" max="176" width="8.21875" style="233" customWidth="1"/>
    <col min="177" max="177" width="10.109375" style="233" customWidth="1"/>
    <col min="178" max="178" width="9.88671875" style="233" customWidth="1"/>
    <col min="179" max="181" width="8.21875" style="57" customWidth="1"/>
    <col min="182" max="182" width="7.33203125" style="57" customWidth="1"/>
    <col min="183" max="187" width="8.21875" style="57" customWidth="1"/>
    <col min="188" max="188" width="10" style="57" customWidth="1"/>
    <col min="189" max="189" width="10.6640625" style="57" customWidth="1"/>
    <col min="190" max="192" width="8.21875" style="57" customWidth="1"/>
    <col min="193" max="193" width="7.21875" style="57" customWidth="1"/>
    <col min="194" max="203" width="8.21875" style="57" customWidth="1"/>
    <col min="204" max="204" width="7.109375" style="57" customWidth="1"/>
    <col min="205" max="214" width="8.21875" style="57" customWidth="1"/>
    <col min="215" max="215" width="7.109375" style="57" customWidth="1"/>
    <col min="216" max="220" width="8.21875" style="57" customWidth="1"/>
    <col min="221" max="222" width="9.77734375" style="57" customWidth="1"/>
    <col min="223" max="225" width="8.21875" style="57" customWidth="1"/>
    <col min="226" max="226" width="7.21875" style="57" customWidth="1"/>
    <col min="227" max="231" width="8.21875" style="57" customWidth="1"/>
    <col min="232" max="233" width="10" style="57" customWidth="1"/>
    <col min="234" max="235" width="7.44140625" style="233" customWidth="1"/>
    <col min="236" max="236" width="9.33203125" style="233" customWidth="1"/>
    <col min="237" max="237" width="7.44140625" style="233" customWidth="1"/>
    <col min="238" max="244" width="10.109375" style="233" customWidth="1"/>
    <col min="245" max="247" width="10.109375" style="57" customWidth="1"/>
    <col min="248" max="248" width="7.109375" style="57" customWidth="1"/>
    <col min="249" max="258" width="10.109375" style="57" customWidth="1"/>
    <col min="259" max="259" width="7.33203125" style="57" customWidth="1"/>
    <col min="260" max="269" width="10.109375" style="57" customWidth="1"/>
    <col min="270" max="270" width="7.21875" style="57" customWidth="1"/>
    <col min="271" max="280" width="10.109375" style="57" customWidth="1"/>
    <col min="281" max="281" width="7.6640625" style="57" customWidth="1"/>
    <col min="282" max="291" width="10.109375" style="57" customWidth="1"/>
    <col min="292" max="292" width="6.33203125" style="57" customWidth="1"/>
    <col min="293" max="302" width="10.109375" style="57" customWidth="1"/>
    <col min="303" max="303" width="7.44140625" style="57" customWidth="1"/>
    <col min="304" max="310" width="10.109375" style="57" customWidth="1"/>
    <col min="311" max="313" width="10.109375" style="233" customWidth="1"/>
    <col min="314" max="314" width="7.109375" style="233" customWidth="1"/>
    <col min="315" max="324" width="10.109375" style="233" customWidth="1"/>
    <col min="325" max="325" width="7.44140625" style="233" customWidth="1"/>
    <col min="326" max="335" width="10.109375" style="233" customWidth="1"/>
    <col min="336" max="336" width="6.88671875" style="233" customWidth="1"/>
    <col min="337" max="343" width="10.109375" style="233" customWidth="1"/>
    <col min="344" max="346" width="10.109375" style="57" customWidth="1"/>
    <col min="347" max="347" width="7.21875" style="57" customWidth="1"/>
    <col min="348" max="357" width="10.109375" style="57" customWidth="1"/>
    <col min="358" max="358" width="7.21875" style="57" customWidth="1"/>
    <col min="359" max="368" width="10.109375" style="57" customWidth="1"/>
    <col min="369" max="369" width="7" style="57" customWidth="1"/>
    <col min="370" max="379" width="10.109375" style="57" customWidth="1"/>
    <col min="380" max="380" width="6.88671875" style="57" customWidth="1"/>
    <col min="381" max="385" width="10.109375" style="57" customWidth="1"/>
    <col min="386" max="387" width="10.33203125" style="57" customWidth="1"/>
    <col min="388" max="390" width="10.109375" style="57" customWidth="1"/>
    <col min="391" max="391" width="6.88671875" style="57" customWidth="1"/>
    <col min="392" max="396" width="10.109375" style="57" customWidth="1"/>
    <col min="397" max="398" width="10.33203125" style="57" customWidth="1"/>
    <col min="399" max="401" width="9.21875" style="57" customWidth="1"/>
    <col min="402" max="402" width="7" style="57" customWidth="1"/>
    <col min="403" max="404" width="9.21875" style="57" customWidth="1"/>
    <col min="405" max="405" width="10.44140625" style="57" customWidth="1"/>
    <col min="406" max="406" width="12.109375" style="57" customWidth="1"/>
    <col min="407" max="407" width="10.109375" style="57" customWidth="1"/>
    <col min="408" max="409" width="10.33203125" style="57" customWidth="1"/>
    <col min="410" max="16384" width="8.21875" style="57"/>
  </cols>
  <sheetData>
    <row r="1" spans="1:409" ht="24" customHeight="1" x14ac:dyDescent="0.2">
      <c r="B1" s="7" t="s">
        <v>132</v>
      </c>
      <c r="E1" s="52">
        <f>第１表!F2</f>
        <v>7</v>
      </c>
      <c r="F1" s="13">
        <f>第１表!G2</f>
        <v>1</v>
      </c>
      <c r="G1" s="572">
        <f>IF(F1&lt;3,F1-2+12,F1-2)</f>
        <v>11</v>
      </c>
      <c r="H1" s="572"/>
      <c r="IB1" s="37"/>
      <c r="IC1" s="19"/>
      <c r="ID1" s="547"/>
      <c r="IE1" s="547"/>
    </row>
    <row r="2" spans="1:409" ht="24" customHeight="1" x14ac:dyDescent="0.2">
      <c r="B2" s="7" t="s">
        <v>143</v>
      </c>
      <c r="E2" s="16"/>
      <c r="F2" s="17"/>
      <c r="G2" s="234"/>
      <c r="H2" s="234"/>
      <c r="IB2" s="18"/>
      <c r="IC2" s="19"/>
      <c r="ID2" s="234"/>
      <c r="IE2" s="234"/>
    </row>
    <row r="3" spans="1:409" ht="24" customHeight="1" thickBot="1" x14ac:dyDescent="0.25">
      <c r="B3" s="7" t="s">
        <v>133</v>
      </c>
    </row>
    <row r="4" spans="1:409" ht="21" customHeight="1" thickBot="1" x14ac:dyDescent="0.25">
      <c r="B4" s="554" t="s">
        <v>42</v>
      </c>
      <c r="C4" s="557" t="s">
        <v>63</v>
      </c>
      <c r="D4" s="557"/>
      <c r="E4" s="557"/>
      <c r="F4" s="557"/>
      <c r="G4" s="557"/>
      <c r="H4" s="557"/>
      <c r="I4" s="557"/>
      <c r="J4" s="557"/>
      <c r="K4" s="557"/>
      <c r="L4" s="557"/>
      <c r="M4" s="557"/>
      <c r="N4" s="520"/>
      <c r="O4" s="520"/>
      <c r="P4" s="520"/>
      <c r="Q4" s="520"/>
      <c r="R4" s="520"/>
      <c r="S4" s="520"/>
      <c r="T4" s="520"/>
      <c r="U4" s="520"/>
      <c r="V4" s="520"/>
      <c r="W4" s="520"/>
      <c r="X4" s="520"/>
      <c r="Y4" s="520"/>
      <c r="Z4" s="520"/>
      <c r="AA4" s="520"/>
      <c r="AB4" s="520"/>
      <c r="AC4" s="520"/>
      <c r="AD4" s="520"/>
      <c r="AE4" s="520"/>
      <c r="AF4" s="520"/>
      <c r="AG4" s="520"/>
      <c r="AH4" s="520"/>
      <c r="AI4" s="520"/>
      <c r="AJ4" s="520"/>
      <c r="AK4" s="520"/>
      <c r="AL4" s="520"/>
      <c r="AM4" s="520"/>
      <c r="AN4" s="520"/>
      <c r="AO4" s="520"/>
      <c r="AP4" s="520"/>
      <c r="AQ4" s="520"/>
      <c r="AR4" s="520"/>
      <c r="AS4" s="520"/>
      <c r="AT4" s="520"/>
      <c r="AU4" s="520"/>
      <c r="AV4" s="520"/>
      <c r="AW4" s="520"/>
      <c r="AX4" s="520"/>
      <c r="AY4" s="520"/>
      <c r="AZ4" s="520"/>
      <c r="BA4" s="520"/>
      <c r="BB4" s="520"/>
      <c r="BC4" s="520"/>
      <c r="BD4" s="520"/>
      <c r="BE4" s="520"/>
      <c r="BF4" s="520"/>
      <c r="BG4" s="520"/>
      <c r="BH4" s="520"/>
      <c r="BI4" s="520"/>
      <c r="BJ4" s="520"/>
      <c r="BK4" s="520"/>
      <c r="BL4" s="520"/>
      <c r="BM4" s="520"/>
      <c r="BN4" s="520"/>
      <c r="BO4" s="520"/>
      <c r="BP4" s="520"/>
      <c r="BQ4" s="520"/>
      <c r="BR4" s="520"/>
      <c r="BS4" s="520"/>
      <c r="BT4" s="520"/>
      <c r="BU4" s="520"/>
      <c r="BV4" s="520"/>
      <c r="BW4" s="520"/>
      <c r="BX4" s="520"/>
      <c r="BY4" s="520"/>
      <c r="BZ4" s="520"/>
      <c r="CA4" s="520"/>
      <c r="CB4" s="520"/>
      <c r="CC4" s="520"/>
      <c r="CD4" s="520"/>
      <c r="CE4" s="520"/>
      <c r="CF4" s="520"/>
      <c r="CG4" s="520"/>
      <c r="CH4" s="520"/>
      <c r="CI4" s="520"/>
      <c r="CJ4" s="520"/>
      <c r="CK4" s="520"/>
      <c r="CL4" s="520"/>
      <c r="CM4" s="520"/>
      <c r="CN4" s="520"/>
      <c r="CO4" s="520"/>
      <c r="CP4" s="520"/>
      <c r="CQ4" s="520"/>
      <c r="CR4" s="520"/>
      <c r="CS4" s="520"/>
      <c r="CT4" s="520"/>
      <c r="CU4" s="520"/>
      <c r="CV4" s="520"/>
      <c r="CW4" s="520"/>
      <c r="CX4" s="520"/>
      <c r="CY4" s="520"/>
      <c r="CZ4" s="520"/>
      <c r="DA4" s="520"/>
      <c r="DB4" s="520"/>
      <c r="DC4" s="520"/>
      <c r="DD4" s="520"/>
      <c r="DE4" s="520"/>
      <c r="DF4" s="520"/>
      <c r="DG4" s="520"/>
      <c r="DH4" s="520"/>
      <c r="DI4" s="520"/>
      <c r="DJ4" s="520"/>
      <c r="DK4" s="520"/>
      <c r="DL4" s="520"/>
      <c r="DM4" s="520"/>
      <c r="DN4" s="520"/>
      <c r="DO4" s="520"/>
      <c r="DP4" s="520"/>
      <c r="DQ4" s="520"/>
      <c r="DR4" s="520"/>
      <c r="DS4" s="520"/>
      <c r="DT4" s="520"/>
      <c r="DU4" s="520"/>
      <c r="DV4" s="520"/>
      <c r="DW4" s="520"/>
      <c r="DX4" s="520"/>
      <c r="DY4" s="520"/>
      <c r="DZ4" s="520"/>
      <c r="EA4" s="520"/>
      <c r="EB4" s="520"/>
      <c r="EC4" s="520"/>
      <c r="ED4" s="520"/>
      <c r="EE4" s="520"/>
      <c r="EF4" s="520"/>
      <c r="EG4" s="520"/>
      <c r="EH4" s="520"/>
      <c r="EI4" s="520"/>
      <c r="EJ4" s="520"/>
      <c r="EK4" s="520"/>
      <c r="EL4" s="520"/>
      <c r="EM4" s="520"/>
      <c r="EN4" s="520"/>
      <c r="EO4" s="520"/>
      <c r="EP4" s="520"/>
      <c r="EQ4" s="520"/>
      <c r="ER4" s="520"/>
      <c r="ES4" s="520"/>
      <c r="ET4" s="520"/>
      <c r="EU4" s="520"/>
      <c r="EV4" s="520"/>
      <c r="EW4" s="520"/>
      <c r="EX4" s="520"/>
      <c r="EY4" s="520"/>
      <c r="EZ4" s="520"/>
      <c r="FA4" s="520"/>
      <c r="FB4" s="520"/>
      <c r="FC4" s="520"/>
      <c r="FD4" s="520"/>
      <c r="FE4" s="520"/>
      <c r="FF4" s="520"/>
      <c r="FG4" s="520"/>
      <c r="FH4" s="520"/>
      <c r="FI4" s="520"/>
      <c r="FJ4" s="520"/>
      <c r="FK4" s="520"/>
      <c r="FL4" s="520"/>
      <c r="FM4" s="520"/>
      <c r="FN4" s="520"/>
      <c r="FO4" s="520"/>
      <c r="FP4" s="520"/>
      <c r="FQ4" s="520"/>
      <c r="FR4" s="520"/>
      <c r="FS4" s="520"/>
      <c r="FT4" s="520"/>
      <c r="FU4" s="520"/>
      <c r="FV4" s="520"/>
      <c r="FW4" s="520"/>
      <c r="FX4" s="520"/>
      <c r="FY4" s="520"/>
      <c r="FZ4" s="520"/>
      <c r="GA4" s="520"/>
      <c r="GB4" s="520"/>
      <c r="GC4" s="520"/>
      <c r="GD4" s="520"/>
      <c r="GE4" s="520"/>
      <c r="GF4" s="520"/>
      <c r="GG4" s="520"/>
      <c r="GH4" s="520"/>
      <c r="GI4" s="520"/>
      <c r="GJ4" s="520"/>
      <c r="GK4" s="520"/>
      <c r="GL4" s="520"/>
      <c r="GM4" s="520"/>
      <c r="GN4" s="520"/>
      <c r="GO4" s="520"/>
      <c r="GP4" s="520"/>
      <c r="GQ4" s="520"/>
      <c r="GR4" s="520"/>
      <c r="GS4" s="520"/>
      <c r="GT4" s="520"/>
      <c r="GU4" s="520"/>
      <c r="GV4" s="520"/>
      <c r="GW4" s="520"/>
      <c r="GX4" s="520"/>
      <c r="GY4" s="520"/>
      <c r="GZ4" s="520"/>
      <c r="HA4" s="520"/>
      <c r="HB4" s="520"/>
      <c r="HC4" s="520"/>
      <c r="HD4" s="520"/>
      <c r="HE4" s="520"/>
      <c r="HF4" s="520"/>
      <c r="HG4" s="520"/>
      <c r="HH4" s="520"/>
      <c r="HI4" s="520"/>
      <c r="HJ4" s="520"/>
      <c r="HK4" s="520"/>
      <c r="HL4" s="520"/>
      <c r="HM4" s="520"/>
      <c r="HN4" s="520"/>
      <c r="HO4" s="520"/>
      <c r="HP4" s="520"/>
      <c r="HQ4" s="520"/>
      <c r="HR4" s="520"/>
      <c r="HS4" s="520"/>
      <c r="HT4" s="520"/>
      <c r="HU4" s="520"/>
      <c r="HV4" s="520"/>
      <c r="HW4" s="520"/>
      <c r="HX4" s="520"/>
      <c r="HY4" s="521"/>
      <c r="HZ4" s="424" t="s">
        <v>85</v>
      </c>
      <c r="IA4" s="425"/>
      <c r="IB4" s="425"/>
      <c r="IC4" s="425"/>
      <c r="ID4" s="425"/>
      <c r="IE4" s="425"/>
      <c r="IF4" s="425"/>
      <c r="IG4" s="425"/>
      <c r="IH4" s="425"/>
      <c r="II4" s="425"/>
      <c r="IJ4" s="425"/>
      <c r="IK4" s="425"/>
      <c r="IL4" s="425"/>
      <c r="IM4" s="425"/>
      <c r="IN4" s="425"/>
      <c r="IO4" s="425"/>
      <c r="IP4" s="425"/>
      <c r="IQ4" s="425"/>
      <c r="IR4" s="425"/>
      <c r="IS4" s="425"/>
      <c r="IT4" s="425"/>
      <c r="IU4" s="425"/>
      <c r="IV4" s="425"/>
      <c r="IW4" s="425"/>
      <c r="IX4" s="425"/>
      <c r="IY4" s="425"/>
      <c r="IZ4" s="425"/>
      <c r="JA4" s="425"/>
      <c r="JB4" s="425"/>
      <c r="JC4" s="425"/>
      <c r="JD4" s="425"/>
      <c r="JE4" s="425"/>
      <c r="JF4" s="425"/>
      <c r="JG4" s="425"/>
      <c r="JH4" s="425"/>
      <c r="JI4" s="425"/>
      <c r="JJ4" s="425"/>
      <c r="JK4" s="425"/>
      <c r="JL4" s="425"/>
      <c r="JM4" s="425"/>
      <c r="JN4" s="425"/>
      <c r="JO4" s="425"/>
      <c r="JP4" s="425"/>
      <c r="JQ4" s="425"/>
      <c r="JR4" s="425"/>
      <c r="JS4" s="425"/>
      <c r="JT4" s="425"/>
      <c r="JU4" s="425"/>
      <c r="JV4" s="425"/>
      <c r="JW4" s="425"/>
      <c r="JX4" s="425"/>
      <c r="JY4" s="425"/>
      <c r="JZ4" s="425"/>
      <c r="KA4" s="425"/>
      <c r="KB4" s="425"/>
      <c r="KC4" s="425"/>
      <c r="KD4" s="425"/>
      <c r="KE4" s="425"/>
      <c r="KF4" s="425"/>
      <c r="KG4" s="425"/>
      <c r="KH4" s="425"/>
      <c r="KI4" s="425"/>
      <c r="KJ4" s="425"/>
      <c r="KK4" s="425"/>
      <c r="KL4" s="425"/>
      <c r="KM4" s="425"/>
      <c r="KN4" s="425"/>
      <c r="KO4" s="425"/>
      <c r="KP4" s="425"/>
      <c r="KQ4" s="425"/>
      <c r="KR4" s="425"/>
      <c r="KS4" s="425"/>
      <c r="KT4" s="425"/>
      <c r="KU4" s="425"/>
      <c r="KV4" s="425"/>
      <c r="KW4" s="425"/>
      <c r="KX4" s="425"/>
      <c r="KY4" s="425"/>
      <c r="KZ4" s="425"/>
      <c r="LA4" s="425"/>
      <c r="LB4" s="425"/>
      <c r="LC4" s="425"/>
      <c r="LD4" s="425"/>
      <c r="LE4" s="425"/>
      <c r="LF4" s="425"/>
      <c r="LG4" s="425"/>
      <c r="LH4" s="425"/>
      <c r="LI4" s="425"/>
      <c r="LJ4" s="425"/>
      <c r="LK4" s="425"/>
      <c r="LL4" s="425"/>
      <c r="LM4" s="425"/>
      <c r="LN4" s="425"/>
      <c r="LO4" s="425"/>
      <c r="LP4" s="425"/>
      <c r="LQ4" s="425"/>
      <c r="LR4" s="425"/>
      <c r="LS4" s="425"/>
      <c r="LT4" s="425"/>
      <c r="LU4" s="425"/>
      <c r="LV4" s="425"/>
      <c r="LW4" s="425"/>
      <c r="LX4" s="425"/>
      <c r="LY4" s="425"/>
      <c r="LZ4" s="425"/>
      <c r="MA4" s="425"/>
      <c r="MB4" s="425"/>
      <c r="MC4" s="425"/>
      <c r="MD4" s="425"/>
      <c r="ME4" s="426"/>
      <c r="MF4" s="424" t="s">
        <v>86</v>
      </c>
      <c r="MG4" s="425"/>
      <c r="MH4" s="425"/>
      <c r="MI4" s="425"/>
      <c r="MJ4" s="425"/>
      <c r="MK4" s="425"/>
      <c r="ML4" s="425"/>
      <c r="MM4" s="425"/>
      <c r="MN4" s="425"/>
      <c r="MO4" s="425"/>
      <c r="MP4" s="425"/>
      <c r="MQ4" s="425"/>
      <c r="MR4" s="425"/>
      <c r="MS4" s="425"/>
      <c r="MT4" s="425"/>
      <c r="MU4" s="425"/>
      <c r="MV4" s="425"/>
      <c r="MW4" s="425"/>
      <c r="MX4" s="425"/>
      <c r="MY4" s="425"/>
      <c r="MZ4" s="425"/>
      <c r="NA4" s="425"/>
      <c r="NB4" s="425"/>
      <c r="NC4" s="425"/>
      <c r="ND4" s="425"/>
      <c r="NE4" s="425"/>
      <c r="NF4" s="425"/>
      <c r="NG4" s="425"/>
      <c r="NH4" s="425"/>
      <c r="NI4" s="425"/>
      <c r="NJ4" s="425"/>
      <c r="NK4" s="425"/>
      <c r="NL4" s="425"/>
      <c r="NM4" s="425"/>
      <c r="NN4" s="425"/>
      <c r="NO4" s="425"/>
      <c r="NP4" s="425"/>
      <c r="NQ4" s="425"/>
      <c r="NR4" s="425"/>
      <c r="NS4" s="425"/>
      <c r="NT4" s="425"/>
      <c r="NU4" s="425"/>
      <c r="NV4" s="425"/>
      <c r="NW4" s="425"/>
      <c r="NX4" s="425"/>
      <c r="NY4" s="425"/>
      <c r="NZ4" s="425"/>
      <c r="OA4" s="425"/>
      <c r="OB4" s="425"/>
      <c r="OC4" s="425"/>
      <c r="OD4" s="425"/>
      <c r="OE4" s="425"/>
      <c r="OF4" s="425"/>
      <c r="OG4" s="425"/>
      <c r="OH4" s="426"/>
      <c r="OI4" s="427" t="s">
        <v>60</v>
      </c>
      <c r="OJ4" s="428"/>
      <c r="OK4" s="428"/>
      <c r="OL4" s="428"/>
      <c r="OM4" s="428"/>
      <c r="ON4" s="428"/>
      <c r="OO4" s="428"/>
      <c r="OP4" s="428"/>
      <c r="OQ4" s="428"/>
      <c r="OR4" s="428"/>
      <c r="OS4" s="429"/>
    </row>
    <row r="5" spans="1:409" ht="21" customHeight="1" thickBot="1" x14ac:dyDescent="0.25">
      <c r="B5" s="555"/>
      <c r="C5" s="558"/>
      <c r="D5" s="558"/>
      <c r="E5" s="558"/>
      <c r="F5" s="558"/>
      <c r="G5" s="558"/>
      <c r="H5" s="558"/>
      <c r="I5" s="558"/>
      <c r="J5" s="558"/>
      <c r="K5" s="558"/>
      <c r="L5" s="558"/>
      <c r="M5" s="558"/>
      <c r="N5" s="560" t="s">
        <v>64</v>
      </c>
      <c r="O5" s="561"/>
      <c r="P5" s="561"/>
      <c r="Q5" s="561"/>
      <c r="R5" s="561"/>
      <c r="S5" s="561"/>
      <c r="T5" s="561"/>
      <c r="U5" s="561"/>
      <c r="V5" s="561"/>
      <c r="W5" s="561"/>
      <c r="X5" s="561"/>
      <c r="Y5" s="561"/>
      <c r="Z5" s="561"/>
      <c r="AA5" s="561"/>
      <c r="AB5" s="561"/>
      <c r="AC5" s="561"/>
      <c r="AD5" s="561"/>
      <c r="AE5" s="561"/>
      <c r="AF5" s="561"/>
      <c r="AG5" s="561"/>
      <c r="AH5" s="561"/>
      <c r="AI5" s="561"/>
      <c r="AJ5" s="561"/>
      <c r="AK5" s="561"/>
      <c r="AL5" s="561"/>
      <c r="AM5" s="561"/>
      <c r="AN5" s="561"/>
      <c r="AO5" s="561"/>
      <c r="AP5" s="561"/>
      <c r="AQ5" s="561"/>
      <c r="AR5" s="561"/>
      <c r="AS5" s="561"/>
      <c r="AT5" s="561"/>
      <c r="AU5" s="561"/>
      <c r="AV5" s="561"/>
      <c r="AW5" s="561"/>
      <c r="AX5" s="561"/>
      <c r="AY5" s="561"/>
      <c r="AZ5" s="561"/>
      <c r="BA5" s="561"/>
      <c r="BB5" s="561"/>
      <c r="BC5" s="561"/>
      <c r="BD5" s="561"/>
      <c r="BE5" s="561"/>
      <c r="BF5" s="561"/>
      <c r="BG5" s="561"/>
      <c r="BH5" s="561"/>
      <c r="BI5" s="561"/>
      <c r="BJ5" s="561"/>
      <c r="BK5" s="561"/>
      <c r="BL5" s="561"/>
      <c r="BM5" s="561"/>
      <c r="BN5" s="561"/>
      <c r="BO5" s="561"/>
      <c r="BP5" s="561"/>
      <c r="BQ5" s="561"/>
      <c r="BR5" s="561"/>
      <c r="BS5" s="561"/>
      <c r="BT5" s="561"/>
      <c r="BU5" s="561"/>
      <c r="BV5" s="561"/>
      <c r="BW5" s="561"/>
      <c r="BX5" s="561"/>
      <c r="BY5" s="561"/>
      <c r="BZ5" s="561"/>
      <c r="CA5" s="562"/>
      <c r="CB5" s="560" t="s">
        <v>65</v>
      </c>
      <c r="CC5" s="561"/>
      <c r="CD5" s="561"/>
      <c r="CE5" s="561"/>
      <c r="CF5" s="561"/>
      <c r="CG5" s="561"/>
      <c r="CH5" s="561"/>
      <c r="CI5" s="561"/>
      <c r="CJ5" s="561"/>
      <c r="CK5" s="561"/>
      <c r="CL5" s="561"/>
      <c r="CM5" s="561"/>
      <c r="CN5" s="561"/>
      <c r="CO5" s="561"/>
      <c r="CP5" s="561"/>
      <c r="CQ5" s="561"/>
      <c r="CR5" s="561"/>
      <c r="CS5" s="561"/>
      <c r="CT5" s="561"/>
      <c r="CU5" s="561"/>
      <c r="CV5" s="561"/>
      <c r="CW5" s="561"/>
      <c r="CX5" s="561"/>
      <c r="CY5" s="561"/>
      <c r="CZ5" s="561"/>
      <c r="DA5" s="561"/>
      <c r="DB5" s="561"/>
      <c r="DC5" s="561"/>
      <c r="DD5" s="561"/>
      <c r="DE5" s="561"/>
      <c r="DF5" s="561"/>
      <c r="DG5" s="561"/>
      <c r="DH5" s="562"/>
      <c r="DI5" s="424" t="s">
        <v>66</v>
      </c>
      <c r="DJ5" s="425"/>
      <c r="DK5" s="425"/>
      <c r="DL5" s="425"/>
      <c r="DM5" s="425"/>
      <c r="DN5" s="425"/>
      <c r="DO5" s="425"/>
      <c r="DP5" s="425"/>
      <c r="DQ5" s="425"/>
      <c r="DR5" s="425"/>
      <c r="DS5" s="425"/>
      <c r="DT5" s="425"/>
      <c r="DU5" s="425"/>
      <c r="DV5" s="425"/>
      <c r="DW5" s="425"/>
      <c r="DX5" s="425"/>
      <c r="DY5" s="425"/>
      <c r="DZ5" s="425"/>
      <c r="EA5" s="425"/>
      <c r="EB5" s="425"/>
      <c r="EC5" s="425"/>
      <c r="ED5" s="425"/>
      <c r="EE5" s="425"/>
      <c r="EF5" s="425"/>
      <c r="EG5" s="425"/>
      <c r="EH5" s="425"/>
      <c r="EI5" s="425"/>
      <c r="EJ5" s="425"/>
      <c r="EK5" s="425"/>
      <c r="EL5" s="425"/>
      <c r="EM5" s="425"/>
      <c r="EN5" s="425"/>
      <c r="EO5" s="425"/>
      <c r="EP5" s="425"/>
      <c r="EQ5" s="425"/>
      <c r="ER5" s="425"/>
      <c r="ES5" s="425"/>
      <c r="ET5" s="425"/>
      <c r="EU5" s="425"/>
      <c r="EV5" s="425"/>
      <c r="EW5" s="425"/>
      <c r="EX5" s="425"/>
      <c r="EY5" s="425"/>
      <c r="EZ5" s="425"/>
      <c r="FA5" s="425"/>
      <c r="FB5" s="425"/>
      <c r="FC5" s="425"/>
      <c r="FD5" s="425"/>
      <c r="FE5" s="425"/>
      <c r="FF5" s="425"/>
      <c r="FG5" s="425"/>
      <c r="FH5" s="425"/>
      <c r="FI5" s="425"/>
      <c r="FJ5" s="425"/>
      <c r="FK5" s="426"/>
      <c r="FL5" s="560" t="s">
        <v>67</v>
      </c>
      <c r="FM5" s="561"/>
      <c r="FN5" s="561"/>
      <c r="FO5" s="561"/>
      <c r="FP5" s="561"/>
      <c r="FQ5" s="561"/>
      <c r="FR5" s="561"/>
      <c r="FS5" s="561"/>
      <c r="FT5" s="561"/>
      <c r="FU5" s="561"/>
      <c r="FV5" s="561"/>
      <c r="FW5" s="561"/>
      <c r="FX5" s="561"/>
      <c r="FY5" s="561"/>
      <c r="FZ5" s="561"/>
      <c r="GA5" s="561"/>
      <c r="GB5" s="561"/>
      <c r="GC5" s="561"/>
      <c r="GD5" s="561"/>
      <c r="GE5" s="561"/>
      <c r="GF5" s="561"/>
      <c r="GG5" s="561"/>
      <c r="GH5" s="561"/>
      <c r="GI5" s="561"/>
      <c r="GJ5" s="561"/>
      <c r="GK5" s="561"/>
      <c r="GL5" s="561"/>
      <c r="GM5" s="561"/>
      <c r="GN5" s="561"/>
      <c r="GO5" s="561"/>
      <c r="GP5" s="561"/>
      <c r="GQ5" s="561"/>
      <c r="GR5" s="561"/>
      <c r="GS5" s="561"/>
      <c r="GT5" s="561"/>
      <c r="GU5" s="561"/>
      <c r="GV5" s="561"/>
      <c r="GW5" s="561"/>
      <c r="GX5" s="561"/>
      <c r="GY5" s="561"/>
      <c r="GZ5" s="561"/>
      <c r="HA5" s="561"/>
      <c r="HB5" s="561"/>
      <c r="HC5" s="562"/>
      <c r="HD5" s="563" t="s">
        <v>68</v>
      </c>
      <c r="HE5" s="564"/>
      <c r="HF5" s="564"/>
      <c r="HG5" s="564"/>
      <c r="HH5" s="564"/>
      <c r="HI5" s="564"/>
      <c r="HJ5" s="564"/>
      <c r="HK5" s="564"/>
      <c r="HL5" s="564"/>
      <c r="HM5" s="564"/>
      <c r="HN5" s="565"/>
      <c r="HO5" s="563" t="s">
        <v>69</v>
      </c>
      <c r="HP5" s="564"/>
      <c r="HQ5" s="564"/>
      <c r="HR5" s="564"/>
      <c r="HS5" s="564"/>
      <c r="HT5" s="564"/>
      <c r="HU5" s="564"/>
      <c r="HV5" s="564"/>
      <c r="HW5" s="564"/>
      <c r="HX5" s="564"/>
      <c r="HY5" s="565"/>
      <c r="HZ5" s="538"/>
      <c r="IA5" s="539"/>
      <c r="IB5" s="539"/>
      <c r="IC5" s="539"/>
      <c r="ID5" s="539"/>
      <c r="IE5" s="539"/>
      <c r="IF5" s="539"/>
      <c r="IG5" s="539"/>
      <c r="IH5" s="539"/>
      <c r="II5" s="539"/>
      <c r="IJ5" s="540"/>
      <c r="IK5" s="427" t="s">
        <v>94</v>
      </c>
      <c r="IL5" s="428"/>
      <c r="IM5" s="428"/>
      <c r="IN5" s="428"/>
      <c r="IO5" s="428"/>
      <c r="IP5" s="428"/>
      <c r="IQ5" s="428"/>
      <c r="IR5" s="428"/>
      <c r="IS5" s="428"/>
      <c r="IT5" s="428"/>
      <c r="IU5" s="429"/>
      <c r="IV5" s="427" t="s">
        <v>88</v>
      </c>
      <c r="IW5" s="428"/>
      <c r="IX5" s="428"/>
      <c r="IY5" s="428"/>
      <c r="IZ5" s="428"/>
      <c r="JA5" s="428"/>
      <c r="JB5" s="428"/>
      <c r="JC5" s="428"/>
      <c r="JD5" s="428"/>
      <c r="JE5" s="428"/>
      <c r="JF5" s="429"/>
      <c r="JG5" s="427" t="s">
        <v>140</v>
      </c>
      <c r="JH5" s="428"/>
      <c r="JI5" s="428"/>
      <c r="JJ5" s="428"/>
      <c r="JK5" s="428"/>
      <c r="JL5" s="428"/>
      <c r="JM5" s="428"/>
      <c r="JN5" s="428"/>
      <c r="JO5" s="428"/>
      <c r="JP5" s="428"/>
      <c r="JQ5" s="429"/>
      <c r="JR5" s="427" t="s">
        <v>90</v>
      </c>
      <c r="JS5" s="428"/>
      <c r="JT5" s="428"/>
      <c r="JU5" s="428"/>
      <c r="JV5" s="428"/>
      <c r="JW5" s="428"/>
      <c r="JX5" s="428"/>
      <c r="JY5" s="428"/>
      <c r="JZ5" s="428"/>
      <c r="KA5" s="428"/>
      <c r="KB5" s="429"/>
      <c r="KC5" s="427" t="s">
        <v>89</v>
      </c>
      <c r="KD5" s="428"/>
      <c r="KE5" s="428"/>
      <c r="KF5" s="428"/>
      <c r="KG5" s="428"/>
      <c r="KH5" s="428"/>
      <c r="KI5" s="428"/>
      <c r="KJ5" s="428"/>
      <c r="KK5" s="428"/>
      <c r="KL5" s="428"/>
      <c r="KM5" s="429"/>
      <c r="KN5" s="427" t="s">
        <v>91</v>
      </c>
      <c r="KO5" s="428"/>
      <c r="KP5" s="428"/>
      <c r="KQ5" s="428"/>
      <c r="KR5" s="428"/>
      <c r="KS5" s="428"/>
      <c r="KT5" s="428"/>
      <c r="KU5" s="428"/>
      <c r="KV5" s="428"/>
      <c r="KW5" s="428"/>
      <c r="KX5" s="429"/>
      <c r="KY5" s="427" t="s">
        <v>92</v>
      </c>
      <c r="KZ5" s="428"/>
      <c r="LA5" s="428"/>
      <c r="LB5" s="428"/>
      <c r="LC5" s="428"/>
      <c r="LD5" s="428"/>
      <c r="LE5" s="428"/>
      <c r="LF5" s="428"/>
      <c r="LG5" s="428"/>
      <c r="LH5" s="428"/>
      <c r="LI5" s="429"/>
      <c r="LJ5" s="544" t="s">
        <v>93</v>
      </c>
      <c r="LK5" s="545"/>
      <c r="LL5" s="545"/>
      <c r="LM5" s="545"/>
      <c r="LN5" s="545"/>
      <c r="LO5" s="545"/>
      <c r="LP5" s="545"/>
      <c r="LQ5" s="545"/>
      <c r="LR5" s="545"/>
      <c r="LS5" s="545"/>
      <c r="LT5" s="546"/>
      <c r="LU5" s="544" t="s">
        <v>141</v>
      </c>
      <c r="LV5" s="545"/>
      <c r="LW5" s="545"/>
      <c r="LX5" s="545"/>
      <c r="LY5" s="545"/>
      <c r="LZ5" s="545"/>
      <c r="MA5" s="545"/>
      <c r="MB5" s="545"/>
      <c r="MC5" s="545"/>
      <c r="MD5" s="545"/>
      <c r="ME5" s="546"/>
      <c r="MF5" s="538"/>
      <c r="MG5" s="539"/>
      <c r="MH5" s="539"/>
      <c r="MI5" s="539"/>
      <c r="MJ5" s="539"/>
      <c r="MK5" s="539"/>
      <c r="ML5" s="539"/>
      <c r="MM5" s="539"/>
      <c r="MN5" s="539"/>
      <c r="MO5" s="539"/>
      <c r="MP5" s="540"/>
      <c r="MQ5" s="427" t="s">
        <v>57</v>
      </c>
      <c r="MR5" s="428"/>
      <c r="MS5" s="428"/>
      <c r="MT5" s="428"/>
      <c r="MU5" s="428"/>
      <c r="MV5" s="428"/>
      <c r="MW5" s="428"/>
      <c r="MX5" s="428"/>
      <c r="MY5" s="428"/>
      <c r="MZ5" s="428"/>
      <c r="NA5" s="429"/>
      <c r="NB5" s="427" t="s">
        <v>58</v>
      </c>
      <c r="NC5" s="428"/>
      <c r="ND5" s="428"/>
      <c r="NE5" s="428"/>
      <c r="NF5" s="428"/>
      <c r="NG5" s="428"/>
      <c r="NH5" s="428"/>
      <c r="NI5" s="428"/>
      <c r="NJ5" s="428"/>
      <c r="NK5" s="428"/>
      <c r="NL5" s="429"/>
      <c r="NM5" s="427" t="s">
        <v>59</v>
      </c>
      <c r="NN5" s="428"/>
      <c r="NO5" s="428"/>
      <c r="NP5" s="428"/>
      <c r="NQ5" s="428"/>
      <c r="NR5" s="428"/>
      <c r="NS5" s="428"/>
      <c r="NT5" s="428"/>
      <c r="NU5" s="428"/>
      <c r="NV5" s="428"/>
      <c r="NW5" s="429"/>
      <c r="NX5" s="427" t="s">
        <v>145</v>
      </c>
      <c r="NY5" s="428"/>
      <c r="NZ5" s="428"/>
      <c r="OA5" s="428"/>
      <c r="OB5" s="428"/>
      <c r="OC5" s="428"/>
      <c r="OD5" s="428"/>
      <c r="OE5" s="428"/>
      <c r="OF5" s="428"/>
      <c r="OG5" s="428"/>
      <c r="OH5" s="429"/>
      <c r="OI5" s="439"/>
      <c r="OJ5" s="536"/>
      <c r="OK5" s="536"/>
      <c r="OL5" s="536"/>
      <c r="OM5" s="536"/>
      <c r="ON5" s="536"/>
      <c r="OO5" s="536"/>
      <c r="OP5" s="536"/>
      <c r="OQ5" s="536"/>
      <c r="OR5" s="536"/>
      <c r="OS5" s="537"/>
    </row>
    <row r="6" spans="1:409" ht="21" customHeight="1" thickBot="1" x14ac:dyDescent="0.25">
      <c r="B6" s="555"/>
      <c r="C6" s="559"/>
      <c r="D6" s="559"/>
      <c r="E6" s="559"/>
      <c r="F6" s="559"/>
      <c r="G6" s="559"/>
      <c r="H6" s="559"/>
      <c r="I6" s="559"/>
      <c r="J6" s="559"/>
      <c r="K6" s="559"/>
      <c r="L6" s="559"/>
      <c r="M6" s="559"/>
      <c r="N6" s="433"/>
      <c r="O6" s="434"/>
      <c r="P6" s="434"/>
      <c r="Q6" s="434"/>
      <c r="R6" s="434"/>
      <c r="S6" s="434"/>
      <c r="T6" s="434"/>
      <c r="U6" s="434"/>
      <c r="V6" s="434"/>
      <c r="W6" s="434"/>
      <c r="X6" s="435"/>
      <c r="Y6" s="436" t="s">
        <v>70</v>
      </c>
      <c r="Z6" s="437"/>
      <c r="AA6" s="437"/>
      <c r="AB6" s="437"/>
      <c r="AC6" s="437"/>
      <c r="AD6" s="437"/>
      <c r="AE6" s="437"/>
      <c r="AF6" s="437"/>
      <c r="AG6" s="437"/>
      <c r="AH6" s="437"/>
      <c r="AI6" s="438"/>
      <c r="AJ6" s="573" t="s">
        <v>71</v>
      </c>
      <c r="AK6" s="574"/>
      <c r="AL6" s="574"/>
      <c r="AM6" s="574"/>
      <c r="AN6" s="574"/>
      <c r="AO6" s="574"/>
      <c r="AP6" s="574"/>
      <c r="AQ6" s="574"/>
      <c r="AR6" s="574"/>
      <c r="AS6" s="574"/>
      <c r="AT6" s="575"/>
      <c r="AU6" s="573" t="s">
        <v>72</v>
      </c>
      <c r="AV6" s="574"/>
      <c r="AW6" s="574"/>
      <c r="AX6" s="574"/>
      <c r="AY6" s="574"/>
      <c r="AZ6" s="574"/>
      <c r="BA6" s="574"/>
      <c r="BB6" s="574"/>
      <c r="BC6" s="574"/>
      <c r="BD6" s="574"/>
      <c r="BE6" s="575"/>
      <c r="BF6" s="573" t="s">
        <v>73</v>
      </c>
      <c r="BG6" s="574"/>
      <c r="BH6" s="574"/>
      <c r="BI6" s="574"/>
      <c r="BJ6" s="574"/>
      <c r="BK6" s="574"/>
      <c r="BL6" s="574"/>
      <c r="BM6" s="574"/>
      <c r="BN6" s="574"/>
      <c r="BO6" s="574"/>
      <c r="BP6" s="575"/>
      <c r="BQ6" s="573" t="s">
        <v>74</v>
      </c>
      <c r="BR6" s="574"/>
      <c r="BS6" s="574"/>
      <c r="BT6" s="574"/>
      <c r="BU6" s="574"/>
      <c r="BV6" s="574"/>
      <c r="BW6" s="574"/>
      <c r="BX6" s="574"/>
      <c r="BY6" s="574"/>
      <c r="BZ6" s="574"/>
      <c r="CA6" s="575"/>
      <c r="CB6" s="541"/>
      <c r="CC6" s="542"/>
      <c r="CD6" s="542"/>
      <c r="CE6" s="542"/>
      <c r="CF6" s="542"/>
      <c r="CG6" s="542"/>
      <c r="CH6" s="542"/>
      <c r="CI6" s="542"/>
      <c r="CJ6" s="542"/>
      <c r="CK6" s="542"/>
      <c r="CL6" s="543"/>
      <c r="CM6" s="573" t="s">
        <v>75</v>
      </c>
      <c r="CN6" s="574"/>
      <c r="CO6" s="574"/>
      <c r="CP6" s="574"/>
      <c r="CQ6" s="574"/>
      <c r="CR6" s="574"/>
      <c r="CS6" s="574"/>
      <c r="CT6" s="574"/>
      <c r="CU6" s="574"/>
      <c r="CV6" s="574"/>
      <c r="CW6" s="575"/>
      <c r="CX6" s="573" t="s">
        <v>76</v>
      </c>
      <c r="CY6" s="574"/>
      <c r="CZ6" s="574"/>
      <c r="DA6" s="574"/>
      <c r="DB6" s="574"/>
      <c r="DC6" s="574"/>
      <c r="DD6" s="574"/>
      <c r="DE6" s="574"/>
      <c r="DF6" s="574"/>
      <c r="DG6" s="574"/>
      <c r="DH6" s="575"/>
      <c r="DI6" s="541"/>
      <c r="DJ6" s="542"/>
      <c r="DK6" s="542"/>
      <c r="DL6" s="542"/>
      <c r="DM6" s="542"/>
      <c r="DN6" s="542"/>
      <c r="DO6" s="542"/>
      <c r="DP6" s="542"/>
      <c r="DQ6" s="542"/>
      <c r="DR6" s="542"/>
      <c r="DS6" s="542"/>
      <c r="DT6" s="573" t="s">
        <v>77</v>
      </c>
      <c r="DU6" s="574"/>
      <c r="DV6" s="574"/>
      <c r="DW6" s="574"/>
      <c r="DX6" s="574"/>
      <c r="DY6" s="574"/>
      <c r="DZ6" s="574"/>
      <c r="EA6" s="574"/>
      <c r="EB6" s="574"/>
      <c r="EC6" s="574"/>
      <c r="ED6" s="575"/>
      <c r="EE6" s="573" t="s">
        <v>78</v>
      </c>
      <c r="EF6" s="574"/>
      <c r="EG6" s="574"/>
      <c r="EH6" s="574"/>
      <c r="EI6" s="574"/>
      <c r="EJ6" s="574"/>
      <c r="EK6" s="574"/>
      <c r="EL6" s="574"/>
      <c r="EM6" s="574"/>
      <c r="EN6" s="574"/>
      <c r="EO6" s="575"/>
      <c r="EP6" s="573" t="s">
        <v>79</v>
      </c>
      <c r="EQ6" s="574"/>
      <c r="ER6" s="574"/>
      <c r="ES6" s="574"/>
      <c r="ET6" s="574"/>
      <c r="EU6" s="574"/>
      <c r="EV6" s="574"/>
      <c r="EW6" s="574"/>
      <c r="EX6" s="574"/>
      <c r="EY6" s="574"/>
      <c r="EZ6" s="575"/>
      <c r="FA6" s="573" t="s">
        <v>146</v>
      </c>
      <c r="FB6" s="574"/>
      <c r="FC6" s="574"/>
      <c r="FD6" s="574"/>
      <c r="FE6" s="574"/>
      <c r="FF6" s="574"/>
      <c r="FG6" s="574"/>
      <c r="FH6" s="574"/>
      <c r="FI6" s="574"/>
      <c r="FJ6" s="574"/>
      <c r="FK6" s="575"/>
      <c r="FL6" s="541"/>
      <c r="FM6" s="542"/>
      <c r="FN6" s="542"/>
      <c r="FO6" s="542"/>
      <c r="FP6" s="542"/>
      <c r="FQ6" s="542"/>
      <c r="FR6" s="542"/>
      <c r="FS6" s="542"/>
      <c r="FT6" s="542"/>
      <c r="FU6" s="542"/>
      <c r="FV6" s="542"/>
      <c r="FW6" s="573" t="s">
        <v>80</v>
      </c>
      <c r="FX6" s="574"/>
      <c r="FY6" s="574"/>
      <c r="FZ6" s="574"/>
      <c r="GA6" s="574"/>
      <c r="GB6" s="574"/>
      <c r="GC6" s="574"/>
      <c r="GD6" s="574"/>
      <c r="GE6" s="574"/>
      <c r="GF6" s="574"/>
      <c r="GG6" s="575"/>
      <c r="GH6" s="436" t="s">
        <v>81</v>
      </c>
      <c r="GI6" s="437"/>
      <c r="GJ6" s="437"/>
      <c r="GK6" s="437"/>
      <c r="GL6" s="437"/>
      <c r="GM6" s="437"/>
      <c r="GN6" s="437"/>
      <c r="GO6" s="437"/>
      <c r="GP6" s="437"/>
      <c r="GQ6" s="437"/>
      <c r="GR6" s="438"/>
      <c r="GS6" s="436" t="s">
        <v>82</v>
      </c>
      <c r="GT6" s="437"/>
      <c r="GU6" s="437"/>
      <c r="GV6" s="437"/>
      <c r="GW6" s="437"/>
      <c r="GX6" s="437"/>
      <c r="GY6" s="437"/>
      <c r="GZ6" s="437"/>
      <c r="HA6" s="437"/>
      <c r="HB6" s="437"/>
      <c r="HC6" s="438"/>
      <c r="HD6" s="566"/>
      <c r="HE6" s="567"/>
      <c r="HF6" s="567"/>
      <c r="HG6" s="567"/>
      <c r="HH6" s="567"/>
      <c r="HI6" s="567"/>
      <c r="HJ6" s="567"/>
      <c r="HK6" s="567"/>
      <c r="HL6" s="567"/>
      <c r="HM6" s="567"/>
      <c r="HN6" s="568"/>
      <c r="HO6" s="566"/>
      <c r="HP6" s="567"/>
      <c r="HQ6" s="567"/>
      <c r="HR6" s="567"/>
      <c r="HS6" s="567"/>
      <c r="HT6" s="567"/>
      <c r="HU6" s="567"/>
      <c r="HV6" s="567"/>
      <c r="HW6" s="567"/>
      <c r="HX6" s="567"/>
      <c r="HY6" s="568"/>
      <c r="HZ6" s="541"/>
      <c r="IA6" s="542"/>
      <c r="IB6" s="542"/>
      <c r="IC6" s="542"/>
      <c r="ID6" s="542"/>
      <c r="IE6" s="542"/>
      <c r="IF6" s="542"/>
      <c r="IG6" s="542"/>
      <c r="IH6" s="542"/>
      <c r="II6" s="542"/>
      <c r="IJ6" s="543"/>
      <c r="IK6" s="433"/>
      <c r="IL6" s="434"/>
      <c r="IM6" s="434"/>
      <c r="IN6" s="434"/>
      <c r="IO6" s="434"/>
      <c r="IP6" s="434"/>
      <c r="IQ6" s="434"/>
      <c r="IR6" s="434"/>
      <c r="IS6" s="434"/>
      <c r="IT6" s="434"/>
      <c r="IU6" s="435"/>
      <c r="IV6" s="433"/>
      <c r="IW6" s="434"/>
      <c r="IX6" s="434"/>
      <c r="IY6" s="434"/>
      <c r="IZ6" s="434"/>
      <c r="JA6" s="434"/>
      <c r="JB6" s="434"/>
      <c r="JC6" s="434"/>
      <c r="JD6" s="434"/>
      <c r="JE6" s="434"/>
      <c r="JF6" s="435"/>
      <c r="JG6" s="433"/>
      <c r="JH6" s="434"/>
      <c r="JI6" s="434"/>
      <c r="JJ6" s="434"/>
      <c r="JK6" s="434"/>
      <c r="JL6" s="434"/>
      <c r="JM6" s="434"/>
      <c r="JN6" s="434"/>
      <c r="JO6" s="434"/>
      <c r="JP6" s="434"/>
      <c r="JQ6" s="435"/>
      <c r="JR6" s="433"/>
      <c r="JS6" s="434"/>
      <c r="JT6" s="434"/>
      <c r="JU6" s="434"/>
      <c r="JV6" s="434"/>
      <c r="JW6" s="434"/>
      <c r="JX6" s="434"/>
      <c r="JY6" s="434"/>
      <c r="JZ6" s="434"/>
      <c r="KA6" s="434"/>
      <c r="KB6" s="435"/>
      <c r="KC6" s="433"/>
      <c r="KD6" s="434"/>
      <c r="KE6" s="434"/>
      <c r="KF6" s="434"/>
      <c r="KG6" s="434"/>
      <c r="KH6" s="434"/>
      <c r="KI6" s="434"/>
      <c r="KJ6" s="434"/>
      <c r="KK6" s="434"/>
      <c r="KL6" s="434"/>
      <c r="KM6" s="435"/>
      <c r="KN6" s="433"/>
      <c r="KO6" s="434"/>
      <c r="KP6" s="434"/>
      <c r="KQ6" s="434"/>
      <c r="KR6" s="434"/>
      <c r="KS6" s="434"/>
      <c r="KT6" s="434"/>
      <c r="KU6" s="434"/>
      <c r="KV6" s="434"/>
      <c r="KW6" s="434"/>
      <c r="KX6" s="435"/>
      <c r="KY6" s="433"/>
      <c r="KZ6" s="434"/>
      <c r="LA6" s="434"/>
      <c r="LB6" s="434"/>
      <c r="LC6" s="434"/>
      <c r="LD6" s="434"/>
      <c r="LE6" s="434"/>
      <c r="LF6" s="434"/>
      <c r="LG6" s="434"/>
      <c r="LH6" s="434"/>
      <c r="LI6" s="435"/>
      <c r="LJ6" s="541"/>
      <c r="LK6" s="542"/>
      <c r="LL6" s="542"/>
      <c r="LM6" s="542"/>
      <c r="LN6" s="542"/>
      <c r="LO6" s="542"/>
      <c r="LP6" s="542"/>
      <c r="LQ6" s="542"/>
      <c r="LR6" s="542"/>
      <c r="LS6" s="542"/>
      <c r="LT6" s="543"/>
      <c r="LU6" s="541"/>
      <c r="LV6" s="542"/>
      <c r="LW6" s="542"/>
      <c r="LX6" s="542"/>
      <c r="LY6" s="542"/>
      <c r="LZ6" s="542"/>
      <c r="MA6" s="542"/>
      <c r="MB6" s="542"/>
      <c r="MC6" s="542"/>
      <c r="MD6" s="542"/>
      <c r="ME6" s="543"/>
      <c r="MF6" s="541"/>
      <c r="MG6" s="542"/>
      <c r="MH6" s="542"/>
      <c r="MI6" s="542"/>
      <c r="MJ6" s="542"/>
      <c r="MK6" s="542"/>
      <c r="ML6" s="542"/>
      <c r="MM6" s="542"/>
      <c r="MN6" s="542"/>
      <c r="MO6" s="542"/>
      <c r="MP6" s="543"/>
      <c r="MQ6" s="433"/>
      <c r="MR6" s="434"/>
      <c r="MS6" s="434"/>
      <c r="MT6" s="434"/>
      <c r="MU6" s="434"/>
      <c r="MV6" s="434"/>
      <c r="MW6" s="434"/>
      <c r="MX6" s="434"/>
      <c r="MY6" s="434"/>
      <c r="MZ6" s="434"/>
      <c r="NA6" s="435"/>
      <c r="NB6" s="433"/>
      <c r="NC6" s="434"/>
      <c r="ND6" s="434"/>
      <c r="NE6" s="434"/>
      <c r="NF6" s="434"/>
      <c r="NG6" s="434"/>
      <c r="NH6" s="434"/>
      <c r="NI6" s="434"/>
      <c r="NJ6" s="434"/>
      <c r="NK6" s="434"/>
      <c r="NL6" s="435"/>
      <c r="NM6" s="433"/>
      <c r="NN6" s="434"/>
      <c r="NO6" s="434"/>
      <c r="NP6" s="434"/>
      <c r="NQ6" s="434"/>
      <c r="NR6" s="434"/>
      <c r="NS6" s="434"/>
      <c r="NT6" s="434"/>
      <c r="NU6" s="434"/>
      <c r="NV6" s="434"/>
      <c r="NW6" s="435"/>
      <c r="NX6" s="433"/>
      <c r="NY6" s="434"/>
      <c r="NZ6" s="434"/>
      <c r="OA6" s="434"/>
      <c r="OB6" s="434"/>
      <c r="OC6" s="434"/>
      <c r="OD6" s="434"/>
      <c r="OE6" s="434"/>
      <c r="OF6" s="434"/>
      <c r="OG6" s="434"/>
      <c r="OH6" s="435"/>
      <c r="OI6" s="433"/>
      <c r="OJ6" s="434"/>
      <c r="OK6" s="434"/>
      <c r="OL6" s="434"/>
      <c r="OM6" s="434"/>
      <c r="ON6" s="434"/>
      <c r="OO6" s="434"/>
      <c r="OP6" s="434"/>
      <c r="OQ6" s="434"/>
      <c r="OR6" s="434"/>
      <c r="OS6" s="435"/>
    </row>
    <row r="7" spans="1:409" ht="21" customHeight="1" x14ac:dyDescent="0.2">
      <c r="B7" s="555"/>
      <c r="C7" s="506" t="s">
        <v>61</v>
      </c>
      <c r="D7" s="506"/>
      <c r="E7" s="506"/>
      <c r="F7" s="505" t="s">
        <v>62</v>
      </c>
      <c r="G7" s="506"/>
      <c r="H7" s="506"/>
      <c r="I7" s="506"/>
      <c r="J7" s="506"/>
      <c r="K7" s="506"/>
      <c r="L7" s="506"/>
      <c r="M7" s="505" t="s">
        <v>52</v>
      </c>
      <c r="N7" s="570" t="s">
        <v>61</v>
      </c>
      <c r="O7" s="506"/>
      <c r="P7" s="506"/>
      <c r="Q7" s="505" t="s">
        <v>62</v>
      </c>
      <c r="R7" s="506"/>
      <c r="S7" s="506"/>
      <c r="T7" s="506"/>
      <c r="U7" s="506"/>
      <c r="V7" s="506"/>
      <c r="W7" s="507"/>
      <c r="X7" s="533" t="s">
        <v>52</v>
      </c>
      <c r="Y7" s="433" t="s">
        <v>61</v>
      </c>
      <c r="Z7" s="434"/>
      <c r="AA7" s="515"/>
      <c r="AB7" s="514" t="s">
        <v>62</v>
      </c>
      <c r="AC7" s="434"/>
      <c r="AD7" s="434"/>
      <c r="AE7" s="434"/>
      <c r="AF7" s="434"/>
      <c r="AG7" s="434"/>
      <c r="AH7" s="515"/>
      <c r="AI7" s="435" t="s">
        <v>52</v>
      </c>
      <c r="AJ7" s="518" t="s">
        <v>61</v>
      </c>
      <c r="AK7" s="512"/>
      <c r="AL7" s="513"/>
      <c r="AM7" s="534" t="s">
        <v>62</v>
      </c>
      <c r="AN7" s="512"/>
      <c r="AO7" s="512"/>
      <c r="AP7" s="512"/>
      <c r="AQ7" s="512"/>
      <c r="AR7" s="512"/>
      <c r="AS7" s="535"/>
      <c r="AT7" s="435" t="s">
        <v>52</v>
      </c>
      <c r="AU7" s="518" t="s">
        <v>61</v>
      </c>
      <c r="AV7" s="512"/>
      <c r="AW7" s="513"/>
      <c r="AX7" s="534" t="s">
        <v>62</v>
      </c>
      <c r="AY7" s="512"/>
      <c r="AZ7" s="512"/>
      <c r="BA7" s="512"/>
      <c r="BB7" s="512"/>
      <c r="BC7" s="512"/>
      <c r="BD7" s="535"/>
      <c r="BE7" s="435" t="s">
        <v>52</v>
      </c>
      <c r="BF7" s="518" t="s">
        <v>61</v>
      </c>
      <c r="BG7" s="512"/>
      <c r="BH7" s="513"/>
      <c r="BI7" s="534" t="s">
        <v>62</v>
      </c>
      <c r="BJ7" s="512"/>
      <c r="BK7" s="512"/>
      <c r="BL7" s="512"/>
      <c r="BM7" s="512"/>
      <c r="BN7" s="512"/>
      <c r="BO7" s="535"/>
      <c r="BP7" s="435" t="s">
        <v>52</v>
      </c>
      <c r="BQ7" s="518" t="s">
        <v>61</v>
      </c>
      <c r="BR7" s="512"/>
      <c r="BS7" s="513"/>
      <c r="BT7" s="534" t="s">
        <v>62</v>
      </c>
      <c r="BU7" s="512"/>
      <c r="BV7" s="512"/>
      <c r="BW7" s="512"/>
      <c r="BX7" s="512"/>
      <c r="BY7" s="512"/>
      <c r="BZ7" s="535"/>
      <c r="CA7" s="435" t="s">
        <v>52</v>
      </c>
      <c r="CB7" s="502" t="s">
        <v>61</v>
      </c>
      <c r="CC7" s="503"/>
      <c r="CD7" s="504"/>
      <c r="CE7" s="531" t="s">
        <v>62</v>
      </c>
      <c r="CF7" s="503"/>
      <c r="CG7" s="503"/>
      <c r="CH7" s="503"/>
      <c r="CI7" s="503"/>
      <c r="CJ7" s="503"/>
      <c r="CK7" s="532"/>
      <c r="CL7" s="533" t="s">
        <v>52</v>
      </c>
      <c r="CM7" s="518" t="s">
        <v>61</v>
      </c>
      <c r="CN7" s="512"/>
      <c r="CO7" s="535"/>
      <c r="CP7" s="534" t="s">
        <v>62</v>
      </c>
      <c r="CQ7" s="512"/>
      <c r="CR7" s="512"/>
      <c r="CS7" s="512"/>
      <c r="CT7" s="512"/>
      <c r="CU7" s="512"/>
      <c r="CV7" s="535"/>
      <c r="CW7" s="529" t="s">
        <v>52</v>
      </c>
      <c r="CX7" s="518" t="s">
        <v>61</v>
      </c>
      <c r="CY7" s="512"/>
      <c r="CZ7" s="535"/>
      <c r="DA7" s="534" t="s">
        <v>62</v>
      </c>
      <c r="DB7" s="512"/>
      <c r="DC7" s="512"/>
      <c r="DD7" s="512"/>
      <c r="DE7" s="512"/>
      <c r="DF7" s="512"/>
      <c r="DG7" s="535"/>
      <c r="DH7" s="529" t="s">
        <v>52</v>
      </c>
      <c r="DI7" s="502" t="s">
        <v>61</v>
      </c>
      <c r="DJ7" s="503"/>
      <c r="DK7" s="532"/>
      <c r="DL7" s="531" t="s">
        <v>62</v>
      </c>
      <c r="DM7" s="503"/>
      <c r="DN7" s="503"/>
      <c r="DO7" s="503"/>
      <c r="DP7" s="503"/>
      <c r="DQ7" s="503"/>
      <c r="DR7" s="532"/>
      <c r="DS7" s="533" t="s">
        <v>52</v>
      </c>
      <c r="DT7" s="518" t="s">
        <v>61</v>
      </c>
      <c r="DU7" s="512"/>
      <c r="DV7" s="513"/>
      <c r="DW7" s="534" t="s">
        <v>62</v>
      </c>
      <c r="DX7" s="512"/>
      <c r="DY7" s="512"/>
      <c r="DZ7" s="512"/>
      <c r="EA7" s="512"/>
      <c r="EB7" s="512"/>
      <c r="EC7" s="535"/>
      <c r="ED7" s="435" t="s">
        <v>52</v>
      </c>
      <c r="EE7" s="518" t="s">
        <v>61</v>
      </c>
      <c r="EF7" s="512"/>
      <c r="EG7" s="513"/>
      <c r="EH7" s="534" t="s">
        <v>62</v>
      </c>
      <c r="EI7" s="512"/>
      <c r="EJ7" s="512"/>
      <c r="EK7" s="512"/>
      <c r="EL7" s="512"/>
      <c r="EM7" s="512"/>
      <c r="EN7" s="535"/>
      <c r="EO7" s="435" t="s">
        <v>52</v>
      </c>
      <c r="EP7" s="518" t="s">
        <v>61</v>
      </c>
      <c r="EQ7" s="512"/>
      <c r="ER7" s="513"/>
      <c r="ES7" s="534" t="s">
        <v>62</v>
      </c>
      <c r="ET7" s="512"/>
      <c r="EU7" s="512"/>
      <c r="EV7" s="512"/>
      <c r="EW7" s="512"/>
      <c r="EX7" s="512"/>
      <c r="EY7" s="535"/>
      <c r="EZ7" s="435" t="s">
        <v>52</v>
      </c>
      <c r="FA7" s="518" t="s">
        <v>61</v>
      </c>
      <c r="FB7" s="512"/>
      <c r="FC7" s="513"/>
      <c r="FD7" s="534" t="s">
        <v>62</v>
      </c>
      <c r="FE7" s="512"/>
      <c r="FF7" s="512"/>
      <c r="FG7" s="512"/>
      <c r="FH7" s="512"/>
      <c r="FI7" s="512"/>
      <c r="FJ7" s="535"/>
      <c r="FK7" s="435" t="s">
        <v>52</v>
      </c>
      <c r="FL7" s="502" t="s">
        <v>61</v>
      </c>
      <c r="FM7" s="503"/>
      <c r="FN7" s="504"/>
      <c r="FO7" s="531" t="s">
        <v>62</v>
      </c>
      <c r="FP7" s="503"/>
      <c r="FQ7" s="503"/>
      <c r="FR7" s="503"/>
      <c r="FS7" s="503"/>
      <c r="FT7" s="503"/>
      <c r="FU7" s="532"/>
      <c r="FV7" s="506" t="s">
        <v>52</v>
      </c>
      <c r="FW7" s="518" t="s">
        <v>61</v>
      </c>
      <c r="FX7" s="512"/>
      <c r="FY7" s="513"/>
      <c r="FZ7" s="534" t="s">
        <v>62</v>
      </c>
      <c r="GA7" s="512"/>
      <c r="GB7" s="512"/>
      <c r="GC7" s="512"/>
      <c r="GD7" s="512"/>
      <c r="GE7" s="512"/>
      <c r="GF7" s="535"/>
      <c r="GG7" s="435" t="s">
        <v>52</v>
      </c>
      <c r="GH7" s="433" t="s">
        <v>61</v>
      </c>
      <c r="GI7" s="434"/>
      <c r="GJ7" s="434"/>
      <c r="GK7" s="514" t="s">
        <v>62</v>
      </c>
      <c r="GL7" s="434"/>
      <c r="GM7" s="434"/>
      <c r="GN7" s="434"/>
      <c r="GO7" s="434"/>
      <c r="GP7" s="434"/>
      <c r="GQ7" s="515"/>
      <c r="GR7" s="552" t="s">
        <v>52</v>
      </c>
      <c r="GS7" s="433" t="s">
        <v>61</v>
      </c>
      <c r="GT7" s="434"/>
      <c r="GU7" s="515"/>
      <c r="GV7" s="514" t="s">
        <v>62</v>
      </c>
      <c r="GW7" s="434"/>
      <c r="GX7" s="434"/>
      <c r="GY7" s="434"/>
      <c r="GZ7" s="434"/>
      <c r="HA7" s="434"/>
      <c r="HB7" s="515"/>
      <c r="HC7" s="552" t="s">
        <v>52</v>
      </c>
      <c r="HD7" s="518" t="s">
        <v>61</v>
      </c>
      <c r="HE7" s="512"/>
      <c r="HF7" s="513"/>
      <c r="HG7" s="534" t="s">
        <v>62</v>
      </c>
      <c r="HH7" s="512"/>
      <c r="HI7" s="512"/>
      <c r="HJ7" s="512"/>
      <c r="HK7" s="512"/>
      <c r="HL7" s="512"/>
      <c r="HM7" s="535"/>
      <c r="HN7" s="435" t="s">
        <v>52</v>
      </c>
      <c r="HO7" s="518" t="s">
        <v>61</v>
      </c>
      <c r="HP7" s="512"/>
      <c r="HQ7" s="513"/>
      <c r="HR7" s="534" t="s">
        <v>62</v>
      </c>
      <c r="HS7" s="512"/>
      <c r="HT7" s="512"/>
      <c r="HU7" s="512"/>
      <c r="HV7" s="512"/>
      <c r="HW7" s="512"/>
      <c r="HX7" s="535"/>
      <c r="HY7" s="435" t="s">
        <v>52</v>
      </c>
      <c r="HZ7" s="502" t="s">
        <v>61</v>
      </c>
      <c r="IA7" s="503"/>
      <c r="IB7" s="504"/>
      <c r="IC7" s="531" t="s">
        <v>62</v>
      </c>
      <c r="ID7" s="503"/>
      <c r="IE7" s="503"/>
      <c r="IF7" s="503"/>
      <c r="IG7" s="503"/>
      <c r="IH7" s="503"/>
      <c r="II7" s="532"/>
      <c r="IJ7" s="506" t="s">
        <v>52</v>
      </c>
      <c r="IK7" s="518" t="s">
        <v>61</v>
      </c>
      <c r="IL7" s="512"/>
      <c r="IM7" s="513"/>
      <c r="IN7" s="534" t="s">
        <v>62</v>
      </c>
      <c r="IO7" s="512"/>
      <c r="IP7" s="512"/>
      <c r="IQ7" s="512"/>
      <c r="IR7" s="512"/>
      <c r="IS7" s="512"/>
      <c r="IT7" s="535"/>
      <c r="IU7" s="435" t="s">
        <v>52</v>
      </c>
      <c r="IV7" s="518" t="s">
        <v>61</v>
      </c>
      <c r="IW7" s="512"/>
      <c r="IX7" s="535"/>
      <c r="IY7" s="534" t="s">
        <v>62</v>
      </c>
      <c r="IZ7" s="512"/>
      <c r="JA7" s="512"/>
      <c r="JB7" s="512"/>
      <c r="JC7" s="512"/>
      <c r="JD7" s="512"/>
      <c r="JE7" s="535"/>
      <c r="JF7" s="435" t="s">
        <v>52</v>
      </c>
      <c r="JG7" s="518" t="s">
        <v>61</v>
      </c>
      <c r="JH7" s="512"/>
      <c r="JI7" s="513"/>
      <c r="JJ7" s="534" t="s">
        <v>62</v>
      </c>
      <c r="JK7" s="512"/>
      <c r="JL7" s="512"/>
      <c r="JM7" s="512"/>
      <c r="JN7" s="512"/>
      <c r="JO7" s="512"/>
      <c r="JP7" s="535"/>
      <c r="JQ7" s="529" t="s">
        <v>52</v>
      </c>
      <c r="JR7" s="518" t="s">
        <v>61</v>
      </c>
      <c r="JS7" s="512"/>
      <c r="JT7" s="513"/>
      <c r="JU7" s="534" t="s">
        <v>62</v>
      </c>
      <c r="JV7" s="512"/>
      <c r="JW7" s="512"/>
      <c r="JX7" s="512"/>
      <c r="JY7" s="512"/>
      <c r="JZ7" s="512"/>
      <c r="KA7" s="535"/>
      <c r="KB7" s="529" t="s">
        <v>52</v>
      </c>
      <c r="KC7" s="518" t="s">
        <v>61</v>
      </c>
      <c r="KD7" s="512"/>
      <c r="KE7" s="513"/>
      <c r="KF7" s="534" t="s">
        <v>62</v>
      </c>
      <c r="KG7" s="512"/>
      <c r="KH7" s="512"/>
      <c r="KI7" s="512"/>
      <c r="KJ7" s="512"/>
      <c r="KK7" s="512"/>
      <c r="KL7" s="535"/>
      <c r="KM7" s="529" t="s">
        <v>52</v>
      </c>
      <c r="KN7" s="518" t="s">
        <v>61</v>
      </c>
      <c r="KO7" s="512"/>
      <c r="KP7" s="513"/>
      <c r="KQ7" s="534" t="s">
        <v>62</v>
      </c>
      <c r="KR7" s="512"/>
      <c r="KS7" s="512"/>
      <c r="KT7" s="512"/>
      <c r="KU7" s="512"/>
      <c r="KV7" s="512"/>
      <c r="KW7" s="535"/>
      <c r="KX7" s="529" t="s">
        <v>52</v>
      </c>
      <c r="KY7" s="518" t="s">
        <v>61</v>
      </c>
      <c r="KZ7" s="512"/>
      <c r="LA7" s="513"/>
      <c r="LB7" s="534" t="s">
        <v>62</v>
      </c>
      <c r="LC7" s="512"/>
      <c r="LD7" s="512"/>
      <c r="LE7" s="512"/>
      <c r="LF7" s="512"/>
      <c r="LG7" s="512"/>
      <c r="LH7" s="535"/>
      <c r="LI7" s="529" t="s">
        <v>52</v>
      </c>
      <c r="LJ7" s="518" t="s">
        <v>61</v>
      </c>
      <c r="LK7" s="512"/>
      <c r="LL7" s="513"/>
      <c r="LM7" s="534" t="s">
        <v>62</v>
      </c>
      <c r="LN7" s="512"/>
      <c r="LO7" s="512"/>
      <c r="LP7" s="512"/>
      <c r="LQ7" s="512"/>
      <c r="LR7" s="512"/>
      <c r="LS7" s="535"/>
      <c r="LT7" s="529" t="s">
        <v>52</v>
      </c>
      <c r="LU7" s="518" t="s">
        <v>61</v>
      </c>
      <c r="LV7" s="512"/>
      <c r="LW7" s="513"/>
      <c r="LX7" s="534" t="s">
        <v>62</v>
      </c>
      <c r="LY7" s="512"/>
      <c r="LZ7" s="512"/>
      <c r="MA7" s="512"/>
      <c r="MB7" s="512"/>
      <c r="MC7" s="512"/>
      <c r="MD7" s="535"/>
      <c r="ME7" s="529" t="s">
        <v>52</v>
      </c>
      <c r="MF7" s="502" t="s">
        <v>61</v>
      </c>
      <c r="MG7" s="503"/>
      <c r="MH7" s="504"/>
      <c r="MI7" s="531" t="s">
        <v>62</v>
      </c>
      <c r="MJ7" s="503"/>
      <c r="MK7" s="503"/>
      <c r="ML7" s="503"/>
      <c r="MM7" s="503"/>
      <c r="MN7" s="503"/>
      <c r="MO7" s="532"/>
      <c r="MP7" s="533" t="s">
        <v>52</v>
      </c>
      <c r="MQ7" s="518" t="s">
        <v>61</v>
      </c>
      <c r="MR7" s="512"/>
      <c r="MS7" s="513"/>
      <c r="MT7" s="534" t="s">
        <v>62</v>
      </c>
      <c r="MU7" s="512"/>
      <c r="MV7" s="512"/>
      <c r="MW7" s="512"/>
      <c r="MX7" s="512"/>
      <c r="MY7" s="512"/>
      <c r="MZ7" s="535"/>
      <c r="NA7" s="529" t="s">
        <v>52</v>
      </c>
      <c r="NB7" s="518" t="s">
        <v>61</v>
      </c>
      <c r="NC7" s="512"/>
      <c r="ND7" s="513"/>
      <c r="NE7" s="534" t="s">
        <v>62</v>
      </c>
      <c r="NF7" s="512"/>
      <c r="NG7" s="512"/>
      <c r="NH7" s="512"/>
      <c r="NI7" s="512"/>
      <c r="NJ7" s="512"/>
      <c r="NK7" s="535"/>
      <c r="NL7" s="529" t="s">
        <v>52</v>
      </c>
      <c r="NM7" s="518" t="s">
        <v>61</v>
      </c>
      <c r="NN7" s="512"/>
      <c r="NO7" s="513"/>
      <c r="NP7" s="534" t="s">
        <v>62</v>
      </c>
      <c r="NQ7" s="512"/>
      <c r="NR7" s="512"/>
      <c r="NS7" s="512"/>
      <c r="NT7" s="512"/>
      <c r="NU7" s="512"/>
      <c r="NV7" s="535"/>
      <c r="NW7" s="529" t="s">
        <v>52</v>
      </c>
      <c r="NX7" s="518" t="s">
        <v>61</v>
      </c>
      <c r="NY7" s="512"/>
      <c r="NZ7" s="513"/>
      <c r="OA7" s="534" t="s">
        <v>62</v>
      </c>
      <c r="OB7" s="512"/>
      <c r="OC7" s="512"/>
      <c r="OD7" s="512"/>
      <c r="OE7" s="512"/>
      <c r="OF7" s="512"/>
      <c r="OG7" s="535"/>
      <c r="OH7" s="529" t="s">
        <v>52</v>
      </c>
      <c r="OI7" s="502" t="s">
        <v>61</v>
      </c>
      <c r="OJ7" s="503"/>
      <c r="OK7" s="504"/>
      <c r="OL7" s="531" t="s">
        <v>62</v>
      </c>
      <c r="OM7" s="503"/>
      <c r="ON7" s="503"/>
      <c r="OO7" s="503"/>
      <c r="OP7" s="503"/>
      <c r="OQ7" s="503"/>
      <c r="OR7" s="532"/>
      <c r="OS7" s="533" t="s">
        <v>52</v>
      </c>
    </row>
    <row r="8" spans="1:409" ht="30" customHeight="1" thickBot="1" x14ac:dyDescent="0.25">
      <c r="B8" s="556"/>
      <c r="C8" s="235" t="s">
        <v>43</v>
      </c>
      <c r="D8" s="60" t="s">
        <v>44</v>
      </c>
      <c r="E8" s="236" t="s">
        <v>45</v>
      </c>
      <c r="F8" s="62" t="s">
        <v>83</v>
      </c>
      <c r="G8" s="60" t="s">
        <v>47</v>
      </c>
      <c r="H8" s="60" t="s">
        <v>48</v>
      </c>
      <c r="I8" s="60" t="s">
        <v>49</v>
      </c>
      <c r="J8" s="60" t="s">
        <v>50</v>
      </c>
      <c r="K8" s="60" t="s">
        <v>51</v>
      </c>
      <c r="L8" s="61" t="s">
        <v>45</v>
      </c>
      <c r="M8" s="569"/>
      <c r="N8" s="59" t="s">
        <v>43</v>
      </c>
      <c r="O8" s="60" t="s">
        <v>44</v>
      </c>
      <c r="P8" s="61" t="s">
        <v>45</v>
      </c>
      <c r="Q8" s="62" t="s">
        <v>83</v>
      </c>
      <c r="R8" s="60" t="s">
        <v>47</v>
      </c>
      <c r="S8" s="60" t="s">
        <v>48</v>
      </c>
      <c r="T8" s="60" t="s">
        <v>49</v>
      </c>
      <c r="U8" s="60" t="s">
        <v>50</v>
      </c>
      <c r="V8" s="60" t="s">
        <v>51</v>
      </c>
      <c r="W8" s="61" t="s">
        <v>45</v>
      </c>
      <c r="X8" s="550"/>
      <c r="Y8" s="59" t="s">
        <v>43</v>
      </c>
      <c r="Z8" s="60" t="s">
        <v>44</v>
      </c>
      <c r="AA8" s="61" t="s">
        <v>45</v>
      </c>
      <c r="AB8" s="62" t="s">
        <v>83</v>
      </c>
      <c r="AC8" s="60" t="s">
        <v>47</v>
      </c>
      <c r="AD8" s="60" t="s">
        <v>48</v>
      </c>
      <c r="AE8" s="60" t="s">
        <v>49</v>
      </c>
      <c r="AF8" s="60" t="s">
        <v>50</v>
      </c>
      <c r="AG8" s="60" t="s">
        <v>51</v>
      </c>
      <c r="AH8" s="61" t="s">
        <v>45</v>
      </c>
      <c r="AI8" s="551"/>
      <c r="AJ8" s="59" t="s">
        <v>43</v>
      </c>
      <c r="AK8" s="60" t="s">
        <v>44</v>
      </c>
      <c r="AL8" s="236" t="s">
        <v>45</v>
      </c>
      <c r="AM8" s="62" t="s">
        <v>83</v>
      </c>
      <c r="AN8" s="60" t="s">
        <v>47</v>
      </c>
      <c r="AO8" s="60" t="s">
        <v>48</v>
      </c>
      <c r="AP8" s="60" t="s">
        <v>49</v>
      </c>
      <c r="AQ8" s="60" t="s">
        <v>50</v>
      </c>
      <c r="AR8" s="60" t="s">
        <v>51</v>
      </c>
      <c r="AS8" s="61" t="s">
        <v>45</v>
      </c>
      <c r="AT8" s="551"/>
      <c r="AU8" s="59" t="s">
        <v>43</v>
      </c>
      <c r="AV8" s="60" t="s">
        <v>44</v>
      </c>
      <c r="AW8" s="236" t="s">
        <v>45</v>
      </c>
      <c r="AX8" s="62" t="s">
        <v>83</v>
      </c>
      <c r="AY8" s="60" t="s">
        <v>47</v>
      </c>
      <c r="AZ8" s="60" t="s">
        <v>48</v>
      </c>
      <c r="BA8" s="60" t="s">
        <v>49</v>
      </c>
      <c r="BB8" s="60" t="s">
        <v>50</v>
      </c>
      <c r="BC8" s="60" t="s">
        <v>51</v>
      </c>
      <c r="BD8" s="61" t="s">
        <v>45</v>
      </c>
      <c r="BE8" s="551"/>
      <c r="BF8" s="237" t="s">
        <v>43</v>
      </c>
      <c r="BG8" s="60" t="s">
        <v>44</v>
      </c>
      <c r="BH8" s="236" t="s">
        <v>45</v>
      </c>
      <c r="BI8" s="62" t="s">
        <v>83</v>
      </c>
      <c r="BJ8" s="60" t="s">
        <v>47</v>
      </c>
      <c r="BK8" s="60" t="s">
        <v>48</v>
      </c>
      <c r="BL8" s="60" t="s">
        <v>49</v>
      </c>
      <c r="BM8" s="60" t="s">
        <v>50</v>
      </c>
      <c r="BN8" s="60" t="s">
        <v>51</v>
      </c>
      <c r="BO8" s="61" t="s">
        <v>45</v>
      </c>
      <c r="BP8" s="551"/>
      <c r="BQ8" s="59" t="s">
        <v>43</v>
      </c>
      <c r="BR8" s="60" t="s">
        <v>44</v>
      </c>
      <c r="BS8" s="236" t="s">
        <v>45</v>
      </c>
      <c r="BT8" s="62" t="s">
        <v>83</v>
      </c>
      <c r="BU8" s="60" t="s">
        <v>47</v>
      </c>
      <c r="BV8" s="60" t="s">
        <v>48</v>
      </c>
      <c r="BW8" s="60" t="s">
        <v>49</v>
      </c>
      <c r="BX8" s="60" t="s">
        <v>50</v>
      </c>
      <c r="BY8" s="60" t="s">
        <v>51</v>
      </c>
      <c r="BZ8" s="61" t="s">
        <v>45</v>
      </c>
      <c r="CA8" s="551"/>
      <c r="CB8" s="59" t="s">
        <v>43</v>
      </c>
      <c r="CC8" s="60" t="s">
        <v>44</v>
      </c>
      <c r="CD8" s="236" t="s">
        <v>45</v>
      </c>
      <c r="CE8" s="62" t="s">
        <v>83</v>
      </c>
      <c r="CF8" s="60" t="s">
        <v>47</v>
      </c>
      <c r="CG8" s="60" t="s">
        <v>48</v>
      </c>
      <c r="CH8" s="60" t="s">
        <v>49</v>
      </c>
      <c r="CI8" s="60" t="s">
        <v>50</v>
      </c>
      <c r="CJ8" s="60" t="s">
        <v>51</v>
      </c>
      <c r="CK8" s="61" t="s">
        <v>45</v>
      </c>
      <c r="CL8" s="550"/>
      <c r="CM8" s="59" t="s">
        <v>43</v>
      </c>
      <c r="CN8" s="60" t="s">
        <v>44</v>
      </c>
      <c r="CO8" s="61" t="s">
        <v>45</v>
      </c>
      <c r="CP8" s="62" t="s">
        <v>83</v>
      </c>
      <c r="CQ8" s="60" t="s">
        <v>47</v>
      </c>
      <c r="CR8" s="60" t="s">
        <v>48</v>
      </c>
      <c r="CS8" s="60" t="s">
        <v>49</v>
      </c>
      <c r="CT8" s="60" t="s">
        <v>50</v>
      </c>
      <c r="CU8" s="60" t="s">
        <v>51</v>
      </c>
      <c r="CV8" s="61" t="s">
        <v>45</v>
      </c>
      <c r="CW8" s="550"/>
      <c r="CX8" s="59" t="s">
        <v>43</v>
      </c>
      <c r="CY8" s="60" t="s">
        <v>44</v>
      </c>
      <c r="CZ8" s="61" t="s">
        <v>45</v>
      </c>
      <c r="DA8" s="62" t="s">
        <v>83</v>
      </c>
      <c r="DB8" s="60" t="s">
        <v>47</v>
      </c>
      <c r="DC8" s="60" t="s">
        <v>48</v>
      </c>
      <c r="DD8" s="60" t="s">
        <v>49</v>
      </c>
      <c r="DE8" s="60" t="s">
        <v>50</v>
      </c>
      <c r="DF8" s="60" t="s">
        <v>51</v>
      </c>
      <c r="DG8" s="61" t="s">
        <v>45</v>
      </c>
      <c r="DH8" s="550"/>
      <c r="DI8" s="59" t="s">
        <v>43</v>
      </c>
      <c r="DJ8" s="60" t="s">
        <v>44</v>
      </c>
      <c r="DK8" s="61" t="s">
        <v>45</v>
      </c>
      <c r="DL8" s="62" t="s">
        <v>83</v>
      </c>
      <c r="DM8" s="60" t="s">
        <v>47</v>
      </c>
      <c r="DN8" s="60" t="s">
        <v>48</v>
      </c>
      <c r="DO8" s="60" t="s">
        <v>49</v>
      </c>
      <c r="DP8" s="60" t="s">
        <v>50</v>
      </c>
      <c r="DQ8" s="60" t="s">
        <v>51</v>
      </c>
      <c r="DR8" s="61" t="s">
        <v>45</v>
      </c>
      <c r="DS8" s="550"/>
      <c r="DT8" s="59" t="s">
        <v>43</v>
      </c>
      <c r="DU8" s="60" t="s">
        <v>44</v>
      </c>
      <c r="DV8" s="236" t="s">
        <v>45</v>
      </c>
      <c r="DW8" s="62" t="s">
        <v>83</v>
      </c>
      <c r="DX8" s="60" t="s">
        <v>47</v>
      </c>
      <c r="DY8" s="60" t="s">
        <v>48</v>
      </c>
      <c r="DZ8" s="60" t="s">
        <v>49</v>
      </c>
      <c r="EA8" s="60" t="s">
        <v>50</v>
      </c>
      <c r="EB8" s="60" t="s">
        <v>51</v>
      </c>
      <c r="EC8" s="61" t="s">
        <v>45</v>
      </c>
      <c r="ED8" s="551"/>
      <c r="EE8" s="59" t="s">
        <v>43</v>
      </c>
      <c r="EF8" s="60" t="s">
        <v>44</v>
      </c>
      <c r="EG8" s="236" t="s">
        <v>45</v>
      </c>
      <c r="EH8" s="62" t="s">
        <v>83</v>
      </c>
      <c r="EI8" s="60" t="s">
        <v>47</v>
      </c>
      <c r="EJ8" s="60" t="s">
        <v>48</v>
      </c>
      <c r="EK8" s="60" t="s">
        <v>49</v>
      </c>
      <c r="EL8" s="60" t="s">
        <v>50</v>
      </c>
      <c r="EM8" s="60" t="s">
        <v>51</v>
      </c>
      <c r="EN8" s="61" t="s">
        <v>45</v>
      </c>
      <c r="EO8" s="551"/>
      <c r="EP8" s="59" t="s">
        <v>43</v>
      </c>
      <c r="EQ8" s="60" t="s">
        <v>44</v>
      </c>
      <c r="ER8" s="236" t="s">
        <v>45</v>
      </c>
      <c r="ES8" s="62" t="s">
        <v>83</v>
      </c>
      <c r="ET8" s="60" t="s">
        <v>47</v>
      </c>
      <c r="EU8" s="60" t="s">
        <v>48</v>
      </c>
      <c r="EV8" s="60" t="s">
        <v>49</v>
      </c>
      <c r="EW8" s="60" t="s">
        <v>50</v>
      </c>
      <c r="EX8" s="60" t="s">
        <v>51</v>
      </c>
      <c r="EY8" s="61" t="s">
        <v>45</v>
      </c>
      <c r="EZ8" s="551"/>
      <c r="FA8" s="59" t="s">
        <v>43</v>
      </c>
      <c r="FB8" s="60" t="s">
        <v>44</v>
      </c>
      <c r="FC8" s="236" t="s">
        <v>45</v>
      </c>
      <c r="FD8" s="62" t="s">
        <v>83</v>
      </c>
      <c r="FE8" s="60" t="s">
        <v>47</v>
      </c>
      <c r="FF8" s="60" t="s">
        <v>48</v>
      </c>
      <c r="FG8" s="60" t="s">
        <v>49</v>
      </c>
      <c r="FH8" s="60" t="s">
        <v>50</v>
      </c>
      <c r="FI8" s="60" t="s">
        <v>51</v>
      </c>
      <c r="FJ8" s="61" t="s">
        <v>45</v>
      </c>
      <c r="FK8" s="551"/>
      <c r="FL8" s="59" t="s">
        <v>43</v>
      </c>
      <c r="FM8" s="60" t="s">
        <v>44</v>
      </c>
      <c r="FN8" s="236" t="s">
        <v>45</v>
      </c>
      <c r="FO8" s="62" t="s">
        <v>83</v>
      </c>
      <c r="FP8" s="60" t="s">
        <v>47</v>
      </c>
      <c r="FQ8" s="60" t="s">
        <v>48</v>
      </c>
      <c r="FR8" s="60" t="s">
        <v>49</v>
      </c>
      <c r="FS8" s="60" t="s">
        <v>50</v>
      </c>
      <c r="FT8" s="60" t="s">
        <v>51</v>
      </c>
      <c r="FU8" s="61" t="s">
        <v>45</v>
      </c>
      <c r="FV8" s="549"/>
      <c r="FW8" s="59" t="s">
        <v>43</v>
      </c>
      <c r="FX8" s="60" t="s">
        <v>44</v>
      </c>
      <c r="FY8" s="236" t="s">
        <v>45</v>
      </c>
      <c r="FZ8" s="62" t="s">
        <v>83</v>
      </c>
      <c r="GA8" s="60" t="s">
        <v>47</v>
      </c>
      <c r="GB8" s="60" t="s">
        <v>48</v>
      </c>
      <c r="GC8" s="60" t="s">
        <v>49</v>
      </c>
      <c r="GD8" s="60" t="s">
        <v>50</v>
      </c>
      <c r="GE8" s="60" t="s">
        <v>51</v>
      </c>
      <c r="GF8" s="61" t="s">
        <v>45</v>
      </c>
      <c r="GG8" s="551"/>
      <c r="GH8" s="59" t="s">
        <v>43</v>
      </c>
      <c r="GI8" s="60" t="s">
        <v>44</v>
      </c>
      <c r="GJ8" s="236" t="s">
        <v>45</v>
      </c>
      <c r="GK8" s="62" t="s">
        <v>83</v>
      </c>
      <c r="GL8" s="60" t="s">
        <v>47</v>
      </c>
      <c r="GM8" s="60" t="s">
        <v>48</v>
      </c>
      <c r="GN8" s="60" t="s">
        <v>49</v>
      </c>
      <c r="GO8" s="60" t="s">
        <v>50</v>
      </c>
      <c r="GP8" s="60" t="s">
        <v>51</v>
      </c>
      <c r="GQ8" s="61" t="s">
        <v>45</v>
      </c>
      <c r="GR8" s="553"/>
      <c r="GS8" s="59" t="s">
        <v>43</v>
      </c>
      <c r="GT8" s="60" t="s">
        <v>44</v>
      </c>
      <c r="GU8" s="236" t="s">
        <v>45</v>
      </c>
      <c r="GV8" s="62" t="s">
        <v>83</v>
      </c>
      <c r="GW8" s="60" t="s">
        <v>47</v>
      </c>
      <c r="GX8" s="60" t="s">
        <v>48</v>
      </c>
      <c r="GY8" s="60" t="s">
        <v>49</v>
      </c>
      <c r="GZ8" s="60" t="s">
        <v>50</v>
      </c>
      <c r="HA8" s="60" t="s">
        <v>51</v>
      </c>
      <c r="HB8" s="61" t="s">
        <v>45</v>
      </c>
      <c r="HC8" s="553"/>
      <c r="HD8" s="59" t="s">
        <v>43</v>
      </c>
      <c r="HE8" s="60" t="s">
        <v>44</v>
      </c>
      <c r="HF8" s="236" t="s">
        <v>45</v>
      </c>
      <c r="HG8" s="62" t="s">
        <v>83</v>
      </c>
      <c r="HH8" s="60" t="s">
        <v>47</v>
      </c>
      <c r="HI8" s="60" t="s">
        <v>48</v>
      </c>
      <c r="HJ8" s="60" t="s">
        <v>49</v>
      </c>
      <c r="HK8" s="60" t="s">
        <v>50</v>
      </c>
      <c r="HL8" s="60" t="s">
        <v>51</v>
      </c>
      <c r="HM8" s="61" t="s">
        <v>45</v>
      </c>
      <c r="HN8" s="551"/>
      <c r="HO8" s="59" t="s">
        <v>43</v>
      </c>
      <c r="HP8" s="60" t="s">
        <v>44</v>
      </c>
      <c r="HQ8" s="236" t="s">
        <v>45</v>
      </c>
      <c r="HR8" s="62" t="s">
        <v>83</v>
      </c>
      <c r="HS8" s="60" t="s">
        <v>47</v>
      </c>
      <c r="HT8" s="60" t="s">
        <v>48</v>
      </c>
      <c r="HU8" s="60" t="s">
        <v>49</v>
      </c>
      <c r="HV8" s="60" t="s">
        <v>50</v>
      </c>
      <c r="HW8" s="60" t="s">
        <v>51</v>
      </c>
      <c r="HX8" s="61" t="s">
        <v>45</v>
      </c>
      <c r="HY8" s="551"/>
      <c r="HZ8" s="59" t="s">
        <v>43</v>
      </c>
      <c r="IA8" s="60" t="s">
        <v>44</v>
      </c>
      <c r="IB8" s="236" t="s">
        <v>45</v>
      </c>
      <c r="IC8" s="62" t="s">
        <v>83</v>
      </c>
      <c r="ID8" s="60" t="s">
        <v>47</v>
      </c>
      <c r="IE8" s="60" t="s">
        <v>48</v>
      </c>
      <c r="IF8" s="60" t="s">
        <v>49</v>
      </c>
      <c r="IG8" s="60" t="s">
        <v>50</v>
      </c>
      <c r="IH8" s="60" t="s">
        <v>51</v>
      </c>
      <c r="II8" s="61" t="s">
        <v>45</v>
      </c>
      <c r="IJ8" s="549"/>
      <c r="IK8" s="59" t="s">
        <v>43</v>
      </c>
      <c r="IL8" s="60" t="s">
        <v>44</v>
      </c>
      <c r="IM8" s="236" t="s">
        <v>45</v>
      </c>
      <c r="IN8" s="62" t="s">
        <v>83</v>
      </c>
      <c r="IO8" s="238" t="s">
        <v>47</v>
      </c>
      <c r="IP8" s="238" t="s">
        <v>48</v>
      </c>
      <c r="IQ8" s="238" t="s">
        <v>49</v>
      </c>
      <c r="IR8" s="238" t="s">
        <v>50</v>
      </c>
      <c r="IS8" s="238" t="s">
        <v>51</v>
      </c>
      <c r="IT8" s="239" t="s">
        <v>45</v>
      </c>
      <c r="IU8" s="548"/>
      <c r="IV8" s="237" t="s">
        <v>43</v>
      </c>
      <c r="IW8" s="238" t="s">
        <v>44</v>
      </c>
      <c r="IX8" s="239" t="s">
        <v>45</v>
      </c>
      <c r="IY8" s="217" t="s">
        <v>83</v>
      </c>
      <c r="IZ8" s="238" t="s">
        <v>47</v>
      </c>
      <c r="JA8" s="238" t="s">
        <v>48</v>
      </c>
      <c r="JB8" s="238" t="s">
        <v>49</v>
      </c>
      <c r="JC8" s="238" t="s">
        <v>50</v>
      </c>
      <c r="JD8" s="238" t="s">
        <v>51</v>
      </c>
      <c r="JE8" s="239" t="s">
        <v>45</v>
      </c>
      <c r="JF8" s="548"/>
      <c r="JG8" s="237" t="s">
        <v>43</v>
      </c>
      <c r="JH8" s="238" t="s">
        <v>44</v>
      </c>
      <c r="JI8" s="240" t="s">
        <v>45</v>
      </c>
      <c r="JJ8" s="217" t="s">
        <v>83</v>
      </c>
      <c r="JK8" s="238" t="s">
        <v>47</v>
      </c>
      <c r="JL8" s="238" t="s">
        <v>48</v>
      </c>
      <c r="JM8" s="238" t="s">
        <v>49</v>
      </c>
      <c r="JN8" s="238" t="s">
        <v>50</v>
      </c>
      <c r="JO8" s="238" t="s">
        <v>51</v>
      </c>
      <c r="JP8" s="239" t="s">
        <v>45</v>
      </c>
      <c r="JQ8" s="530"/>
      <c r="JR8" s="237" t="s">
        <v>43</v>
      </c>
      <c r="JS8" s="238" t="s">
        <v>44</v>
      </c>
      <c r="JT8" s="240" t="s">
        <v>45</v>
      </c>
      <c r="JU8" s="217" t="s">
        <v>83</v>
      </c>
      <c r="JV8" s="238" t="s">
        <v>47</v>
      </c>
      <c r="JW8" s="238" t="s">
        <v>48</v>
      </c>
      <c r="JX8" s="238" t="s">
        <v>49</v>
      </c>
      <c r="JY8" s="238" t="s">
        <v>50</v>
      </c>
      <c r="JZ8" s="238" t="s">
        <v>51</v>
      </c>
      <c r="KA8" s="239" t="s">
        <v>45</v>
      </c>
      <c r="KB8" s="530"/>
      <c r="KC8" s="237" t="s">
        <v>43</v>
      </c>
      <c r="KD8" s="238" t="s">
        <v>44</v>
      </c>
      <c r="KE8" s="240" t="s">
        <v>45</v>
      </c>
      <c r="KF8" s="217" t="s">
        <v>83</v>
      </c>
      <c r="KG8" s="238" t="s">
        <v>47</v>
      </c>
      <c r="KH8" s="238" t="s">
        <v>48</v>
      </c>
      <c r="KI8" s="238" t="s">
        <v>49</v>
      </c>
      <c r="KJ8" s="238" t="s">
        <v>50</v>
      </c>
      <c r="KK8" s="238" t="s">
        <v>51</v>
      </c>
      <c r="KL8" s="239" t="s">
        <v>45</v>
      </c>
      <c r="KM8" s="530"/>
      <c r="KN8" s="237" t="s">
        <v>43</v>
      </c>
      <c r="KO8" s="238" t="s">
        <v>44</v>
      </c>
      <c r="KP8" s="240" t="s">
        <v>45</v>
      </c>
      <c r="KQ8" s="62" t="s">
        <v>83</v>
      </c>
      <c r="KR8" s="238" t="s">
        <v>47</v>
      </c>
      <c r="KS8" s="238" t="s">
        <v>48</v>
      </c>
      <c r="KT8" s="238" t="s">
        <v>49</v>
      </c>
      <c r="KU8" s="238" t="s">
        <v>50</v>
      </c>
      <c r="KV8" s="238" t="s">
        <v>51</v>
      </c>
      <c r="KW8" s="239" t="s">
        <v>45</v>
      </c>
      <c r="KX8" s="530"/>
      <c r="KY8" s="237" t="s">
        <v>43</v>
      </c>
      <c r="KZ8" s="238" t="s">
        <v>44</v>
      </c>
      <c r="LA8" s="240" t="s">
        <v>45</v>
      </c>
      <c r="LB8" s="62" t="s">
        <v>83</v>
      </c>
      <c r="LC8" s="238" t="s">
        <v>47</v>
      </c>
      <c r="LD8" s="238" t="s">
        <v>48</v>
      </c>
      <c r="LE8" s="238" t="s">
        <v>49</v>
      </c>
      <c r="LF8" s="238" t="s">
        <v>50</v>
      </c>
      <c r="LG8" s="238" t="s">
        <v>51</v>
      </c>
      <c r="LH8" s="239" t="s">
        <v>45</v>
      </c>
      <c r="LI8" s="530"/>
      <c r="LJ8" s="237" t="s">
        <v>43</v>
      </c>
      <c r="LK8" s="238" t="s">
        <v>44</v>
      </c>
      <c r="LL8" s="240" t="s">
        <v>45</v>
      </c>
      <c r="LM8" s="62" t="s">
        <v>83</v>
      </c>
      <c r="LN8" s="238" t="s">
        <v>47</v>
      </c>
      <c r="LO8" s="238" t="s">
        <v>48</v>
      </c>
      <c r="LP8" s="238" t="s">
        <v>49</v>
      </c>
      <c r="LQ8" s="238" t="s">
        <v>50</v>
      </c>
      <c r="LR8" s="238" t="s">
        <v>51</v>
      </c>
      <c r="LS8" s="239" t="s">
        <v>45</v>
      </c>
      <c r="LT8" s="530"/>
      <c r="LU8" s="237" t="s">
        <v>43</v>
      </c>
      <c r="LV8" s="238" t="s">
        <v>44</v>
      </c>
      <c r="LW8" s="240" t="s">
        <v>45</v>
      </c>
      <c r="LX8" s="62" t="s">
        <v>83</v>
      </c>
      <c r="LY8" s="238" t="s">
        <v>47</v>
      </c>
      <c r="LZ8" s="238" t="s">
        <v>48</v>
      </c>
      <c r="MA8" s="238" t="s">
        <v>49</v>
      </c>
      <c r="MB8" s="238" t="s">
        <v>50</v>
      </c>
      <c r="MC8" s="238" t="s">
        <v>51</v>
      </c>
      <c r="MD8" s="239" t="s">
        <v>45</v>
      </c>
      <c r="ME8" s="530"/>
      <c r="MF8" s="237" t="s">
        <v>43</v>
      </c>
      <c r="MG8" s="238" t="s">
        <v>44</v>
      </c>
      <c r="MH8" s="240" t="s">
        <v>45</v>
      </c>
      <c r="MI8" s="62" t="s">
        <v>83</v>
      </c>
      <c r="MJ8" s="238" t="s">
        <v>47</v>
      </c>
      <c r="MK8" s="238" t="s">
        <v>48</v>
      </c>
      <c r="ML8" s="238" t="s">
        <v>49</v>
      </c>
      <c r="MM8" s="238" t="s">
        <v>50</v>
      </c>
      <c r="MN8" s="238" t="s">
        <v>51</v>
      </c>
      <c r="MO8" s="239" t="s">
        <v>45</v>
      </c>
      <c r="MP8" s="530"/>
      <c r="MQ8" s="237" t="s">
        <v>43</v>
      </c>
      <c r="MR8" s="238" t="s">
        <v>44</v>
      </c>
      <c r="MS8" s="240" t="s">
        <v>45</v>
      </c>
      <c r="MT8" s="62" t="s">
        <v>83</v>
      </c>
      <c r="MU8" s="238" t="s">
        <v>47</v>
      </c>
      <c r="MV8" s="238" t="s">
        <v>48</v>
      </c>
      <c r="MW8" s="238" t="s">
        <v>49</v>
      </c>
      <c r="MX8" s="238" t="s">
        <v>50</v>
      </c>
      <c r="MY8" s="238" t="s">
        <v>51</v>
      </c>
      <c r="MZ8" s="239" t="s">
        <v>45</v>
      </c>
      <c r="NA8" s="530"/>
      <c r="NB8" s="237" t="s">
        <v>43</v>
      </c>
      <c r="NC8" s="238" t="s">
        <v>44</v>
      </c>
      <c r="ND8" s="240" t="s">
        <v>45</v>
      </c>
      <c r="NE8" s="62" t="s">
        <v>83</v>
      </c>
      <c r="NF8" s="238" t="s">
        <v>47</v>
      </c>
      <c r="NG8" s="238" t="s">
        <v>48</v>
      </c>
      <c r="NH8" s="238" t="s">
        <v>49</v>
      </c>
      <c r="NI8" s="238" t="s">
        <v>50</v>
      </c>
      <c r="NJ8" s="238" t="s">
        <v>51</v>
      </c>
      <c r="NK8" s="239" t="s">
        <v>45</v>
      </c>
      <c r="NL8" s="530"/>
      <c r="NM8" s="237" t="s">
        <v>43</v>
      </c>
      <c r="NN8" s="238" t="s">
        <v>44</v>
      </c>
      <c r="NO8" s="240" t="s">
        <v>45</v>
      </c>
      <c r="NP8" s="62" t="s">
        <v>83</v>
      </c>
      <c r="NQ8" s="238" t="s">
        <v>47</v>
      </c>
      <c r="NR8" s="238" t="s">
        <v>48</v>
      </c>
      <c r="NS8" s="238" t="s">
        <v>49</v>
      </c>
      <c r="NT8" s="238" t="s">
        <v>50</v>
      </c>
      <c r="NU8" s="238" t="s">
        <v>51</v>
      </c>
      <c r="NV8" s="239" t="s">
        <v>45</v>
      </c>
      <c r="NW8" s="530"/>
      <c r="NX8" s="237" t="s">
        <v>43</v>
      </c>
      <c r="NY8" s="238" t="s">
        <v>44</v>
      </c>
      <c r="NZ8" s="240" t="s">
        <v>45</v>
      </c>
      <c r="OA8" s="62" t="s">
        <v>83</v>
      </c>
      <c r="OB8" s="238" t="s">
        <v>47</v>
      </c>
      <c r="OC8" s="238" t="s">
        <v>48</v>
      </c>
      <c r="OD8" s="238" t="s">
        <v>49</v>
      </c>
      <c r="OE8" s="238" t="s">
        <v>50</v>
      </c>
      <c r="OF8" s="238" t="s">
        <v>51</v>
      </c>
      <c r="OG8" s="239" t="s">
        <v>45</v>
      </c>
      <c r="OH8" s="530"/>
      <c r="OI8" s="237" t="s">
        <v>43</v>
      </c>
      <c r="OJ8" s="238" t="s">
        <v>44</v>
      </c>
      <c r="OK8" s="240" t="s">
        <v>45</v>
      </c>
      <c r="OL8" s="217" t="s">
        <v>83</v>
      </c>
      <c r="OM8" s="238" t="s">
        <v>47</v>
      </c>
      <c r="ON8" s="238" t="s">
        <v>48</v>
      </c>
      <c r="OO8" s="238" t="s">
        <v>49</v>
      </c>
      <c r="OP8" s="238" t="s">
        <v>50</v>
      </c>
      <c r="OQ8" s="238" t="s">
        <v>51</v>
      </c>
      <c r="OR8" s="239" t="s">
        <v>45</v>
      </c>
      <c r="OS8" s="530"/>
    </row>
    <row r="9" spans="1:409" s="393" customFormat="1" ht="21" customHeight="1" x14ac:dyDescent="0.2">
      <c r="A9" s="56"/>
      <c r="B9" s="394" t="s">
        <v>4</v>
      </c>
      <c r="C9" s="241">
        <v>28034003</v>
      </c>
      <c r="D9" s="242">
        <v>50512008</v>
      </c>
      <c r="E9" s="243">
        <v>78546011</v>
      </c>
      <c r="F9" s="244">
        <v>0</v>
      </c>
      <c r="G9" s="242">
        <v>316315473</v>
      </c>
      <c r="H9" s="242">
        <v>442809990</v>
      </c>
      <c r="I9" s="242">
        <v>349911306</v>
      </c>
      <c r="J9" s="242">
        <v>329471669</v>
      </c>
      <c r="K9" s="242">
        <v>209224066</v>
      </c>
      <c r="L9" s="245">
        <v>1647732504</v>
      </c>
      <c r="M9" s="246">
        <v>1726278515</v>
      </c>
      <c r="N9" s="241">
        <v>8385050</v>
      </c>
      <c r="O9" s="242">
        <v>18349772</v>
      </c>
      <c r="P9" s="247">
        <v>26734822</v>
      </c>
      <c r="Q9" s="241">
        <v>0</v>
      </c>
      <c r="R9" s="242">
        <v>98240174</v>
      </c>
      <c r="S9" s="242">
        <v>150211313</v>
      </c>
      <c r="T9" s="242">
        <v>120220328</v>
      </c>
      <c r="U9" s="242">
        <v>125344989</v>
      </c>
      <c r="V9" s="242">
        <v>106381565</v>
      </c>
      <c r="W9" s="247">
        <v>600398369</v>
      </c>
      <c r="X9" s="246">
        <v>627133191</v>
      </c>
      <c r="Y9" s="241">
        <v>0</v>
      </c>
      <c r="Z9" s="242">
        <v>0</v>
      </c>
      <c r="AA9" s="247">
        <v>0</v>
      </c>
      <c r="AB9" s="248">
        <v>0</v>
      </c>
      <c r="AC9" s="249">
        <v>39550052</v>
      </c>
      <c r="AD9" s="249">
        <v>57419499</v>
      </c>
      <c r="AE9" s="249">
        <v>57239596</v>
      </c>
      <c r="AF9" s="249">
        <v>67492428</v>
      </c>
      <c r="AG9" s="249">
        <v>59438617</v>
      </c>
      <c r="AH9" s="247">
        <v>281140192</v>
      </c>
      <c r="AI9" s="246">
        <v>281140192</v>
      </c>
      <c r="AJ9" s="250">
        <v>0</v>
      </c>
      <c r="AK9" s="249">
        <v>74975</v>
      </c>
      <c r="AL9" s="247">
        <v>74975</v>
      </c>
      <c r="AM9" s="248">
        <v>0</v>
      </c>
      <c r="AN9" s="249">
        <v>252779</v>
      </c>
      <c r="AO9" s="245">
        <v>1624679</v>
      </c>
      <c r="AP9" s="249">
        <v>3045934</v>
      </c>
      <c r="AQ9" s="249">
        <v>6769635</v>
      </c>
      <c r="AR9" s="249">
        <v>11388897</v>
      </c>
      <c r="AS9" s="247">
        <v>23081924</v>
      </c>
      <c r="AT9" s="246">
        <v>23156899</v>
      </c>
      <c r="AU9" s="250">
        <v>4266416</v>
      </c>
      <c r="AV9" s="249">
        <v>12793573</v>
      </c>
      <c r="AW9" s="247">
        <v>17059989</v>
      </c>
      <c r="AX9" s="248">
        <v>0</v>
      </c>
      <c r="AY9" s="249">
        <v>35167473</v>
      </c>
      <c r="AZ9" s="249">
        <v>63626800</v>
      </c>
      <c r="BA9" s="249">
        <v>36805502</v>
      </c>
      <c r="BB9" s="249">
        <v>29313112</v>
      </c>
      <c r="BC9" s="249">
        <v>21945821</v>
      </c>
      <c r="BD9" s="247">
        <v>186858708</v>
      </c>
      <c r="BE9" s="251">
        <v>203918697</v>
      </c>
      <c r="BF9" s="250">
        <v>536482</v>
      </c>
      <c r="BG9" s="245">
        <v>1360984</v>
      </c>
      <c r="BH9" s="252">
        <v>1897466</v>
      </c>
      <c r="BI9" s="248">
        <v>0</v>
      </c>
      <c r="BJ9" s="249">
        <v>3160686</v>
      </c>
      <c r="BK9" s="249">
        <v>4073462</v>
      </c>
      <c r="BL9" s="249">
        <v>3024864</v>
      </c>
      <c r="BM9" s="249">
        <v>1822878</v>
      </c>
      <c r="BN9" s="249">
        <v>1422318</v>
      </c>
      <c r="BO9" s="247">
        <v>13504208</v>
      </c>
      <c r="BP9" s="246">
        <v>15401674</v>
      </c>
      <c r="BQ9" s="250">
        <v>3582152</v>
      </c>
      <c r="BR9" s="249">
        <v>4120240</v>
      </c>
      <c r="BS9" s="247">
        <v>7702392</v>
      </c>
      <c r="BT9" s="248">
        <v>0</v>
      </c>
      <c r="BU9" s="249">
        <v>20109184</v>
      </c>
      <c r="BV9" s="249">
        <v>23466873</v>
      </c>
      <c r="BW9" s="249">
        <v>20104432</v>
      </c>
      <c r="BX9" s="249">
        <v>19946936</v>
      </c>
      <c r="BY9" s="249">
        <v>12185912</v>
      </c>
      <c r="BZ9" s="247">
        <v>95813337</v>
      </c>
      <c r="CA9" s="246">
        <v>103515729</v>
      </c>
      <c r="CB9" s="250">
        <v>3128428</v>
      </c>
      <c r="CC9" s="249">
        <v>8077491</v>
      </c>
      <c r="CD9" s="247">
        <v>11205919</v>
      </c>
      <c r="CE9" s="248">
        <v>0</v>
      </c>
      <c r="CF9" s="249">
        <v>96637433</v>
      </c>
      <c r="CG9" s="249">
        <v>120849948</v>
      </c>
      <c r="CH9" s="253">
        <v>81999903</v>
      </c>
      <c r="CI9" s="249">
        <v>45722134</v>
      </c>
      <c r="CJ9" s="249">
        <v>20439778</v>
      </c>
      <c r="CK9" s="247">
        <v>365649196</v>
      </c>
      <c r="CL9" s="246">
        <v>376855115</v>
      </c>
      <c r="CM9" s="241">
        <v>0</v>
      </c>
      <c r="CN9" s="242">
        <v>0</v>
      </c>
      <c r="CO9" s="247">
        <v>0</v>
      </c>
      <c r="CP9" s="248">
        <v>0</v>
      </c>
      <c r="CQ9" s="249">
        <v>78524496</v>
      </c>
      <c r="CR9" s="249">
        <v>89042695</v>
      </c>
      <c r="CS9" s="249">
        <v>60482066</v>
      </c>
      <c r="CT9" s="249">
        <v>32607816</v>
      </c>
      <c r="CU9" s="249">
        <v>16032525</v>
      </c>
      <c r="CV9" s="254">
        <v>276689598</v>
      </c>
      <c r="CW9" s="246">
        <v>276689598</v>
      </c>
      <c r="CX9" s="250">
        <v>3128428</v>
      </c>
      <c r="CY9" s="249">
        <v>8077491</v>
      </c>
      <c r="CZ9" s="247">
        <v>11205919</v>
      </c>
      <c r="DA9" s="248">
        <v>0</v>
      </c>
      <c r="DB9" s="249">
        <v>18112937</v>
      </c>
      <c r="DC9" s="249">
        <v>31807253</v>
      </c>
      <c r="DD9" s="249">
        <v>21517837</v>
      </c>
      <c r="DE9" s="249">
        <v>13114318</v>
      </c>
      <c r="DF9" s="249">
        <v>4407253</v>
      </c>
      <c r="DG9" s="247">
        <v>88959598</v>
      </c>
      <c r="DH9" s="246">
        <v>100165517</v>
      </c>
      <c r="DI9" s="250">
        <v>136258</v>
      </c>
      <c r="DJ9" s="249">
        <v>726405</v>
      </c>
      <c r="DK9" s="252">
        <v>862663</v>
      </c>
      <c r="DL9" s="248">
        <v>0</v>
      </c>
      <c r="DM9" s="249">
        <v>9618303</v>
      </c>
      <c r="DN9" s="249">
        <v>24048533</v>
      </c>
      <c r="DO9" s="249">
        <v>30401489</v>
      </c>
      <c r="DP9" s="249">
        <v>26338554</v>
      </c>
      <c r="DQ9" s="249">
        <v>13425884</v>
      </c>
      <c r="DR9" s="255">
        <v>103832763</v>
      </c>
      <c r="DS9" s="246">
        <v>104695426</v>
      </c>
      <c r="DT9" s="250">
        <v>136258</v>
      </c>
      <c r="DU9" s="249">
        <v>682265</v>
      </c>
      <c r="DV9" s="247">
        <v>818523</v>
      </c>
      <c r="DW9" s="248">
        <v>0</v>
      </c>
      <c r="DX9" s="249">
        <v>8349105</v>
      </c>
      <c r="DY9" s="249">
        <v>19771706</v>
      </c>
      <c r="DZ9" s="249">
        <v>26558457</v>
      </c>
      <c r="EA9" s="249">
        <v>23212251</v>
      </c>
      <c r="EB9" s="249">
        <v>11199669</v>
      </c>
      <c r="EC9" s="247">
        <v>89091188</v>
      </c>
      <c r="ED9" s="246">
        <v>89909711</v>
      </c>
      <c r="EE9" s="250">
        <v>0</v>
      </c>
      <c r="EF9" s="245">
        <v>44140</v>
      </c>
      <c r="EG9" s="247">
        <v>44140</v>
      </c>
      <c r="EH9" s="251">
        <v>0</v>
      </c>
      <c r="EI9" s="249">
        <v>1269198</v>
      </c>
      <c r="EJ9" s="249">
        <v>4276827</v>
      </c>
      <c r="EK9" s="249">
        <v>3843032</v>
      </c>
      <c r="EL9" s="249">
        <v>3126303</v>
      </c>
      <c r="EM9" s="253">
        <v>2226215</v>
      </c>
      <c r="EN9" s="245">
        <v>14741575</v>
      </c>
      <c r="EO9" s="246">
        <v>14785715</v>
      </c>
      <c r="EP9" s="250">
        <v>0</v>
      </c>
      <c r="EQ9" s="249">
        <v>0</v>
      </c>
      <c r="ER9" s="245">
        <v>0</v>
      </c>
      <c r="ES9" s="248">
        <v>0</v>
      </c>
      <c r="ET9" s="249">
        <v>0</v>
      </c>
      <c r="EU9" s="249">
        <v>0</v>
      </c>
      <c r="EV9" s="249">
        <v>0</v>
      </c>
      <c r="EW9" s="249">
        <v>0</v>
      </c>
      <c r="EX9" s="249">
        <v>0</v>
      </c>
      <c r="EY9" s="254">
        <v>0</v>
      </c>
      <c r="EZ9" s="246">
        <v>0</v>
      </c>
      <c r="FA9" s="250">
        <v>0</v>
      </c>
      <c r="FB9" s="249">
        <v>0</v>
      </c>
      <c r="FC9" s="245">
        <v>0</v>
      </c>
      <c r="FD9" s="248">
        <v>0</v>
      </c>
      <c r="FE9" s="249">
        <v>0</v>
      </c>
      <c r="FF9" s="249">
        <v>0</v>
      </c>
      <c r="FG9" s="249">
        <v>0</v>
      </c>
      <c r="FH9" s="249">
        <v>0</v>
      </c>
      <c r="FI9" s="249">
        <v>0</v>
      </c>
      <c r="FJ9" s="254">
        <v>0</v>
      </c>
      <c r="FK9" s="246">
        <v>0</v>
      </c>
      <c r="FL9" s="250">
        <v>6756840</v>
      </c>
      <c r="FM9" s="249">
        <v>11203946</v>
      </c>
      <c r="FN9" s="247">
        <v>17960786</v>
      </c>
      <c r="FO9" s="248">
        <v>0</v>
      </c>
      <c r="FP9" s="249">
        <v>17686081</v>
      </c>
      <c r="FQ9" s="249">
        <v>42364056</v>
      </c>
      <c r="FR9" s="249">
        <v>29443676</v>
      </c>
      <c r="FS9" s="249">
        <v>22412751</v>
      </c>
      <c r="FT9" s="249">
        <v>15153454</v>
      </c>
      <c r="FU9" s="247">
        <v>127060018</v>
      </c>
      <c r="FV9" s="246">
        <v>145020804</v>
      </c>
      <c r="FW9" s="250">
        <v>2926608</v>
      </c>
      <c r="FX9" s="249">
        <v>7613220</v>
      </c>
      <c r="FY9" s="245">
        <v>10539828</v>
      </c>
      <c r="FZ9" s="251">
        <v>0</v>
      </c>
      <c r="GA9" s="249">
        <v>11840638</v>
      </c>
      <c r="GB9" s="256">
        <v>37949978</v>
      </c>
      <c r="GC9" s="249">
        <v>26003684</v>
      </c>
      <c r="GD9" s="256">
        <v>20353958</v>
      </c>
      <c r="GE9" s="249">
        <v>14598446</v>
      </c>
      <c r="GF9" s="254">
        <v>110746704</v>
      </c>
      <c r="GG9" s="257">
        <v>121286532</v>
      </c>
      <c r="GH9" s="258">
        <v>402511</v>
      </c>
      <c r="GI9" s="249">
        <v>484505</v>
      </c>
      <c r="GJ9" s="256">
        <v>887016</v>
      </c>
      <c r="GK9" s="244">
        <v>0</v>
      </c>
      <c r="GL9" s="249">
        <v>1349092</v>
      </c>
      <c r="GM9" s="245">
        <v>1289934</v>
      </c>
      <c r="GN9" s="249">
        <v>1022977</v>
      </c>
      <c r="GO9" s="245">
        <v>757942</v>
      </c>
      <c r="GP9" s="249">
        <v>360688</v>
      </c>
      <c r="GQ9" s="255">
        <v>4780633</v>
      </c>
      <c r="GR9" s="246">
        <v>5667649</v>
      </c>
      <c r="GS9" s="245">
        <v>3427721</v>
      </c>
      <c r="GT9" s="249">
        <v>3106221</v>
      </c>
      <c r="GU9" s="247">
        <v>6533942</v>
      </c>
      <c r="GV9" s="245">
        <v>0</v>
      </c>
      <c r="GW9" s="249">
        <v>4496351</v>
      </c>
      <c r="GX9" s="245">
        <v>3124144</v>
      </c>
      <c r="GY9" s="249">
        <v>2417015</v>
      </c>
      <c r="GZ9" s="245">
        <v>1300851</v>
      </c>
      <c r="HA9" s="249">
        <v>194320</v>
      </c>
      <c r="HB9" s="245">
        <v>11532681</v>
      </c>
      <c r="HC9" s="246">
        <v>18066623</v>
      </c>
      <c r="HD9" s="245">
        <v>9627427</v>
      </c>
      <c r="HE9" s="249">
        <v>12154394</v>
      </c>
      <c r="HF9" s="245">
        <v>21781821</v>
      </c>
      <c r="HG9" s="251">
        <v>0</v>
      </c>
      <c r="HH9" s="249">
        <v>94133482</v>
      </c>
      <c r="HI9" s="256">
        <v>105336140</v>
      </c>
      <c r="HJ9" s="249">
        <v>87845910</v>
      </c>
      <c r="HK9" s="256">
        <v>109653241</v>
      </c>
      <c r="HL9" s="249">
        <v>53823385</v>
      </c>
      <c r="HM9" s="254">
        <v>450792158</v>
      </c>
      <c r="HN9" s="245">
        <v>472573979</v>
      </c>
      <c r="HO9" s="258">
        <v>0</v>
      </c>
      <c r="HP9" s="249">
        <v>0</v>
      </c>
      <c r="HQ9" s="254">
        <v>0</v>
      </c>
      <c r="HR9" s="256">
        <v>0</v>
      </c>
      <c r="HS9" s="249">
        <v>0</v>
      </c>
      <c r="HT9" s="256">
        <v>0</v>
      </c>
      <c r="HU9" s="249">
        <v>0</v>
      </c>
      <c r="HV9" s="256">
        <v>0</v>
      </c>
      <c r="HW9" s="249">
        <v>0</v>
      </c>
      <c r="HX9" s="256">
        <v>0</v>
      </c>
      <c r="HY9" s="246">
        <v>0</v>
      </c>
      <c r="HZ9" s="259">
        <v>517565</v>
      </c>
      <c r="IA9" s="260">
        <v>871883</v>
      </c>
      <c r="IB9" s="261">
        <v>1389448</v>
      </c>
      <c r="IC9" s="262">
        <v>0</v>
      </c>
      <c r="ID9" s="260">
        <v>82867837</v>
      </c>
      <c r="IE9" s="263">
        <v>108528996</v>
      </c>
      <c r="IF9" s="264">
        <v>108737188</v>
      </c>
      <c r="IG9" s="260">
        <v>79230578</v>
      </c>
      <c r="IH9" s="264">
        <v>54553841</v>
      </c>
      <c r="II9" s="265">
        <v>433918440</v>
      </c>
      <c r="IJ9" s="266">
        <v>435307888</v>
      </c>
      <c r="IK9" s="267">
        <v>0</v>
      </c>
      <c r="IL9" s="268">
        <v>0</v>
      </c>
      <c r="IM9" s="269">
        <v>0</v>
      </c>
      <c r="IN9" s="392">
        <v>0</v>
      </c>
      <c r="IO9" s="270">
        <v>1196116</v>
      </c>
      <c r="IP9" s="270">
        <v>3164232</v>
      </c>
      <c r="IQ9" s="270">
        <v>5085318</v>
      </c>
      <c r="IR9" s="270">
        <v>4427811</v>
      </c>
      <c r="IS9" s="270">
        <v>5926967</v>
      </c>
      <c r="IT9" s="271">
        <v>19800444</v>
      </c>
      <c r="IU9" s="272">
        <v>19800444</v>
      </c>
      <c r="IV9" s="273">
        <v>0</v>
      </c>
      <c r="IW9" s="270">
        <v>0</v>
      </c>
      <c r="IX9" s="274">
        <v>0</v>
      </c>
      <c r="IY9" s="392">
        <v>0</v>
      </c>
      <c r="IZ9" s="270">
        <v>224629</v>
      </c>
      <c r="JA9" s="270">
        <v>349949</v>
      </c>
      <c r="JB9" s="270">
        <v>499567</v>
      </c>
      <c r="JC9" s="270">
        <v>959832</v>
      </c>
      <c r="JD9" s="270">
        <v>736752</v>
      </c>
      <c r="JE9" s="274">
        <v>2770729</v>
      </c>
      <c r="JF9" s="275">
        <v>2770729</v>
      </c>
      <c r="JG9" s="273">
        <v>0</v>
      </c>
      <c r="JH9" s="270">
        <v>0</v>
      </c>
      <c r="JI9" s="271">
        <v>0</v>
      </c>
      <c r="JJ9" s="276">
        <v>0</v>
      </c>
      <c r="JK9" s="270">
        <v>37703250</v>
      </c>
      <c r="JL9" s="270">
        <v>46722571</v>
      </c>
      <c r="JM9" s="270">
        <v>29364117</v>
      </c>
      <c r="JN9" s="270">
        <v>14557519</v>
      </c>
      <c r="JO9" s="270">
        <v>8135922</v>
      </c>
      <c r="JP9" s="274">
        <v>136483379</v>
      </c>
      <c r="JQ9" s="272">
        <v>136483379</v>
      </c>
      <c r="JR9" s="273">
        <v>0</v>
      </c>
      <c r="JS9" s="270">
        <v>0</v>
      </c>
      <c r="JT9" s="271">
        <v>0</v>
      </c>
      <c r="JU9" s="276">
        <v>0</v>
      </c>
      <c r="JV9" s="270">
        <v>5157967</v>
      </c>
      <c r="JW9" s="270">
        <v>7546465</v>
      </c>
      <c r="JX9" s="270">
        <v>8691949</v>
      </c>
      <c r="JY9" s="270">
        <v>4167298</v>
      </c>
      <c r="JZ9" s="270">
        <v>2528542</v>
      </c>
      <c r="KA9" s="274">
        <v>28092221</v>
      </c>
      <c r="KB9" s="272">
        <v>28092221</v>
      </c>
      <c r="KC9" s="277">
        <v>517565</v>
      </c>
      <c r="KD9" s="278">
        <v>636319</v>
      </c>
      <c r="KE9" s="274">
        <v>1153884</v>
      </c>
      <c r="KF9" s="276">
        <v>0</v>
      </c>
      <c r="KG9" s="270">
        <v>10607338</v>
      </c>
      <c r="KH9" s="270">
        <v>13105068</v>
      </c>
      <c r="KI9" s="270">
        <v>17525845</v>
      </c>
      <c r="KJ9" s="270">
        <v>12341297</v>
      </c>
      <c r="KK9" s="270">
        <v>9229102</v>
      </c>
      <c r="KL9" s="274">
        <v>62808650</v>
      </c>
      <c r="KM9" s="279">
        <v>63962534</v>
      </c>
      <c r="KN9" s="267">
        <v>0</v>
      </c>
      <c r="KO9" s="268">
        <v>235564</v>
      </c>
      <c r="KP9" s="269">
        <v>235564</v>
      </c>
      <c r="KQ9" s="392">
        <v>0</v>
      </c>
      <c r="KR9" s="270">
        <v>24134766</v>
      </c>
      <c r="KS9" s="270">
        <v>32416946</v>
      </c>
      <c r="KT9" s="270">
        <v>36528737</v>
      </c>
      <c r="KU9" s="270">
        <v>26374831</v>
      </c>
      <c r="KV9" s="270">
        <v>15973863</v>
      </c>
      <c r="KW9" s="274">
        <v>135429143</v>
      </c>
      <c r="KX9" s="272">
        <v>135664707</v>
      </c>
      <c r="KY9" s="273">
        <v>0</v>
      </c>
      <c r="KZ9" s="270">
        <v>0</v>
      </c>
      <c r="LA9" s="274">
        <v>0</v>
      </c>
      <c r="LB9" s="392">
        <v>0</v>
      </c>
      <c r="LC9" s="270">
        <v>773177</v>
      </c>
      <c r="LD9" s="270">
        <v>796381</v>
      </c>
      <c r="LE9" s="270">
        <v>603492</v>
      </c>
      <c r="LF9" s="270">
        <v>887220</v>
      </c>
      <c r="LG9" s="270">
        <v>1018230</v>
      </c>
      <c r="LH9" s="274">
        <v>4078500</v>
      </c>
      <c r="LI9" s="275">
        <v>4078500</v>
      </c>
      <c r="LJ9" s="273">
        <v>0</v>
      </c>
      <c r="LK9" s="270">
        <v>0</v>
      </c>
      <c r="LL9" s="274">
        <v>0</v>
      </c>
      <c r="LM9" s="392">
        <v>0</v>
      </c>
      <c r="LN9" s="270">
        <v>230144</v>
      </c>
      <c r="LO9" s="270">
        <v>446311</v>
      </c>
      <c r="LP9" s="270">
        <v>3289184</v>
      </c>
      <c r="LQ9" s="270">
        <v>7485879</v>
      </c>
      <c r="LR9" s="270">
        <v>4826589</v>
      </c>
      <c r="LS9" s="274">
        <v>16278107</v>
      </c>
      <c r="LT9" s="272">
        <v>16278107</v>
      </c>
      <c r="LU9" s="273">
        <v>0</v>
      </c>
      <c r="LV9" s="270">
        <v>0</v>
      </c>
      <c r="LW9" s="274">
        <v>0</v>
      </c>
      <c r="LX9" s="392">
        <v>0</v>
      </c>
      <c r="LY9" s="270">
        <v>2840450</v>
      </c>
      <c r="LZ9" s="270">
        <v>3981073</v>
      </c>
      <c r="MA9" s="270">
        <v>7148979</v>
      </c>
      <c r="MB9" s="270">
        <v>8028891</v>
      </c>
      <c r="MC9" s="270">
        <v>6177874</v>
      </c>
      <c r="MD9" s="274">
        <v>28177267</v>
      </c>
      <c r="ME9" s="275">
        <v>28177267</v>
      </c>
      <c r="MF9" s="273">
        <v>0</v>
      </c>
      <c r="MG9" s="270">
        <v>0</v>
      </c>
      <c r="MH9" s="274">
        <v>0</v>
      </c>
      <c r="MI9" s="392">
        <v>0</v>
      </c>
      <c r="MJ9" s="270">
        <v>24853646</v>
      </c>
      <c r="MK9" s="270">
        <v>59353204</v>
      </c>
      <c r="ML9" s="270">
        <v>197459598</v>
      </c>
      <c r="MM9" s="270">
        <v>279465019</v>
      </c>
      <c r="MN9" s="270">
        <v>155698910</v>
      </c>
      <c r="MO9" s="274">
        <v>716830377</v>
      </c>
      <c r="MP9" s="279">
        <v>716830377</v>
      </c>
      <c r="MQ9" s="273">
        <v>0</v>
      </c>
      <c r="MR9" s="270">
        <v>0</v>
      </c>
      <c r="MS9" s="274">
        <v>0</v>
      </c>
      <c r="MT9" s="392">
        <v>0</v>
      </c>
      <c r="MU9" s="270">
        <v>4372600</v>
      </c>
      <c r="MV9" s="270">
        <v>13785616</v>
      </c>
      <c r="MW9" s="270">
        <v>118172158</v>
      </c>
      <c r="MX9" s="270">
        <v>175998225</v>
      </c>
      <c r="MY9" s="270">
        <v>100433559</v>
      </c>
      <c r="MZ9" s="274">
        <v>412762158</v>
      </c>
      <c r="NA9" s="279">
        <v>412762158</v>
      </c>
      <c r="NB9" s="273">
        <v>0</v>
      </c>
      <c r="NC9" s="270">
        <v>0</v>
      </c>
      <c r="ND9" s="274">
        <v>0</v>
      </c>
      <c r="NE9" s="392">
        <v>0</v>
      </c>
      <c r="NF9" s="270">
        <v>20481046</v>
      </c>
      <c r="NG9" s="270">
        <v>45352001</v>
      </c>
      <c r="NH9" s="270">
        <v>78555173</v>
      </c>
      <c r="NI9" s="270">
        <v>97632988</v>
      </c>
      <c r="NJ9" s="270">
        <v>47721466</v>
      </c>
      <c r="NK9" s="274">
        <v>289742674</v>
      </c>
      <c r="NL9" s="272">
        <v>289742674</v>
      </c>
      <c r="NM9" s="273">
        <v>0</v>
      </c>
      <c r="NN9" s="270">
        <v>0</v>
      </c>
      <c r="NO9" s="274">
        <v>0</v>
      </c>
      <c r="NP9" s="392">
        <v>0</v>
      </c>
      <c r="NQ9" s="270">
        <v>0</v>
      </c>
      <c r="NR9" s="270">
        <v>0</v>
      </c>
      <c r="NS9" s="270">
        <v>0</v>
      </c>
      <c r="NT9" s="270">
        <v>0</v>
      </c>
      <c r="NU9" s="270">
        <v>0</v>
      </c>
      <c r="NV9" s="274">
        <v>0</v>
      </c>
      <c r="NW9" s="275">
        <v>0</v>
      </c>
      <c r="NX9" s="273">
        <v>0</v>
      </c>
      <c r="NY9" s="270">
        <v>0</v>
      </c>
      <c r="NZ9" s="274">
        <v>0</v>
      </c>
      <c r="OA9" s="392">
        <v>0</v>
      </c>
      <c r="OB9" s="270">
        <v>0</v>
      </c>
      <c r="OC9" s="270">
        <v>215587</v>
      </c>
      <c r="OD9" s="270">
        <v>732267</v>
      </c>
      <c r="OE9" s="270">
        <v>5833806</v>
      </c>
      <c r="OF9" s="270">
        <v>7543885</v>
      </c>
      <c r="OG9" s="274">
        <v>14325545</v>
      </c>
      <c r="OH9" s="275">
        <v>14325545</v>
      </c>
      <c r="OI9" s="273">
        <v>28551568</v>
      </c>
      <c r="OJ9" s="270">
        <v>51383891</v>
      </c>
      <c r="OK9" s="271">
        <v>79935459</v>
      </c>
      <c r="OL9" s="276">
        <v>0</v>
      </c>
      <c r="OM9" s="270">
        <v>424036956</v>
      </c>
      <c r="ON9" s="270">
        <v>610692190</v>
      </c>
      <c r="OO9" s="270">
        <v>656108092</v>
      </c>
      <c r="OP9" s="270">
        <v>688167266</v>
      </c>
      <c r="OQ9" s="270">
        <v>419476817</v>
      </c>
      <c r="OR9" s="274">
        <v>2798481321</v>
      </c>
      <c r="OS9" s="279">
        <v>2878416780</v>
      </c>
    </row>
    <row r="10" spans="1:409" s="393" customFormat="1" ht="21" customHeight="1" x14ac:dyDescent="0.2">
      <c r="A10" s="56"/>
      <c r="B10" s="395" t="s">
        <v>5</v>
      </c>
      <c r="C10" s="281">
        <v>11157405</v>
      </c>
      <c r="D10" s="282">
        <v>26456603</v>
      </c>
      <c r="E10" s="283">
        <v>37614008</v>
      </c>
      <c r="F10" s="284">
        <v>0</v>
      </c>
      <c r="G10" s="282">
        <v>114469693</v>
      </c>
      <c r="H10" s="282">
        <v>206080991</v>
      </c>
      <c r="I10" s="282">
        <v>162610094</v>
      </c>
      <c r="J10" s="282">
        <v>151328402</v>
      </c>
      <c r="K10" s="282">
        <v>90151301</v>
      </c>
      <c r="L10" s="284">
        <v>724640481</v>
      </c>
      <c r="M10" s="285">
        <v>762254489</v>
      </c>
      <c r="N10" s="281">
        <v>3489478</v>
      </c>
      <c r="O10" s="282">
        <v>10393751</v>
      </c>
      <c r="P10" s="283">
        <v>13883229</v>
      </c>
      <c r="Q10" s="281">
        <v>0</v>
      </c>
      <c r="R10" s="282">
        <v>37853050</v>
      </c>
      <c r="S10" s="282">
        <v>75602978</v>
      </c>
      <c r="T10" s="282">
        <v>56998428</v>
      </c>
      <c r="U10" s="282">
        <v>56281870</v>
      </c>
      <c r="V10" s="282">
        <v>43664416</v>
      </c>
      <c r="W10" s="283">
        <v>270400742</v>
      </c>
      <c r="X10" s="285">
        <v>284283971</v>
      </c>
      <c r="Y10" s="281">
        <v>0</v>
      </c>
      <c r="Z10" s="282">
        <v>0</v>
      </c>
      <c r="AA10" s="283">
        <v>0</v>
      </c>
      <c r="AB10" s="281">
        <v>0</v>
      </c>
      <c r="AC10" s="282">
        <v>15089830</v>
      </c>
      <c r="AD10" s="282">
        <v>26508868</v>
      </c>
      <c r="AE10" s="282">
        <v>25464239</v>
      </c>
      <c r="AF10" s="282">
        <v>27595734</v>
      </c>
      <c r="AG10" s="282">
        <v>22673914</v>
      </c>
      <c r="AH10" s="283">
        <v>117332585</v>
      </c>
      <c r="AI10" s="285">
        <v>117332585</v>
      </c>
      <c r="AJ10" s="281">
        <v>0</v>
      </c>
      <c r="AK10" s="282">
        <v>74975</v>
      </c>
      <c r="AL10" s="283">
        <v>74975</v>
      </c>
      <c r="AM10" s="281">
        <v>0</v>
      </c>
      <c r="AN10" s="282">
        <v>140125</v>
      </c>
      <c r="AO10" s="282">
        <v>652608</v>
      </c>
      <c r="AP10" s="282">
        <v>1366563</v>
      </c>
      <c r="AQ10" s="282">
        <v>3369381</v>
      </c>
      <c r="AR10" s="282">
        <v>5433779</v>
      </c>
      <c r="AS10" s="283">
        <v>10962456</v>
      </c>
      <c r="AT10" s="285">
        <v>11037431</v>
      </c>
      <c r="AU10" s="281">
        <v>1855481</v>
      </c>
      <c r="AV10" s="282">
        <v>7388487</v>
      </c>
      <c r="AW10" s="283">
        <v>9243968</v>
      </c>
      <c r="AX10" s="281">
        <v>0</v>
      </c>
      <c r="AY10" s="282">
        <v>14080572</v>
      </c>
      <c r="AZ10" s="282">
        <v>35628141</v>
      </c>
      <c r="BA10" s="282">
        <v>20065628</v>
      </c>
      <c r="BB10" s="282">
        <v>15573487</v>
      </c>
      <c r="BC10" s="282">
        <v>9767792</v>
      </c>
      <c r="BD10" s="283">
        <v>95115620</v>
      </c>
      <c r="BE10" s="285">
        <v>104359588</v>
      </c>
      <c r="BF10" s="281">
        <v>182933</v>
      </c>
      <c r="BG10" s="282">
        <v>725481</v>
      </c>
      <c r="BH10" s="286">
        <v>908414</v>
      </c>
      <c r="BI10" s="287">
        <v>0</v>
      </c>
      <c r="BJ10" s="282">
        <v>880867</v>
      </c>
      <c r="BK10" s="282">
        <v>1719688</v>
      </c>
      <c r="BL10" s="282">
        <v>1391406</v>
      </c>
      <c r="BM10" s="282">
        <v>954356</v>
      </c>
      <c r="BN10" s="282">
        <v>532395</v>
      </c>
      <c r="BO10" s="283">
        <v>5478712</v>
      </c>
      <c r="BP10" s="285">
        <v>6387126</v>
      </c>
      <c r="BQ10" s="281">
        <v>1451064</v>
      </c>
      <c r="BR10" s="282">
        <v>2204808</v>
      </c>
      <c r="BS10" s="283">
        <v>3655872</v>
      </c>
      <c r="BT10" s="281">
        <v>0</v>
      </c>
      <c r="BU10" s="282">
        <v>7661656</v>
      </c>
      <c r="BV10" s="282">
        <v>11093673</v>
      </c>
      <c r="BW10" s="282">
        <v>8710592</v>
      </c>
      <c r="BX10" s="282">
        <v>8788912</v>
      </c>
      <c r="BY10" s="282">
        <v>5256536</v>
      </c>
      <c r="BZ10" s="283">
        <v>41511369</v>
      </c>
      <c r="CA10" s="285">
        <v>45167241</v>
      </c>
      <c r="CB10" s="281">
        <v>1411071</v>
      </c>
      <c r="CC10" s="282">
        <v>4080456</v>
      </c>
      <c r="CD10" s="283">
        <v>5491527</v>
      </c>
      <c r="CE10" s="281">
        <v>0</v>
      </c>
      <c r="CF10" s="282">
        <v>32983185</v>
      </c>
      <c r="CG10" s="282">
        <v>51533345</v>
      </c>
      <c r="CH10" s="282">
        <v>35259197</v>
      </c>
      <c r="CI10" s="282">
        <v>21250191</v>
      </c>
      <c r="CJ10" s="282">
        <v>10152410</v>
      </c>
      <c r="CK10" s="283">
        <v>151178328</v>
      </c>
      <c r="CL10" s="285">
        <v>156669855</v>
      </c>
      <c r="CM10" s="281">
        <v>0</v>
      </c>
      <c r="CN10" s="282">
        <v>0</v>
      </c>
      <c r="CO10" s="283">
        <v>0</v>
      </c>
      <c r="CP10" s="287">
        <v>0</v>
      </c>
      <c r="CQ10" s="282">
        <v>26644806</v>
      </c>
      <c r="CR10" s="282">
        <v>36764141</v>
      </c>
      <c r="CS10" s="282">
        <v>24090595</v>
      </c>
      <c r="CT10" s="282">
        <v>14532890</v>
      </c>
      <c r="CU10" s="282">
        <v>8440238</v>
      </c>
      <c r="CV10" s="283">
        <v>110472670</v>
      </c>
      <c r="CW10" s="285">
        <v>110472670</v>
      </c>
      <c r="CX10" s="281">
        <v>1411071</v>
      </c>
      <c r="CY10" s="282">
        <v>4080456</v>
      </c>
      <c r="CZ10" s="283">
        <v>5491527</v>
      </c>
      <c r="DA10" s="281">
        <v>0</v>
      </c>
      <c r="DB10" s="282">
        <v>6338379</v>
      </c>
      <c r="DC10" s="282">
        <v>14769204</v>
      </c>
      <c r="DD10" s="282">
        <v>11168602</v>
      </c>
      <c r="DE10" s="282">
        <v>6717301</v>
      </c>
      <c r="DF10" s="282">
        <v>1712172</v>
      </c>
      <c r="DG10" s="283">
        <v>40705658</v>
      </c>
      <c r="DH10" s="285">
        <v>46197185</v>
      </c>
      <c r="DI10" s="281">
        <v>74165</v>
      </c>
      <c r="DJ10" s="282">
        <v>317421</v>
      </c>
      <c r="DK10" s="286">
        <v>391586</v>
      </c>
      <c r="DL10" s="287">
        <v>0</v>
      </c>
      <c r="DM10" s="282">
        <v>3578135</v>
      </c>
      <c r="DN10" s="282">
        <v>10518476</v>
      </c>
      <c r="DO10" s="282">
        <v>15252677</v>
      </c>
      <c r="DP10" s="282">
        <v>12156908</v>
      </c>
      <c r="DQ10" s="282">
        <v>6583956</v>
      </c>
      <c r="DR10" s="283">
        <v>48090152</v>
      </c>
      <c r="DS10" s="285">
        <v>48481738</v>
      </c>
      <c r="DT10" s="281">
        <v>74165</v>
      </c>
      <c r="DU10" s="282">
        <v>273281</v>
      </c>
      <c r="DV10" s="283">
        <v>347446</v>
      </c>
      <c r="DW10" s="281">
        <v>0</v>
      </c>
      <c r="DX10" s="282">
        <v>2928935</v>
      </c>
      <c r="DY10" s="282">
        <v>7716358</v>
      </c>
      <c r="DZ10" s="282">
        <v>12928133</v>
      </c>
      <c r="EA10" s="282">
        <v>10300661</v>
      </c>
      <c r="EB10" s="282">
        <v>4717980</v>
      </c>
      <c r="EC10" s="283">
        <v>38592067</v>
      </c>
      <c r="ED10" s="285">
        <v>38939513</v>
      </c>
      <c r="EE10" s="281">
        <v>0</v>
      </c>
      <c r="EF10" s="286">
        <v>44140</v>
      </c>
      <c r="EG10" s="283">
        <v>44140</v>
      </c>
      <c r="EH10" s="281">
        <v>0</v>
      </c>
      <c r="EI10" s="282">
        <v>649200</v>
      </c>
      <c r="EJ10" s="282">
        <v>2802118</v>
      </c>
      <c r="EK10" s="282">
        <v>2324544</v>
      </c>
      <c r="EL10" s="282">
        <v>1856247</v>
      </c>
      <c r="EM10" s="282">
        <v>1865976</v>
      </c>
      <c r="EN10" s="286">
        <v>9498085</v>
      </c>
      <c r="EO10" s="285">
        <v>9542225</v>
      </c>
      <c r="EP10" s="281">
        <v>0</v>
      </c>
      <c r="EQ10" s="282">
        <v>0</v>
      </c>
      <c r="ER10" s="286">
        <v>0</v>
      </c>
      <c r="ES10" s="287">
        <v>0</v>
      </c>
      <c r="ET10" s="282">
        <v>0</v>
      </c>
      <c r="EU10" s="282">
        <v>0</v>
      </c>
      <c r="EV10" s="282">
        <v>0</v>
      </c>
      <c r="EW10" s="282">
        <v>0</v>
      </c>
      <c r="EX10" s="282">
        <v>0</v>
      </c>
      <c r="EY10" s="283">
        <v>0</v>
      </c>
      <c r="EZ10" s="285">
        <v>0</v>
      </c>
      <c r="FA10" s="281">
        <v>0</v>
      </c>
      <c r="FB10" s="282">
        <v>0</v>
      </c>
      <c r="FC10" s="286">
        <v>0</v>
      </c>
      <c r="FD10" s="287">
        <v>0</v>
      </c>
      <c r="FE10" s="282">
        <v>0</v>
      </c>
      <c r="FF10" s="282">
        <v>0</v>
      </c>
      <c r="FG10" s="282">
        <v>0</v>
      </c>
      <c r="FH10" s="282">
        <v>0</v>
      </c>
      <c r="FI10" s="282">
        <v>0</v>
      </c>
      <c r="FJ10" s="283">
        <v>0</v>
      </c>
      <c r="FK10" s="285">
        <v>0</v>
      </c>
      <c r="FL10" s="281">
        <v>2423819</v>
      </c>
      <c r="FM10" s="282">
        <v>5181616</v>
      </c>
      <c r="FN10" s="283">
        <v>7605435</v>
      </c>
      <c r="FO10" s="281">
        <v>0</v>
      </c>
      <c r="FP10" s="282">
        <v>4915028</v>
      </c>
      <c r="FQ10" s="282">
        <v>18650476</v>
      </c>
      <c r="FR10" s="282">
        <v>13179943</v>
      </c>
      <c r="FS10" s="282">
        <v>10411336</v>
      </c>
      <c r="FT10" s="282">
        <v>6355385</v>
      </c>
      <c r="FU10" s="283">
        <v>53512168</v>
      </c>
      <c r="FV10" s="285">
        <v>61117603</v>
      </c>
      <c r="FW10" s="288">
        <v>779032</v>
      </c>
      <c r="FX10" s="282">
        <v>3471576</v>
      </c>
      <c r="FY10" s="286">
        <v>4250608</v>
      </c>
      <c r="FZ10" s="287">
        <v>0</v>
      </c>
      <c r="GA10" s="282">
        <v>3417008</v>
      </c>
      <c r="GB10" s="282">
        <v>16600732</v>
      </c>
      <c r="GC10" s="282">
        <v>11594064</v>
      </c>
      <c r="GD10" s="282">
        <v>9321920</v>
      </c>
      <c r="GE10" s="282">
        <v>6142674</v>
      </c>
      <c r="GF10" s="283">
        <v>47076398</v>
      </c>
      <c r="GG10" s="289">
        <v>51327006</v>
      </c>
      <c r="GH10" s="288">
        <v>116547</v>
      </c>
      <c r="GI10" s="282">
        <v>182408</v>
      </c>
      <c r="GJ10" s="286">
        <v>298955</v>
      </c>
      <c r="GK10" s="287">
        <v>0</v>
      </c>
      <c r="GL10" s="282">
        <v>363412</v>
      </c>
      <c r="GM10" s="282">
        <v>507848</v>
      </c>
      <c r="GN10" s="282">
        <v>483279</v>
      </c>
      <c r="GO10" s="282">
        <v>304608</v>
      </c>
      <c r="GP10" s="282">
        <v>114391</v>
      </c>
      <c r="GQ10" s="283">
        <v>1773538</v>
      </c>
      <c r="GR10" s="285">
        <v>2072493</v>
      </c>
      <c r="GS10" s="281">
        <v>1528240</v>
      </c>
      <c r="GT10" s="282">
        <v>1527632</v>
      </c>
      <c r="GU10" s="283">
        <v>3055872</v>
      </c>
      <c r="GV10" s="281">
        <v>0</v>
      </c>
      <c r="GW10" s="282">
        <v>1134608</v>
      </c>
      <c r="GX10" s="282">
        <v>1541896</v>
      </c>
      <c r="GY10" s="282">
        <v>1102600</v>
      </c>
      <c r="GZ10" s="282">
        <v>784808</v>
      </c>
      <c r="HA10" s="282">
        <v>98320</v>
      </c>
      <c r="HB10" s="286">
        <v>4662232</v>
      </c>
      <c r="HC10" s="285">
        <v>7718104</v>
      </c>
      <c r="HD10" s="281">
        <v>3758872</v>
      </c>
      <c r="HE10" s="282">
        <v>6483359</v>
      </c>
      <c r="HF10" s="286">
        <v>10242231</v>
      </c>
      <c r="HG10" s="287">
        <v>0</v>
      </c>
      <c r="HH10" s="282">
        <v>35140295</v>
      </c>
      <c r="HI10" s="282">
        <v>49775716</v>
      </c>
      <c r="HJ10" s="282">
        <v>41919849</v>
      </c>
      <c r="HK10" s="282">
        <v>51228097</v>
      </c>
      <c r="HL10" s="282">
        <v>23395134</v>
      </c>
      <c r="HM10" s="283">
        <v>201459091</v>
      </c>
      <c r="HN10" s="284">
        <v>211701322</v>
      </c>
      <c r="HO10" s="288">
        <v>0</v>
      </c>
      <c r="HP10" s="282">
        <v>0</v>
      </c>
      <c r="HQ10" s="283">
        <v>0</v>
      </c>
      <c r="HR10" s="281">
        <v>0</v>
      </c>
      <c r="HS10" s="282">
        <v>0</v>
      </c>
      <c r="HT10" s="282">
        <v>0</v>
      </c>
      <c r="HU10" s="282">
        <v>0</v>
      </c>
      <c r="HV10" s="282">
        <v>0</v>
      </c>
      <c r="HW10" s="282">
        <v>0</v>
      </c>
      <c r="HX10" s="286">
        <v>0</v>
      </c>
      <c r="HY10" s="285">
        <v>0</v>
      </c>
      <c r="HZ10" s="290">
        <v>285538</v>
      </c>
      <c r="IA10" s="291">
        <v>561082</v>
      </c>
      <c r="IB10" s="292">
        <v>846620</v>
      </c>
      <c r="IC10" s="293">
        <v>0</v>
      </c>
      <c r="ID10" s="294">
        <v>30491833</v>
      </c>
      <c r="IE10" s="295">
        <v>49571644</v>
      </c>
      <c r="IF10" s="296">
        <v>46248827</v>
      </c>
      <c r="IG10" s="294">
        <v>32156640</v>
      </c>
      <c r="IH10" s="296">
        <v>23218524</v>
      </c>
      <c r="II10" s="297">
        <v>181687468</v>
      </c>
      <c r="IJ10" s="298">
        <v>182534088</v>
      </c>
      <c r="IK10" s="299">
        <v>0</v>
      </c>
      <c r="IL10" s="300">
        <v>0</v>
      </c>
      <c r="IM10" s="301">
        <v>0</v>
      </c>
      <c r="IN10" s="389">
        <v>0</v>
      </c>
      <c r="IO10" s="302">
        <v>569905</v>
      </c>
      <c r="IP10" s="302">
        <v>1896073</v>
      </c>
      <c r="IQ10" s="302">
        <v>2017963</v>
      </c>
      <c r="IR10" s="302">
        <v>2541614</v>
      </c>
      <c r="IS10" s="302">
        <v>3335164</v>
      </c>
      <c r="IT10" s="303">
        <v>10360719</v>
      </c>
      <c r="IU10" s="304">
        <v>10360719</v>
      </c>
      <c r="IV10" s="305">
        <v>0</v>
      </c>
      <c r="IW10" s="302">
        <v>0</v>
      </c>
      <c r="IX10" s="306">
        <v>0</v>
      </c>
      <c r="IY10" s="389">
        <v>0</v>
      </c>
      <c r="IZ10" s="302">
        <v>126341</v>
      </c>
      <c r="JA10" s="302">
        <v>270325</v>
      </c>
      <c r="JB10" s="302">
        <v>363310</v>
      </c>
      <c r="JC10" s="302">
        <v>853061</v>
      </c>
      <c r="JD10" s="302">
        <v>582122</v>
      </c>
      <c r="JE10" s="306">
        <v>2195159</v>
      </c>
      <c r="JF10" s="307">
        <v>2195159</v>
      </c>
      <c r="JG10" s="305">
        <v>0</v>
      </c>
      <c r="JH10" s="302">
        <v>0</v>
      </c>
      <c r="JI10" s="303">
        <v>0</v>
      </c>
      <c r="JJ10" s="308">
        <v>0</v>
      </c>
      <c r="JK10" s="302">
        <v>13252681</v>
      </c>
      <c r="JL10" s="302">
        <v>21565844</v>
      </c>
      <c r="JM10" s="302">
        <v>17488080</v>
      </c>
      <c r="JN10" s="302">
        <v>6907828</v>
      </c>
      <c r="JO10" s="302">
        <v>3439587</v>
      </c>
      <c r="JP10" s="306">
        <v>62654020</v>
      </c>
      <c r="JQ10" s="304">
        <v>62654020</v>
      </c>
      <c r="JR10" s="305">
        <v>0</v>
      </c>
      <c r="JS10" s="302">
        <v>0</v>
      </c>
      <c r="JT10" s="303">
        <v>0</v>
      </c>
      <c r="JU10" s="308">
        <v>0</v>
      </c>
      <c r="JV10" s="302">
        <v>3293017</v>
      </c>
      <c r="JW10" s="302">
        <v>4229172</v>
      </c>
      <c r="JX10" s="302">
        <v>5234820</v>
      </c>
      <c r="JY10" s="302">
        <v>2287748</v>
      </c>
      <c r="JZ10" s="302">
        <v>1196089</v>
      </c>
      <c r="KA10" s="306">
        <v>16240846</v>
      </c>
      <c r="KB10" s="304">
        <v>16240846</v>
      </c>
      <c r="KC10" s="309">
        <v>285538</v>
      </c>
      <c r="KD10" s="310">
        <v>325518</v>
      </c>
      <c r="KE10" s="306">
        <v>611056</v>
      </c>
      <c r="KF10" s="308">
        <v>0</v>
      </c>
      <c r="KG10" s="302">
        <v>4194199</v>
      </c>
      <c r="KH10" s="302">
        <v>6508499</v>
      </c>
      <c r="KI10" s="302">
        <v>7852032</v>
      </c>
      <c r="KJ10" s="302">
        <v>5656929</v>
      </c>
      <c r="KK10" s="302">
        <v>4349116</v>
      </c>
      <c r="KL10" s="306">
        <v>28560775</v>
      </c>
      <c r="KM10" s="311">
        <v>29171831</v>
      </c>
      <c r="KN10" s="299">
        <v>0</v>
      </c>
      <c r="KO10" s="300">
        <v>235564</v>
      </c>
      <c r="KP10" s="301">
        <v>235564</v>
      </c>
      <c r="KQ10" s="389">
        <v>0</v>
      </c>
      <c r="KR10" s="302">
        <v>8225138</v>
      </c>
      <c r="KS10" s="302">
        <v>13598652</v>
      </c>
      <c r="KT10" s="302">
        <v>11488443</v>
      </c>
      <c r="KU10" s="302">
        <v>9440020</v>
      </c>
      <c r="KV10" s="302">
        <v>7328132</v>
      </c>
      <c r="KW10" s="306">
        <v>50080385</v>
      </c>
      <c r="KX10" s="304">
        <v>50315949</v>
      </c>
      <c r="KY10" s="305">
        <v>0</v>
      </c>
      <c r="KZ10" s="302">
        <v>0</v>
      </c>
      <c r="LA10" s="306">
        <v>0</v>
      </c>
      <c r="LB10" s="389">
        <v>0</v>
      </c>
      <c r="LC10" s="302">
        <v>0</v>
      </c>
      <c r="LD10" s="302">
        <v>0</v>
      </c>
      <c r="LE10" s="302">
        <v>0</v>
      </c>
      <c r="LF10" s="302">
        <v>0</v>
      </c>
      <c r="LG10" s="302">
        <v>0</v>
      </c>
      <c r="LH10" s="306">
        <v>0</v>
      </c>
      <c r="LI10" s="307">
        <v>0</v>
      </c>
      <c r="LJ10" s="305">
        <v>0</v>
      </c>
      <c r="LK10" s="302">
        <v>0</v>
      </c>
      <c r="LL10" s="306">
        <v>0</v>
      </c>
      <c r="LM10" s="389">
        <v>0</v>
      </c>
      <c r="LN10" s="302">
        <v>230144</v>
      </c>
      <c r="LO10" s="302">
        <v>0</v>
      </c>
      <c r="LP10" s="302">
        <v>840232</v>
      </c>
      <c r="LQ10" s="302">
        <v>1504005</v>
      </c>
      <c r="LR10" s="302">
        <v>619640</v>
      </c>
      <c r="LS10" s="306">
        <v>3194021</v>
      </c>
      <c r="LT10" s="304">
        <v>3194021</v>
      </c>
      <c r="LU10" s="305">
        <v>0</v>
      </c>
      <c r="LV10" s="302">
        <v>0</v>
      </c>
      <c r="LW10" s="306">
        <v>0</v>
      </c>
      <c r="LX10" s="389">
        <v>0</v>
      </c>
      <c r="LY10" s="302">
        <v>600408</v>
      </c>
      <c r="LZ10" s="302">
        <v>1503079</v>
      </c>
      <c r="MA10" s="302">
        <v>963947</v>
      </c>
      <c r="MB10" s="302">
        <v>2965435</v>
      </c>
      <c r="MC10" s="302">
        <v>2368674</v>
      </c>
      <c r="MD10" s="306">
        <v>8401543</v>
      </c>
      <c r="ME10" s="307">
        <v>8401543</v>
      </c>
      <c r="MF10" s="305">
        <v>0</v>
      </c>
      <c r="MG10" s="302">
        <v>0</v>
      </c>
      <c r="MH10" s="306">
        <v>0</v>
      </c>
      <c r="MI10" s="389">
        <v>0</v>
      </c>
      <c r="MJ10" s="302">
        <v>11499763</v>
      </c>
      <c r="MK10" s="302">
        <v>36511201</v>
      </c>
      <c r="ML10" s="302">
        <v>95648619</v>
      </c>
      <c r="MM10" s="302">
        <v>135726107</v>
      </c>
      <c r="MN10" s="302">
        <v>71864822</v>
      </c>
      <c r="MO10" s="306">
        <v>351250512</v>
      </c>
      <c r="MP10" s="311">
        <v>351250512</v>
      </c>
      <c r="MQ10" s="305">
        <v>0</v>
      </c>
      <c r="MR10" s="302">
        <v>0</v>
      </c>
      <c r="MS10" s="306">
        <v>0</v>
      </c>
      <c r="MT10" s="389">
        <v>0</v>
      </c>
      <c r="MU10" s="302">
        <v>2392953</v>
      </c>
      <c r="MV10" s="302">
        <v>10836562</v>
      </c>
      <c r="MW10" s="302">
        <v>58085948</v>
      </c>
      <c r="MX10" s="302">
        <v>80658322</v>
      </c>
      <c r="MY10" s="302">
        <v>44110141</v>
      </c>
      <c r="MZ10" s="306">
        <v>196083926</v>
      </c>
      <c r="NA10" s="311">
        <v>196083926</v>
      </c>
      <c r="NB10" s="305">
        <v>0</v>
      </c>
      <c r="NC10" s="302">
        <v>0</v>
      </c>
      <c r="ND10" s="306">
        <v>0</v>
      </c>
      <c r="NE10" s="389">
        <v>0</v>
      </c>
      <c r="NF10" s="302">
        <v>9106810</v>
      </c>
      <c r="NG10" s="302">
        <v>25674639</v>
      </c>
      <c r="NH10" s="302">
        <v>37186864</v>
      </c>
      <c r="NI10" s="302">
        <v>52940352</v>
      </c>
      <c r="NJ10" s="302">
        <v>25135467</v>
      </c>
      <c r="NK10" s="306">
        <v>150044132</v>
      </c>
      <c r="NL10" s="304">
        <v>150044132</v>
      </c>
      <c r="NM10" s="305">
        <v>0</v>
      </c>
      <c r="NN10" s="302">
        <v>0</v>
      </c>
      <c r="NO10" s="306">
        <v>0</v>
      </c>
      <c r="NP10" s="389">
        <v>0</v>
      </c>
      <c r="NQ10" s="302">
        <v>0</v>
      </c>
      <c r="NR10" s="302">
        <v>0</v>
      </c>
      <c r="NS10" s="302">
        <v>0</v>
      </c>
      <c r="NT10" s="302">
        <v>0</v>
      </c>
      <c r="NU10" s="302">
        <v>0</v>
      </c>
      <c r="NV10" s="306">
        <v>0</v>
      </c>
      <c r="NW10" s="307">
        <v>0</v>
      </c>
      <c r="NX10" s="305">
        <v>0</v>
      </c>
      <c r="NY10" s="302">
        <v>0</v>
      </c>
      <c r="NZ10" s="306">
        <v>0</v>
      </c>
      <c r="OA10" s="389">
        <v>0</v>
      </c>
      <c r="OB10" s="302">
        <v>0</v>
      </c>
      <c r="OC10" s="302">
        <v>0</v>
      </c>
      <c r="OD10" s="302">
        <v>375807</v>
      </c>
      <c r="OE10" s="302">
        <v>2127433</v>
      </c>
      <c r="OF10" s="302">
        <v>2619214</v>
      </c>
      <c r="OG10" s="306">
        <v>5122454</v>
      </c>
      <c r="OH10" s="307">
        <v>5122454</v>
      </c>
      <c r="OI10" s="305">
        <v>11442943</v>
      </c>
      <c r="OJ10" s="302">
        <v>27017685</v>
      </c>
      <c r="OK10" s="303">
        <v>38460628</v>
      </c>
      <c r="OL10" s="308">
        <v>0</v>
      </c>
      <c r="OM10" s="302">
        <v>156461289</v>
      </c>
      <c r="ON10" s="302">
        <v>292163836</v>
      </c>
      <c r="OO10" s="302">
        <v>304507540</v>
      </c>
      <c r="OP10" s="302">
        <v>319211149</v>
      </c>
      <c r="OQ10" s="302">
        <v>185234647</v>
      </c>
      <c r="OR10" s="306">
        <v>1257578461</v>
      </c>
      <c r="OS10" s="311">
        <v>1296039089</v>
      </c>
    </row>
    <row r="11" spans="1:409" s="56" customFormat="1" ht="21" customHeight="1" x14ac:dyDescent="0.2">
      <c r="B11" s="396" t="s">
        <v>6</v>
      </c>
      <c r="C11" s="312">
        <v>4126293</v>
      </c>
      <c r="D11" s="313">
        <v>4454496</v>
      </c>
      <c r="E11" s="314">
        <v>8580789</v>
      </c>
      <c r="F11" s="315">
        <v>0</v>
      </c>
      <c r="G11" s="313">
        <v>45439097</v>
      </c>
      <c r="H11" s="313">
        <v>55442061</v>
      </c>
      <c r="I11" s="313">
        <v>38514588</v>
      </c>
      <c r="J11" s="313">
        <v>36775812</v>
      </c>
      <c r="K11" s="313">
        <v>27591684</v>
      </c>
      <c r="L11" s="315">
        <v>203763242</v>
      </c>
      <c r="M11" s="316">
        <v>212344031</v>
      </c>
      <c r="N11" s="312">
        <v>1203891</v>
      </c>
      <c r="O11" s="313">
        <v>1917344</v>
      </c>
      <c r="P11" s="314">
        <v>3121235</v>
      </c>
      <c r="Q11" s="312">
        <v>0</v>
      </c>
      <c r="R11" s="313">
        <v>14772471</v>
      </c>
      <c r="S11" s="313">
        <v>17648760</v>
      </c>
      <c r="T11" s="313">
        <v>12443935</v>
      </c>
      <c r="U11" s="313">
        <v>14751458</v>
      </c>
      <c r="V11" s="313">
        <v>13486316</v>
      </c>
      <c r="W11" s="314">
        <v>73102940</v>
      </c>
      <c r="X11" s="316">
        <v>76224175</v>
      </c>
      <c r="Y11" s="312">
        <v>0</v>
      </c>
      <c r="Z11" s="313">
        <v>0</v>
      </c>
      <c r="AA11" s="314">
        <v>0</v>
      </c>
      <c r="AB11" s="312">
        <v>0</v>
      </c>
      <c r="AC11" s="313">
        <v>5540703</v>
      </c>
      <c r="AD11" s="313">
        <v>6588869</v>
      </c>
      <c r="AE11" s="313">
        <v>5381828</v>
      </c>
      <c r="AF11" s="313">
        <v>8508921</v>
      </c>
      <c r="AG11" s="313">
        <v>8059578</v>
      </c>
      <c r="AH11" s="314">
        <v>34079899</v>
      </c>
      <c r="AI11" s="316">
        <v>34079899</v>
      </c>
      <c r="AJ11" s="312">
        <v>0</v>
      </c>
      <c r="AK11" s="313">
        <v>0</v>
      </c>
      <c r="AL11" s="314">
        <v>0</v>
      </c>
      <c r="AM11" s="312">
        <v>0</v>
      </c>
      <c r="AN11" s="313">
        <v>65232</v>
      </c>
      <c r="AO11" s="313">
        <v>49283</v>
      </c>
      <c r="AP11" s="313">
        <v>65729</v>
      </c>
      <c r="AQ11" s="313">
        <v>540591</v>
      </c>
      <c r="AR11" s="313">
        <v>1290285</v>
      </c>
      <c r="AS11" s="314">
        <v>2011120</v>
      </c>
      <c r="AT11" s="316">
        <v>2011120</v>
      </c>
      <c r="AU11" s="312">
        <v>531416</v>
      </c>
      <c r="AV11" s="313">
        <v>1371043</v>
      </c>
      <c r="AW11" s="314">
        <v>1902459</v>
      </c>
      <c r="AX11" s="312">
        <v>0</v>
      </c>
      <c r="AY11" s="313">
        <v>5669096</v>
      </c>
      <c r="AZ11" s="313">
        <v>7421278</v>
      </c>
      <c r="BA11" s="313">
        <v>3874068</v>
      </c>
      <c r="BB11" s="313">
        <v>3218210</v>
      </c>
      <c r="BC11" s="313">
        <v>2246808</v>
      </c>
      <c r="BD11" s="314">
        <v>22429460</v>
      </c>
      <c r="BE11" s="316">
        <v>24331919</v>
      </c>
      <c r="BF11" s="312">
        <v>104907</v>
      </c>
      <c r="BG11" s="313">
        <v>20749</v>
      </c>
      <c r="BH11" s="317">
        <v>125656</v>
      </c>
      <c r="BI11" s="318">
        <v>0</v>
      </c>
      <c r="BJ11" s="313">
        <v>372168</v>
      </c>
      <c r="BK11" s="313">
        <v>461362</v>
      </c>
      <c r="BL11" s="313">
        <v>228862</v>
      </c>
      <c r="BM11" s="313">
        <v>51848</v>
      </c>
      <c r="BN11" s="313">
        <v>101853</v>
      </c>
      <c r="BO11" s="314">
        <v>1216093</v>
      </c>
      <c r="BP11" s="316">
        <v>1341749</v>
      </c>
      <c r="BQ11" s="312">
        <v>567568</v>
      </c>
      <c r="BR11" s="313">
        <v>525552</v>
      </c>
      <c r="BS11" s="314">
        <v>1093120</v>
      </c>
      <c r="BT11" s="312">
        <v>0</v>
      </c>
      <c r="BU11" s="313">
        <v>3125272</v>
      </c>
      <c r="BV11" s="313">
        <v>3127968</v>
      </c>
      <c r="BW11" s="313">
        <v>2893448</v>
      </c>
      <c r="BX11" s="313">
        <v>2431888</v>
      </c>
      <c r="BY11" s="313">
        <v>1787792</v>
      </c>
      <c r="BZ11" s="314">
        <v>13366368</v>
      </c>
      <c r="CA11" s="316">
        <v>14459488</v>
      </c>
      <c r="CB11" s="312">
        <v>282000</v>
      </c>
      <c r="CC11" s="313">
        <v>403103</v>
      </c>
      <c r="CD11" s="314">
        <v>685103</v>
      </c>
      <c r="CE11" s="312">
        <v>0</v>
      </c>
      <c r="CF11" s="313">
        <v>12197683</v>
      </c>
      <c r="CG11" s="313">
        <v>16089047</v>
      </c>
      <c r="CH11" s="313">
        <v>8285646</v>
      </c>
      <c r="CI11" s="313">
        <v>5233454</v>
      </c>
      <c r="CJ11" s="313">
        <v>2124834</v>
      </c>
      <c r="CK11" s="314">
        <v>43930664</v>
      </c>
      <c r="CL11" s="316">
        <v>44615767</v>
      </c>
      <c r="CM11" s="312">
        <v>0</v>
      </c>
      <c r="CN11" s="313">
        <v>0</v>
      </c>
      <c r="CO11" s="314">
        <v>0</v>
      </c>
      <c r="CP11" s="318">
        <v>0</v>
      </c>
      <c r="CQ11" s="313">
        <v>9976598</v>
      </c>
      <c r="CR11" s="313">
        <v>12365362</v>
      </c>
      <c r="CS11" s="313">
        <v>5998431</v>
      </c>
      <c r="CT11" s="313">
        <v>3877044</v>
      </c>
      <c r="CU11" s="313">
        <v>1236824</v>
      </c>
      <c r="CV11" s="314">
        <v>33454259</v>
      </c>
      <c r="CW11" s="316">
        <v>33454259</v>
      </c>
      <c r="CX11" s="312">
        <v>282000</v>
      </c>
      <c r="CY11" s="313">
        <v>403103</v>
      </c>
      <c r="CZ11" s="314">
        <v>685103</v>
      </c>
      <c r="DA11" s="312">
        <v>0</v>
      </c>
      <c r="DB11" s="313">
        <v>2221085</v>
      </c>
      <c r="DC11" s="313">
        <v>3723685</v>
      </c>
      <c r="DD11" s="313">
        <v>2287215</v>
      </c>
      <c r="DE11" s="313">
        <v>1356410</v>
      </c>
      <c r="DF11" s="313">
        <v>888010</v>
      </c>
      <c r="DG11" s="314">
        <v>10476405</v>
      </c>
      <c r="DH11" s="316">
        <v>11161508</v>
      </c>
      <c r="DI11" s="312">
        <v>13038</v>
      </c>
      <c r="DJ11" s="313">
        <v>22777</v>
      </c>
      <c r="DK11" s="317">
        <v>35815</v>
      </c>
      <c r="DL11" s="318">
        <v>0</v>
      </c>
      <c r="DM11" s="313">
        <v>1155301</v>
      </c>
      <c r="DN11" s="313">
        <v>3095892</v>
      </c>
      <c r="DO11" s="313">
        <v>2472416</v>
      </c>
      <c r="DP11" s="313">
        <v>1839800</v>
      </c>
      <c r="DQ11" s="313">
        <v>1185419</v>
      </c>
      <c r="DR11" s="314">
        <v>9748828</v>
      </c>
      <c r="DS11" s="316">
        <v>9784643</v>
      </c>
      <c r="DT11" s="312">
        <v>13038</v>
      </c>
      <c r="DU11" s="313">
        <v>22777</v>
      </c>
      <c r="DV11" s="314">
        <v>35815</v>
      </c>
      <c r="DW11" s="312">
        <v>0</v>
      </c>
      <c r="DX11" s="313">
        <v>1037804</v>
      </c>
      <c r="DY11" s="313">
        <v>2423198</v>
      </c>
      <c r="DZ11" s="313">
        <v>2226846</v>
      </c>
      <c r="EA11" s="313">
        <v>1223340</v>
      </c>
      <c r="EB11" s="313">
        <v>936487</v>
      </c>
      <c r="EC11" s="314">
        <v>7847675</v>
      </c>
      <c r="ED11" s="316">
        <v>7883490</v>
      </c>
      <c r="EE11" s="312">
        <v>0</v>
      </c>
      <c r="EF11" s="317">
        <v>0</v>
      </c>
      <c r="EG11" s="314">
        <v>0</v>
      </c>
      <c r="EH11" s="312">
        <v>0</v>
      </c>
      <c r="EI11" s="313">
        <v>117497</v>
      </c>
      <c r="EJ11" s="313">
        <v>672694</v>
      </c>
      <c r="EK11" s="313">
        <v>245570</v>
      </c>
      <c r="EL11" s="313">
        <v>616460</v>
      </c>
      <c r="EM11" s="313">
        <v>248932</v>
      </c>
      <c r="EN11" s="317">
        <v>1901153</v>
      </c>
      <c r="EO11" s="316">
        <v>1901153</v>
      </c>
      <c r="EP11" s="312">
        <v>0</v>
      </c>
      <c r="EQ11" s="313">
        <v>0</v>
      </c>
      <c r="ER11" s="317">
        <v>0</v>
      </c>
      <c r="ES11" s="318">
        <v>0</v>
      </c>
      <c r="ET11" s="313">
        <v>0</v>
      </c>
      <c r="EU11" s="313">
        <v>0</v>
      </c>
      <c r="EV11" s="313">
        <v>0</v>
      </c>
      <c r="EW11" s="313">
        <v>0</v>
      </c>
      <c r="EX11" s="313">
        <v>0</v>
      </c>
      <c r="EY11" s="314">
        <v>0</v>
      </c>
      <c r="EZ11" s="316">
        <v>0</v>
      </c>
      <c r="FA11" s="312">
        <v>0</v>
      </c>
      <c r="FB11" s="313">
        <v>0</v>
      </c>
      <c r="FC11" s="317">
        <v>0</v>
      </c>
      <c r="FD11" s="318">
        <v>0</v>
      </c>
      <c r="FE11" s="313">
        <v>0</v>
      </c>
      <c r="FF11" s="313">
        <v>0</v>
      </c>
      <c r="FG11" s="313">
        <v>0</v>
      </c>
      <c r="FH11" s="313">
        <v>0</v>
      </c>
      <c r="FI11" s="313">
        <v>0</v>
      </c>
      <c r="FJ11" s="314">
        <v>0</v>
      </c>
      <c r="FK11" s="316">
        <v>0</v>
      </c>
      <c r="FL11" s="312">
        <v>943969</v>
      </c>
      <c r="FM11" s="313">
        <v>923112</v>
      </c>
      <c r="FN11" s="314">
        <v>1867081</v>
      </c>
      <c r="FO11" s="312">
        <v>0</v>
      </c>
      <c r="FP11" s="313">
        <v>2774186</v>
      </c>
      <c r="FQ11" s="313">
        <v>4889210</v>
      </c>
      <c r="FR11" s="313">
        <v>3302984</v>
      </c>
      <c r="FS11" s="313">
        <v>2591360</v>
      </c>
      <c r="FT11" s="313">
        <v>2055323</v>
      </c>
      <c r="FU11" s="314">
        <v>15613063</v>
      </c>
      <c r="FV11" s="316">
        <v>17480144</v>
      </c>
      <c r="FW11" s="319">
        <v>431832</v>
      </c>
      <c r="FX11" s="313">
        <v>805112</v>
      </c>
      <c r="FY11" s="317">
        <v>1236944</v>
      </c>
      <c r="FZ11" s="318">
        <v>0</v>
      </c>
      <c r="GA11" s="313">
        <v>1907514</v>
      </c>
      <c r="GB11" s="313">
        <v>4421618</v>
      </c>
      <c r="GC11" s="313">
        <v>3053192</v>
      </c>
      <c r="GD11" s="313">
        <v>2530560</v>
      </c>
      <c r="GE11" s="313">
        <v>1953384</v>
      </c>
      <c r="GF11" s="314">
        <v>13866268</v>
      </c>
      <c r="GG11" s="320">
        <v>15103212</v>
      </c>
      <c r="GH11" s="319">
        <v>62617</v>
      </c>
      <c r="GI11" s="313">
        <v>40400</v>
      </c>
      <c r="GJ11" s="317">
        <v>103017</v>
      </c>
      <c r="GK11" s="318">
        <v>0</v>
      </c>
      <c r="GL11" s="313">
        <v>108272</v>
      </c>
      <c r="GM11" s="313">
        <v>256784</v>
      </c>
      <c r="GN11" s="313">
        <v>171032</v>
      </c>
      <c r="GO11" s="313">
        <v>25600</v>
      </c>
      <c r="GP11" s="313">
        <v>101939</v>
      </c>
      <c r="GQ11" s="314">
        <v>663627</v>
      </c>
      <c r="GR11" s="316">
        <v>766644</v>
      </c>
      <c r="GS11" s="312">
        <v>449520</v>
      </c>
      <c r="GT11" s="313">
        <v>77600</v>
      </c>
      <c r="GU11" s="314">
        <v>527120</v>
      </c>
      <c r="GV11" s="312">
        <v>0</v>
      </c>
      <c r="GW11" s="313">
        <v>758400</v>
      </c>
      <c r="GX11" s="313">
        <v>210808</v>
      </c>
      <c r="GY11" s="313">
        <v>78760</v>
      </c>
      <c r="GZ11" s="313">
        <v>35200</v>
      </c>
      <c r="HA11" s="313">
        <v>0</v>
      </c>
      <c r="HB11" s="317">
        <v>1083168</v>
      </c>
      <c r="HC11" s="316">
        <v>1610288</v>
      </c>
      <c r="HD11" s="312">
        <v>1683395</v>
      </c>
      <c r="HE11" s="313">
        <v>1188160</v>
      </c>
      <c r="HF11" s="317">
        <v>2871555</v>
      </c>
      <c r="HG11" s="318">
        <v>0</v>
      </c>
      <c r="HH11" s="313">
        <v>14539456</v>
      </c>
      <c r="HI11" s="313">
        <v>13719152</v>
      </c>
      <c r="HJ11" s="313">
        <v>12009607</v>
      </c>
      <c r="HK11" s="313">
        <v>12359740</v>
      </c>
      <c r="HL11" s="313">
        <v>8739792</v>
      </c>
      <c r="HM11" s="314">
        <v>61367747</v>
      </c>
      <c r="HN11" s="315">
        <v>64239302</v>
      </c>
      <c r="HO11" s="319">
        <v>0</v>
      </c>
      <c r="HP11" s="313">
        <v>0</v>
      </c>
      <c r="HQ11" s="314">
        <v>0</v>
      </c>
      <c r="HR11" s="312">
        <v>0</v>
      </c>
      <c r="HS11" s="313">
        <v>0</v>
      </c>
      <c r="HT11" s="313">
        <v>0</v>
      </c>
      <c r="HU11" s="313">
        <v>0</v>
      </c>
      <c r="HV11" s="313">
        <v>0</v>
      </c>
      <c r="HW11" s="313">
        <v>0</v>
      </c>
      <c r="HX11" s="317">
        <v>0</v>
      </c>
      <c r="HY11" s="316">
        <v>0</v>
      </c>
      <c r="HZ11" s="321">
        <v>79109</v>
      </c>
      <c r="IA11" s="322">
        <v>0</v>
      </c>
      <c r="IB11" s="323">
        <v>79109</v>
      </c>
      <c r="IC11" s="324">
        <v>0</v>
      </c>
      <c r="ID11" s="322">
        <v>13617814</v>
      </c>
      <c r="IE11" s="325">
        <v>13138922</v>
      </c>
      <c r="IF11" s="323">
        <v>15562198</v>
      </c>
      <c r="IG11" s="322">
        <v>11986774</v>
      </c>
      <c r="IH11" s="323">
        <v>9540587</v>
      </c>
      <c r="II11" s="326">
        <v>63846295</v>
      </c>
      <c r="IJ11" s="327">
        <v>63925404</v>
      </c>
      <c r="IK11" s="328">
        <v>0</v>
      </c>
      <c r="IL11" s="329">
        <v>0</v>
      </c>
      <c r="IM11" s="330">
        <v>0</v>
      </c>
      <c r="IN11" s="390">
        <v>0</v>
      </c>
      <c r="IO11" s="331">
        <v>135494</v>
      </c>
      <c r="IP11" s="331">
        <v>384705</v>
      </c>
      <c r="IQ11" s="331">
        <v>933298</v>
      </c>
      <c r="IR11" s="331">
        <v>481281</v>
      </c>
      <c r="IS11" s="331">
        <v>1580325</v>
      </c>
      <c r="IT11" s="332">
        <v>3515103</v>
      </c>
      <c r="IU11" s="333">
        <v>3515103</v>
      </c>
      <c r="IV11" s="334">
        <v>0</v>
      </c>
      <c r="IW11" s="331">
        <v>0</v>
      </c>
      <c r="IX11" s="335">
        <v>0</v>
      </c>
      <c r="IY11" s="390">
        <v>0</v>
      </c>
      <c r="IZ11" s="331">
        <v>78031</v>
      </c>
      <c r="JA11" s="331">
        <v>62873</v>
      </c>
      <c r="JB11" s="331">
        <v>125756</v>
      </c>
      <c r="JC11" s="331">
        <v>90459</v>
      </c>
      <c r="JD11" s="331">
        <v>154630</v>
      </c>
      <c r="JE11" s="335">
        <v>511749</v>
      </c>
      <c r="JF11" s="336">
        <v>511749</v>
      </c>
      <c r="JG11" s="334">
        <v>0</v>
      </c>
      <c r="JH11" s="331">
        <v>0</v>
      </c>
      <c r="JI11" s="332">
        <v>0</v>
      </c>
      <c r="JJ11" s="337">
        <v>0</v>
      </c>
      <c r="JK11" s="331">
        <v>4407106</v>
      </c>
      <c r="JL11" s="331">
        <v>4049185</v>
      </c>
      <c r="JM11" s="331">
        <v>2050750</v>
      </c>
      <c r="JN11" s="331">
        <v>1897843</v>
      </c>
      <c r="JO11" s="331">
        <v>2350947</v>
      </c>
      <c r="JP11" s="335">
        <v>14755831</v>
      </c>
      <c r="JQ11" s="333">
        <v>14755831</v>
      </c>
      <c r="JR11" s="334">
        <v>0</v>
      </c>
      <c r="JS11" s="331">
        <v>0</v>
      </c>
      <c r="JT11" s="332">
        <v>0</v>
      </c>
      <c r="JU11" s="337">
        <v>0</v>
      </c>
      <c r="JV11" s="331">
        <v>769384</v>
      </c>
      <c r="JW11" s="331">
        <v>1539681</v>
      </c>
      <c r="JX11" s="331">
        <v>1229630</v>
      </c>
      <c r="JY11" s="331">
        <v>903817</v>
      </c>
      <c r="JZ11" s="331">
        <v>446932</v>
      </c>
      <c r="KA11" s="335">
        <v>4889444</v>
      </c>
      <c r="KB11" s="333">
        <v>4889444</v>
      </c>
      <c r="KC11" s="338">
        <v>79109</v>
      </c>
      <c r="KD11" s="339">
        <v>0</v>
      </c>
      <c r="KE11" s="335">
        <v>79109</v>
      </c>
      <c r="KF11" s="337">
        <v>0</v>
      </c>
      <c r="KG11" s="331">
        <v>1489889</v>
      </c>
      <c r="KH11" s="331">
        <v>1867688</v>
      </c>
      <c r="KI11" s="331">
        <v>2124971</v>
      </c>
      <c r="KJ11" s="331">
        <v>1436352</v>
      </c>
      <c r="KK11" s="331">
        <v>597162</v>
      </c>
      <c r="KL11" s="335">
        <v>7516062</v>
      </c>
      <c r="KM11" s="340">
        <v>7595171</v>
      </c>
      <c r="KN11" s="328">
        <v>0</v>
      </c>
      <c r="KO11" s="329">
        <v>0</v>
      </c>
      <c r="KP11" s="330">
        <v>0</v>
      </c>
      <c r="KQ11" s="390">
        <v>0</v>
      </c>
      <c r="KR11" s="331">
        <v>5589623</v>
      </c>
      <c r="KS11" s="331">
        <v>4675648</v>
      </c>
      <c r="KT11" s="331">
        <v>6620797</v>
      </c>
      <c r="KU11" s="331">
        <v>4789272</v>
      </c>
      <c r="KV11" s="331">
        <v>2174250</v>
      </c>
      <c r="KW11" s="335">
        <v>23849590</v>
      </c>
      <c r="KX11" s="333">
        <v>23849590</v>
      </c>
      <c r="KY11" s="334">
        <v>0</v>
      </c>
      <c r="KZ11" s="331">
        <v>0</v>
      </c>
      <c r="LA11" s="335">
        <v>0</v>
      </c>
      <c r="LB11" s="390">
        <v>0</v>
      </c>
      <c r="LC11" s="331">
        <v>0</v>
      </c>
      <c r="LD11" s="331">
        <v>0</v>
      </c>
      <c r="LE11" s="331">
        <v>0</v>
      </c>
      <c r="LF11" s="331">
        <v>0</v>
      </c>
      <c r="LG11" s="331">
        <v>0</v>
      </c>
      <c r="LH11" s="335">
        <v>0</v>
      </c>
      <c r="LI11" s="336">
        <v>0</v>
      </c>
      <c r="LJ11" s="334">
        <v>0</v>
      </c>
      <c r="LK11" s="331">
        <v>0</v>
      </c>
      <c r="LL11" s="335">
        <v>0</v>
      </c>
      <c r="LM11" s="390">
        <v>0</v>
      </c>
      <c r="LN11" s="331">
        <v>0</v>
      </c>
      <c r="LO11" s="331">
        <v>0</v>
      </c>
      <c r="LP11" s="331">
        <v>777772</v>
      </c>
      <c r="LQ11" s="331">
        <v>1507726</v>
      </c>
      <c r="LR11" s="331">
        <v>936472</v>
      </c>
      <c r="LS11" s="335">
        <v>3221970</v>
      </c>
      <c r="LT11" s="333">
        <v>3221970</v>
      </c>
      <c r="LU11" s="334">
        <v>0</v>
      </c>
      <c r="LV11" s="331">
        <v>0</v>
      </c>
      <c r="LW11" s="335">
        <v>0</v>
      </c>
      <c r="LX11" s="390">
        <v>0</v>
      </c>
      <c r="LY11" s="331">
        <v>1148287</v>
      </c>
      <c r="LZ11" s="331">
        <v>559142</v>
      </c>
      <c r="MA11" s="331">
        <v>1699224</v>
      </c>
      <c r="MB11" s="331">
        <v>880024</v>
      </c>
      <c r="MC11" s="331">
        <v>1299869</v>
      </c>
      <c r="MD11" s="335">
        <v>5586546</v>
      </c>
      <c r="ME11" s="336">
        <v>5586546</v>
      </c>
      <c r="MF11" s="334">
        <v>0</v>
      </c>
      <c r="MG11" s="331">
        <v>0</v>
      </c>
      <c r="MH11" s="335">
        <v>0</v>
      </c>
      <c r="MI11" s="390">
        <v>0</v>
      </c>
      <c r="MJ11" s="331">
        <v>2796570</v>
      </c>
      <c r="MK11" s="331">
        <v>4412239</v>
      </c>
      <c r="ML11" s="331">
        <v>18392398</v>
      </c>
      <c r="MM11" s="331">
        <v>27844461</v>
      </c>
      <c r="MN11" s="331">
        <v>19608602</v>
      </c>
      <c r="MO11" s="335">
        <v>73054270</v>
      </c>
      <c r="MP11" s="340">
        <v>73054270</v>
      </c>
      <c r="MQ11" s="334">
        <v>0</v>
      </c>
      <c r="MR11" s="331">
        <v>0</v>
      </c>
      <c r="MS11" s="335">
        <v>0</v>
      </c>
      <c r="MT11" s="390">
        <v>0</v>
      </c>
      <c r="MU11" s="331">
        <v>927335</v>
      </c>
      <c r="MV11" s="331">
        <v>1365191</v>
      </c>
      <c r="MW11" s="331">
        <v>11417695</v>
      </c>
      <c r="MX11" s="331">
        <v>18908575</v>
      </c>
      <c r="MY11" s="331">
        <v>12373404</v>
      </c>
      <c r="MZ11" s="335">
        <v>44992200</v>
      </c>
      <c r="NA11" s="340">
        <v>44992200</v>
      </c>
      <c r="NB11" s="334">
        <v>0</v>
      </c>
      <c r="NC11" s="331">
        <v>0</v>
      </c>
      <c r="ND11" s="335">
        <v>0</v>
      </c>
      <c r="NE11" s="390">
        <v>0</v>
      </c>
      <c r="NF11" s="331">
        <v>1869235</v>
      </c>
      <c r="NG11" s="331">
        <v>3047048</v>
      </c>
      <c r="NH11" s="331">
        <v>6974703</v>
      </c>
      <c r="NI11" s="331">
        <v>8665018</v>
      </c>
      <c r="NJ11" s="331">
        <v>7235198</v>
      </c>
      <c r="NK11" s="335">
        <v>27791202</v>
      </c>
      <c r="NL11" s="333">
        <v>27791202</v>
      </c>
      <c r="NM11" s="334">
        <v>0</v>
      </c>
      <c r="NN11" s="331">
        <v>0</v>
      </c>
      <c r="NO11" s="335">
        <v>0</v>
      </c>
      <c r="NP11" s="390">
        <v>0</v>
      </c>
      <c r="NQ11" s="331">
        <v>0</v>
      </c>
      <c r="NR11" s="331">
        <v>0</v>
      </c>
      <c r="NS11" s="331">
        <v>0</v>
      </c>
      <c r="NT11" s="331">
        <v>0</v>
      </c>
      <c r="NU11" s="331">
        <v>0</v>
      </c>
      <c r="NV11" s="335">
        <v>0</v>
      </c>
      <c r="NW11" s="336">
        <v>0</v>
      </c>
      <c r="NX11" s="334">
        <v>0</v>
      </c>
      <c r="NY11" s="331">
        <v>0</v>
      </c>
      <c r="NZ11" s="335">
        <v>0</v>
      </c>
      <c r="OA11" s="390">
        <v>0</v>
      </c>
      <c r="OB11" s="331">
        <v>0</v>
      </c>
      <c r="OC11" s="331">
        <v>0</v>
      </c>
      <c r="OD11" s="331">
        <v>0</v>
      </c>
      <c r="OE11" s="331">
        <v>270868</v>
      </c>
      <c r="OF11" s="331">
        <v>0</v>
      </c>
      <c r="OG11" s="335">
        <v>270868</v>
      </c>
      <c r="OH11" s="336">
        <v>270868</v>
      </c>
      <c r="OI11" s="334">
        <v>4205402</v>
      </c>
      <c r="OJ11" s="331">
        <v>4454496</v>
      </c>
      <c r="OK11" s="332">
        <v>8659898</v>
      </c>
      <c r="OL11" s="337">
        <v>0</v>
      </c>
      <c r="OM11" s="331">
        <v>61853481</v>
      </c>
      <c r="ON11" s="331">
        <v>72993222</v>
      </c>
      <c r="OO11" s="331">
        <v>72469184</v>
      </c>
      <c r="OP11" s="331">
        <v>76607047</v>
      </c>
      <c r="OQ11" s="331">
        <v>56740873</v>
      </c>
      <c r="OR11" s="335">
        <v>340663807</v>
      </c>
      <c r="OS11" s="340">
        <v>349323705</v>
      </c>
    </row>
    <row r="12" spans="1:409" s="56" customFormat="1" ht="21" customHeight="1" x14ac:dyDescent="0.2">
      <c r="B12" s="396" t="s">
        <v>14</v>
      </c>
      <c r="C12" s="312">
        <v>1985957</v>
      </c>
      <c r="D12" s="313">
        <v>2996835</v>
      </c>
      <c r="E12" s="314">
        <v>4982792</v>
      </c>
      <c r="F12" s="315">
        <v>0</v>
      </c>
      <c r="G12" s="313">
        <v>16022604</v>
      </c>
      <c r="H12" s="313">
        <v>30957194</v>
      </c>
      <c r="I12" s="313">
        <v>27344753</v>
      </c>
      <c r="J12" s="313">
        <v>19423612</v>
      </c>
      <c r="K12" s="313">
        <v>14973599</v>
      </c>
      <c r="L12" s="317">
        <v>108721762</v>
      </c>
      <c r="M12" s="316">
        <v>113704554</v>
      </c>
      <c r="N12" s="312">
        <v>613842</v>
      </c>
      <c r="O12" s="313">
        <v>1156316</v>
      </c>
      <c r="P12" s="314">
        <v>1770158</v>
      </c>
      <c r="Q12" s="312">
        <v>0</v>
      </c>
      <c r="R12" s="313">
        <v>4690348</v>
      </c>
      <c r="S12" s="313">
        <v>10094801</v>
      </c>
      <c r="T12" s="313">
        <v>8966952</v>
      </c>
      <c r="U12" s="313">
        <v>7315427</v>
      </c>
      <c r="V12" s="313">
        <v>7898502</v>
      </c>
      <c r="W12" s="314">
        <v>38966030</v>
      </c>
      <c r="X12" s="316">
        <v>40736188</v>
      </c>
      <c r="Y12" s="312">
        <v>0</v>
      </c>
      <c r="Z12" s="313">
        <v>0</v>
      </c>
      <c r="AA12" s="314">
        <v>0</v>
      </c>
      <c r="AB12" s="312">
        <v>0</v>
      </c>
      <c r="AC12" s="313">
        <v>1718500</v>
      </c>
      <c r="AD12" s="313">
        <v>4257382</v>
      </c>
      <c r="AE12" s="313">
        <v>4797392</v>
      </c>
      <c r="AF12" s="313">
        <v>3859114</v>
      </c>
      <c r="AG12" s="313">
        <v>4935615</v>
      </c>
      <c r="AH12" s="314">
        <v>19568003</v>
      </c>
      <c r="AI12" s="316">
        <v>19568003</v>
      </c>
      <c r="AJ12" s="312">
        <v>0</v>
      </c>
      <c r="AK12" s="313">
        <v>0</v>
      </c>
      <c r="AL12" s="314">
        <v>0</v>
      </c>
      <c r="AM12" s="312">
        <v>0</v>
      </c>
      <c r="AN12" s="313">
        <v>0</v>
      </c>
      <c r="AO12" s="313">
        <v>51232</v>
      </c>
      <c r="AP12" s="313">
        <v>135282</v>
      </c>
      <c r="AQ12" s="313">
        <v>317972</v>
      </c>
      <c r="AR12" s="313">
        <v>532649</v>
      </c>
      <c r="AS12" s="314">
        <v>1037135</v>
      </c>
      <c r="AT12" s="316">
        <v>1037135</v>
      </c>
      <c r="AU12" s="312">
        <v>273396</v>
      </c>
      <c r="AV12" s="313">
        <v>811619</v>
      </c>
      <c r="AW12" s="314">
        <v>1085015</v>
      </c>
      <c r="AX12" s="312">
        <v>0</v>
      </c>
      <c r="AY12" s="313">
        <v>1621403</v>
      </c>
      <c r="AZ12" s="313">
        <v>3964980</v>
      </c>
      <c r="BA12" s="313">
        <v>2361983</v>
      </c>
      <c r="BB12" s="313">
        <v>1622421</v>
      </c>
      <c r="BC12" s="313">
        <v>1419166</v>
      </c>
      <c r="BD12" s="314">
        <v>10989953</v>
      </c>
      <c r="BE12" s="316">
        <v>12074968</v>
      </c>
      <c r="BF12" s="312">
        <v>74406</v>
      </c>
      <c r="BG12" s="313">
        <v>42593</v>
      </c>
      <c r="BH12" s="317">
        <v>116999</v>
      </c>
      <c r="BI12" s="318">
        <v>0</v>
      </c>
      <c r="BJ12" s="313">
        <v>43773</v>
      </c>
      <c r="BK12" s="313">
        <v>94743</v>
      </c>
      <c r="BL12" s="313">
        <v>52959</v>
      </c>
      <c r="BM12" s="313">
        <v>79936</v>
      </c>
      <c r="BN12" s="313">
        <v>0</v>
      </c>
      <c r="BO12" s="314">
        <v>271411</v>
      </c>
      <c r="BP12" s="316">
        <v>388410</v>
      </c>
      <c r="BQ12" s="312">
        <v>266040</v>
      </c>
      <c r="BR12" s="313">
        <v>302104</v>
      </c>
      <c r="BS12" s="314">
        <v>568144</v>
      </c>
      <c r="BT12" s="312">
        <v>0</v>
      </c>
      <c r="BU12" s="313">
        <v>1306672</v>
      </c>
      <c r="BV12" s="313">
        <v>1726464</v>
      </c>
      <c r="BW12" s="313">
        <v>1619336</v>
      </c>
      <c r="BX12" s="313">
        <v>1435984</v>
      </c>
      <c r="BY12" s="313">
        <v>1011072</v>
      </c>
      <c r="BZ12" s="314">
        <v>7099528</v>
      </c>
      <c r="CA12" s="316">
        <v>7667672</v>
      </c>
      <c r="CB12" s="312">
        <v>119324</v>
      </c>
      <c r="CC12" s="313">
        <v>427945</v>
      </c>
      <c r="CD12" s="314">
        <v>547269</v>
      </c>
      <c r="CE12" s="312">
        <v>0</v>
      </c>
      <c r="CF12" s="313">
        <v>5384265</v>
      </c>
      <c r="CG12" s="313">
        <v>9061489</v>
      </c>
      <c r="CH12" s="313">
        <v>8090219</v>
      </c>
      <c r="CI12" s="313">
        <v>4097047</v>
      </c>
      <c r="CJ12" s="313">
        <v>1164336</v>
      </c>
      <c r="CK12" s="314">
        <v>27797356</v>
      </c>
      <c r="CL12" s="316">
        <v>28344625</v>
      </c>
      <c r="CM12" s="312">
        <v>0</v>
      </c>
      <c r="CN12" s="313">
        <v>0</v>
      </c>
      <c r="CO12" s="314">
        <v>0</v>
      </c>
      <c r="CP12" s="318">
        <v>0</v>
      </c>
      <c r="CQ12" s="313">
        <v>4960404</v>
      </c>
      <c r="CR12" s="313">
        <v>7188334</v>
      </c>
      <c r="CS12" s="313">
        <v>7181070</v>
      </c>
      <c r="CT12" s="313">
        <v>3437985</v>
      </c>
      <c r="CU12" s="313">
        <v>1045727</v>
      </c>
      <c r="CV12" s="314">
        <v>23813520</v>
      </c>
      <c r="CW12" s="316">
        <v>23813520</v>
      </c>
      <c r="CX12" s="312">
        <v>119324</v>
      </c>
      <c r="CY12" s="313">
        <v>427945</v>
      </c>
      <c r="CZ12" s="314">
        <v>547269</v>
      </c>
      <c r="DA12" s="312">
        <v>0</v>
      </c>
      <c r="DB12" s="313">
        <v>423861</v>
      </c>
      <c r="DC12" s="313">
        <v>1873155</v>
      </c>
      <c r="DD12" s="313">
        <v>909149</v>
      </c>
      <c r="DE12" s="313">
        <v>659062</v>
      </c>
      <c r="DF12" s="313">
        <v>118609</v>
      </c>
      <c r="DG12" s="314">
        <v>3983836</v>
      </c>
      <c r="DH12" s="316">
        <v>4531105</v>
      </c>
      <c r="DI12" s="312">
        <v>0</v>
      </c>
      <c r="DJ12" s="313">
        <v>49743</v>
      </c>
      <c r="DK12" s="317">
        <v>49743</v>
      </c>
      <c r="DL12" s="318">
        <v>0</v>
      </c>
      <c r="DM12" s="313">
        <v>227246</v>
      </c>
      <c r="DN12" s="313">
        <v>1838591</v>
      </c>
      <c r="DO12" s="313">
        <v>2623817</v>
      </c>
      <c r="DP12" s="313">
        <v>2178203</v>
      </c>
      <c r="DQ12" s="313">
        <v>1154884</v>
      </c>
      <c r="DR12" s="314">
        <v>8022741</v>
      </c>
      <c r="DS12" s="316">
        <v>8072484</v>
      </c>
      <c r="DT12" s="312">
        <v>0</v>
      </c>
      <c r="DU12" s="313">
        <v>49743</v>
      </c>
      <c r="DV12" s="314">
        <v>49743</v>
      </c>
      <c r="DW12" s="312">
        <v>0</v>
      </c>
      <c r="DX12" s="313">
        <v>227246</v>
      </c>
      <c r="DY12" s="313">
        <v>1778927</v>
      </c>
      <c r="DZ12" s="313">
        <v>2623817</v>
      </c>
      <c r="EA12" s="313">
        <v>2048697</v>
      </c>
      <c r="EB12" s="313">
        <v>1093000</v>
      </c>
      <c r="EC12" s="314">
        <v>7771687</v>
      </c>
      <c r="ED12" s="316">
        <v>7821430</v>
      </c>
      <c r="EE12" s="312">
        <v>0</v>
      </c>
      <c r="EF12" s="317">
        <v>0</v>
      </c>
      <c r="EG12" s="314">
        <v>0</v>
      </c>
      <c r="EH12" s="312">
        <v>0</v>
      </c>
      <c r="EI12" s="313">
        <v>0</v>
      </c>
      <c r="EJ12" s="313">
        <v>59664</v>
      </c>
      <c r="EK12" s="313">
        <v>0</v>
      </c>
      <c r="EL12" s="313">
        <v>129506</v>
      </c>
      <c r="EM12" s="313">
        <v>61884</v>
      </c>
      <c r="EN12" s="317">
        <v>251054</v>
      </c>
      <c r="EO12" s="316">
        <v>251054</v>
      </c>
      <c r="EP12" s="312">
        <v>0</v>
      </c>
      <c r="EQ12" s="313">
        <v>0</v>
      </c>
      <c r="ER12" s="317">
        <v>0</v>
      </c>
      <c r="ES12" s="318">
        <v>0</v>
      </c>
      <c r="ET12" s="313">
        <v>0</v>
      </c>
      <c r="EU12" s="313">
        <v>0</v>
      </c>
      <c r="EV12" s="313">
        <v>0</v>
      </c>
      <c r="EW12" s="313">
        <v>0</v>
      </c>
      <c r="EX12" s="313">
        <v>0</v>
      </c>
      <c r="EY12" s="314">
        <v>0</v>
      </c>
      <c r="EZ12" s="316">
        <v>0</v>
      </c>
      <c r="FA12" s="312">
        <v>0</v>
      </c>
      <c r="FB12" s="313">
        <v>0</v>
      </c>
      <c r="FC12" s="317">
        <v>0</v>
      </c>
      <c r="FD12" s="318">
        <v>0</v>
      </c>
      <c r="FE12" s="313">
        <v>0</v>
      </c>
      <c r="FF12" s="313">
        <v>0</v>
      </c>
      <c r="FG12" s="313">
        <v>0</v>
      </c>
      <c r="FH12" s="313">
        <v>0</v>
      </c>
      <c r="FI12" s="313">
        <v>0</v>
      </c>
      <c r="FJ12" s="314">
        <v>0</v>
      </c>
      <c r="FK12" s="316">
        <v>0</v>
      </c>
      <c r="FL12" s="312">
        <v>636816</v>
      </c>
      <c r="FM12" s="313">
        <v>990987</v>
      </c>
      <c r="FN12" s="314">
        <v>1627803</v>
      </c>
      <c r="FO12" s="312">
        <v>0</v>
      </c>
      <c r="FP12" s="313">
        <v>949475</v>
      </c>
      <c r="FQ12" s="313">
        <v>3837864</v>
      </c>
      <c r="FR12" s="313">
        <v>2495216</v>
      </c>
      <c r="FS12" s="313">
        <v>1754584</v>
      </c>
      <c r="FT12" s="313">
        <v>1484336</v>
      </c>
      <c r="FU12" s="314">
        <v>10521475</v>
      </c>
      <c r="FV12" s="316">
        <v>12149278</v>
      </c>
      <c r="FW12" s="319">
        <v>175936</v>
      </c>
      <c r="FX12" s="313">
        <v>788136</v>
      </c>
      <c r="FY12" s="317">
        <v>964072</v>
      </c>
      <c r="FZ12" s="318">
        <v>0</v>
      </c>
      <c r="GA12" s="313">
        <v>776168</v>
      </c>
      <c r="GB12" s="313">
        <v>3144848</v>
      </c>
      <c r="GC12" s="313">
        <v>2130232</v>
      </c>
      <c r="GD12" s="313">
        <v>1572584</v>
      </c>
      <c r="GE12" s="313">
        <v>1333104</v>
      </c>
      <c r="GF12" s="314">
        <v>8956936</v>
      </c>
      <c r="GG12" s="320">
        <v>9921008</v>
      </c>
      <c r="GH12" s="319">
        <v>36080</v>
      </c>
      <c r="GI12" s="313">
        <v>45840</v>
      </c>
      <c r="GJ12" s="317">
        <v>81920</v>
      </c>
      <c r="GK12" s="318">
        <v>0</v>
      </c>
      <c r="GL12" s="313">
        <v>50517</v>
      </c>
      <c r="GM12" s="313">
        <v>118696</v>
      </c>
      <c r="GN12" s="313">
        <v>60984</v>
      </c>
      <c r="GO12" s="313">
        <v>80800</v>
      </c>
      <c r="GP12" s="313">
        <v>55232</v>
      </c>
      <c r="GQ12" s="314">
        <v>366229</v>
      </c>
      <c r="GR12" s="316">
        <v>448149</v>
      </c>
      <c r="GS12" s="312">
        <v>424800</v>
      </c>
      <c r="GT12" s="313">
        <v>157011</v>
      </c>
      <c r="GU12" s="314">
        <v>581811</v>
      </c>
      <c r="GV12" s="312">
        <v>0</v>
      </c>
      <c r="GW12" s="313">
        <v>122790</v>
      </c>
      <c r="GX12" s="313">
        <v>574320</v>
      </c>
      <c r="GY12" s="313">
        <v>304000</v>
      </c>
      <c r="GZ12" s="313">
        <v>101200</v>
      </c>
      <c r="HA12" s="313">
        <v>96000</v>
      </c>
      <c r="HB12" s="317">
        <v>1198310</v>
      </c>
      <c r="HC12" s="316">
        <v>1780121</v>
      </c>
      <c r="HD12" s="312">
        <v>615975</v>
      </c>
      <c r="HE12" s="313">
        <v>371844</v>
      </c>
      <c r="HF12" s="317">
        <v>987819</v>
      </c>
      <c r="HG12" s="318">
        <v>0</v>
      </c>
      <c r="HH12" s="313">
        <v>4771270</v>
      </c>
      <c r="HI12" s="313">
        <v>6124449</v>
      </c>
      <c r="HJ12" s="313">
        <v>5168549</v>
      </c>
      <c r="HK12" s="313">
        <v>4078351</v>
      </c>
      <c r="HL12" s="313">
        <v>3271541</v>
      </c>
      <c r="HM12" s="314">
        <v>23414160</v>
      </c>
      <c r="HN12" s="315">
        <v>24401979</v>
      </c>
      <c r="HO12" s="319">
        <v>0</v>
      </c>
      <c r="HP12" s="313">
        <v>0</v>
      </c>
      <c r="HQ12" s="314">
        <v>0</v>
      </c>
      <c r="HR12" s="312">
        <v>0</v>
      </c>
      <c r="HS12" s="313">
        <v>0</v>
      </c>
      <c r="HT12" s="313">
        <v>0</v>
      </c>
      <c r="HU12" s="313">
        <v>0</v>
      </c>
      <c r="HV12" s="313">
        <v>0</v>
      </c>
      <c r="HW12" s="313">
        <v>0</v>
      </c>
      <c r="HX12" s="317">
        <v>0</v>
      </c>
      <c r="HY12" s="316">
        <v>0</v>
      </c>
      <c r="HZ12" s="321">
        <v>41539</v>
      </c>
      <c r="IA12" s="322">
        <v>68138</v>
      </c>
      <c r="IB12" s="323">
        <v>109677</v>
      </c>
      <c r="IC12" s="341">
        <v>0</v>
      </c>
      <c r="ID12" s="342">
        <v>6697224</v>
      </c>
      <c r="IE12" s="343">
        <v>7832729</v>
      </c>
      <c r="IF12" s="344">
        <v>8607023</v>
      </c>
      <c r="IG12" s="342">
        <v>9023801</v>
      </c>
      <c r="IH12" s="344">
        <v>3892849</v>
      </c>
      <c r="II12" s="345">
        <v>36053626</v>
      </c>
      <c r="IJ12" s="327">
        <v>36163303</v>
      </c>
      <c r="IK12" s="328">
        <v>0</v>
      </c>
      <c r="IL12" s="329">
        <v>0</v>
      </c>
      <c r="IM12" s="330">
        <v>0</v>
      </c>
      <c r="IN12" s="390">
        <v>0</v>
      </c>
      <c r="IO12" s="331">
        <v>70546</v>
      </c>
      <c r="IP12" s="331">
        <v>358436</v>
      </c>
      <c r="IQ12" s="331">
        <v>607045</v>
      </c>
      <c r="IR12" s="331">
        <v>715264</v>
      </c>
      <c r="IS12" s="331">
        <v>886802</v>
      </c>
      <c r="IT12" s="332">
        <v>2638093</v>
      </c>
      <c r="IU12" s="333">
        <v>2638093</v>
      </c>
      <c r="IV12" s="334">
        <v>0</v>
      </c>
      <c r="IW12" s="331">
        <v>0</v>
      </c>
      <c r="IX12" s="335">
        <v>0</v>
      </c>
      <c r="IY12" s="390">
        <v>0</v>
      </c>
      <c r="IZ12" s="331">
        <v>0</v>
      </c>
      <c r="JA12" s="331">
        <v>0</v>
      </c>
      <c r="JB12" s="331">
        <v>0</v>
      </c>
      <c r="JC12" s="331">
        <v>0</v>
      </c>
      <c r="JD12" s="331">
        <v>0</v>
      </c>
      <c r="JE12" s="335">
        <v>0</v>
      </c>
      <c r="JF12" s="336">
        <v>0</v>
      </c>
      <c r="JG12" s="334">
        <v>0</v>
      </c>
      <c r="JH12" s="331">
        <v>0</v>
      </c>
      <c r="JI12" s="332">
        <v>0</v>
      </c>
      <c r="JJ12" s="337">
        <v>0</v>
      </c>
      <c r="JK12" s="331">
        <v>3041572</v>
      </c>
      <c r="JL12" s="331">
        <v>4163799</v>
      </c>
      <c r="JM12" s="331">
        <v>2614745</v>
      </c>
      <c r="JN12" s="331">
        <v>1662996</v>
      </c>
      <c r="JO12" s="331">
        <v>187862</v>
      </c>
      <c r="JP12" s="335">
        <v>11670974</v>
      </c>
      <c r="JQ12" s="333">
        <v>11670974</v>
      </c>
      <c r="JR12" s="334">
        <v>0</v>
      </c>
      <c r="JS12" s="331">
        <v>0</v>
      </c>
      <c r="JT12" s="332">
        <v>0</v>
      </c>
      <c r="JU12" s="337">
        <v>0</v>
      </c>
      <c r="JV12" s="331">
        <v>218818</v>
      </c>
      <c r="JW12" s="331">
        <v>83855</v>
      </c>
      <c r="JX12" s="331">
        <v>0</v>
      </c>
      <c r="JY12" s="331">
        <v>0</v>
      </c>
      <c r="JZ12" s="331">
        <v>0</v>
      </c>
      <c r="KA12" s="335">
        <v>302673</v>
      </c>
      <c r="KB12" s="333">
        <v>302673</v>
      </c>
      <c r="KC12" s="338">
        <v>41539</v>
      </c>
      <c r="KD12" s="339">
        <v>68138</v>
      </c>
      <c r="KE12" s="335">
        <v>109677</v>
      </c>
      <c r="KF12" s="337">
        <v>0</v>
      </c>
      <c r="KG12" s="331">
        <v>608384</v>
      </c>
      <c r="KH12" s="331">
        <v>422774</v>
      </c>
      <c r="KI12" s="331">
        <v>1944795</v>
      </c>
      <c r="KJ12" s="331">
        <v>1858629</v>
      </c>
      <c r="KK12" s="331">
        <v>1084639</v>
      </c>
      <c r="KL12" s="335">
        <v>5919221</v>
      </c>
      <c r="KM12" s="340">
        <v>6028898</v>
      </c>
      <c r="KN12" s="328">
        <v>0</v>
      </c>
      <c r="KO12" s="329">
        <v>0</v>
      </c>
      <c r="KP12" s="330">
        <v>0</v>
      </c>
      <c r="KQ12" s="390">
        <v>0</v>
      </c>
      <c r="KR12" s="331">
        <v>2582765</v>
      </c>
      <c r="KS12" s="331">
        <v>2454953</v>
      </c>
      <c r="KT12" s="331">
        <v>2800158</v>
      </c>
      <c r="KU12" s="331">
        <v>3386426</v>
      </c>
      <c r="KV12" s="331">
        <v>1346273</v>
      </c>
      <c r="KW12" s="335">
        <v>12570575</v>
      </c>
      <c r="KX12" s="333">
        <v>12570575</v>
      </c>
      <c r="KY12" s="334">
        <v>0</v>
      </c>
      <c r="KZ12" s="331">
        <v>0</v>
      </c>
      <c r="LA12" s="335">
        <v>0</v>
      </c>
      <c r="LB12" s="390">
        <v>0</v>
      </c>
      <c r="LC12" s="331">
        <v>0</v>
      </c>
      <c r="LD12" s="331">
        <v>0</v>
      </c>
      <c r="LE12" s="331">
        <v>0</v>
      </c>
      <c r="LF12" s="331">
        <v>0</v>
      </c>
      <c r="LG12" s="331">
        <v>0</v>
      </c>
      <c r="LH12" s="335">
        <v>0</v>
      </c>
      <c r="LI12" s="336">
        <v>0</v>
      </c>
      <c r="LJ12" s="334">
        <v>0</v>
      </c>
      <c r="LK12" s="331">
        <v>0</v>
      </c>
      <c r="LL12" s="335">
        <v>0</v>
      </c>
      <c r="LM12" s="390">
        <v>0</v>
      </c>
      <c r="LN12" s="331">
        <v>0</v>
      </c>
      <c r="LO12" s="331">
        <v>0</v>
      </c>
      <c r="LP12" s="331">
        <v>237537</v>
      </c>
      <c r="LQ12" s="331">
        <v>286358</v>
      </c>
      <c r="LR12" s="331">
        <v>0</v>
      </c>
      <c r="LS12" s="335">
        <v>523895</v>
      </c>
      <c r="LT12" s="333">
        <v>523895</v>
      </c>
      <c r="LU12" s="334">
        <v>0</v>
      </c>
      <c r="LV12" s="331">
        <v>0</v>
      </c>
      <c r="LW12" s="335">
        <v>0</v>
      </c>
      <c r="LX12" s="390">
        <v>0</v>
      </c>
      <c r="LY12" s="331">
        <v>175139</v>
      </c>
      <c r="LZ12" s="331">
        <v>348912</v>
      </c>
      <c r="MA12" s="331">
        <v>402743</v>
      </c>
      <c r="MB12" s="331">
        <v>1114128</v>
      </c>
      <c r="MC12" s="331">
        <v>387273</v>
      </c>
      <c r="MD12" s="335">
        <v>2428195</v>
      </c>
      <c r="ME12" s="336">
        <v>2428195</v>
      </c>
      <c r="MF12" s="334">
        <v>0</v>
      </c>
      <c r="MG12" s="331">
        <v>0</v>
      </c>
      <c r="MH12" s="335">
        <v>0</v>
      </c>
      <c r="MI12" s="390">
        <v>0</v>
      </c>
      <c r="MJ12" s="331">
        <v>129970</v>
      </c>
      <c r="MK12" s="331">
        <v>3504038</v>
      </c>
      <c r="ML12" s="331">
        <v>16523851</v>
      </c>
      <c r="MM12" s="331">
        <v>20989520</v>
      </c>
      <c r="MN12" s="331">
        <v>13147812</v>
      </c>
      <c r="MO12" s="335">
        <v>54295191</v>
      </c>
      <c r="MP12" s="340">
        <v>54295191</v>
      </c>
      <c r="MQ12" s="334">
        <v>0</v>
      </c>
      <c r="MR12" s="331">
        <v>0</v>
      </c>
      <c r="MS12" s="335">
        <v>0</v>
      </c>
      <c r="MT12" s="390">
        <v>0</v>
      </c>
      <c r="MU12" s="331">
        <v>0</v>
      </c>
      <c r="MV12" s="331">
        <v>217469</v>
      </c>
      <c r="MW12" s="331">
        <v>10655539</v>
      </c>
      <c r="MX12" s="331">
        <v>13316929</v>
      </c>
      <c r="MY12" s="331">
        <v>8562351</v>
      </c>
      <c r="MZ12" s="335">
        <v>32752288</v>
      </c>
      <c r="NA12" s="340">
        <v>32752288</v>
      </c>
      <c r="NB12" s="334">
        <v>0</v>
      </c>
      <c r="NC12" s="331">
        <v>0</v>
      </c>
      <c r="ND12" s="335">
        <v>0</v>
      </c>
      <c r="NE12" s="390">
        <v>0</v>
      </c>
      <c r="NF12" s="331">
        <v>129970</v>
      </c>
      <c r="NG12" s="331">
        <v>3286569</v>
      </c>
      <c r="NH12" s="331">
        <v>5868312</v>
      </c>
      <c r="NI12" s="331">
        <v>6272356</v>
      </c>
      <c r="NJ12" s="331">
        <v>1947755</v>
      </c>
      <c r="NK12" s="335">
        <v>17504962</v>
      </c>
      <c r="NL12" s="333">
        <v>17504962</v>
      </c>
      <c r="NM12" s="334">
        <v>0</v>
      </c>
      <c r="NN12" s="331">
        <v>0</v>
      </c>
      <c r="NO12" s="335">
        <v>0</v>
      </c>
      <c r="NP12" s="390">
        <v>0</v>
      </c>
      <c r="NQ12" s="331">
        <v>0</v>
      </c>
      <c r="NR12" s="331">
        <v>0</v>
      </c>
      <c r="NS12" s="331">
        <v>0</v>
      </c>
      <c r="NT12" s="331">
        <v>0</v>
      </c>
      <c r="NU12" s="331">
        <v>0</v>
      </c>
      <c r="NV12" s="335">
        <v>0</v>
      </c>
      <c r="NW12" s="336">
        <v>0</v>
      </c>
      <c r="NX12" s="334">
        <v>0</v>
      </c>
      <c r="NY12" s="331">
        <v>0</v>
      </c>
      <c r="NZ12" s="335">
        <v>0</v>
      </c>
      <c r="OA12" s="390">
        <v>0</v>
      </c>
      <c r="OB12" s="331">
        <v>0</v>
      </c>
      <c r="OC12" s="331">
        <v>0</v>
      </c>
      <c r="OD12" s="331">
        <v>0</v>
      </c>
      <c r="OE12" s="331">
        <v>1400235</v>
      </c>
      <c r="OF12" s="331">
        <v>2637706</v>
      </c>
      <c r="OG12" s="335">
        <v>4037941</v>
      </c>
      <c r="OH12" s="336">
        <v>4037941</v>
      </c>
      <c r="OI12" s="334">
        <v>2027496</v>
      </c>
      <c r="OJ12" s="331">
        <v>3064973</v>
      </c>
      <c r="OK12" s="332">
        <v>5092469</v>
      </c>
      <c r="OL12" s="337">
        <v>0</v>
      </c>
      <c r="OM12" s="331">
        <v>22849798</v>
      </c>
      <c r="ON12" s="331">
        <v>42293961</v>
      </c>
      <c r="OO12" s="331">
        <v>52475627</v>
      </c>
      <c r="OP12" s="331">
        <v>49436933</v>
      </c>
      <c r="OQ12" s="331">
        <v>32014260</v>
      </c>
      <c r="OR12" s="335">
        <v>199070579</v>
      </c>
      <c r="OS12" s="340">
        <v>204163048</v>
      </c>
    </row>
    <row r="13" spans="1:409" s="56" customFormat="1" ht="21" customHeight="1" x14ac:dyDescent="0.2">
      <c r="B13" s="396" t="s">
        <v>7</v>
      </c>
      <c r="C13" s="312">
        <v>1755551</v>
      </c>
      <c r="D13" s="313">
        <v>1986375</v>
      </c>
      <c r="E13" s="314">
        <v>3741926</v>
      </c>
      <c r="F13" s="315">
        <v>0</v>
      </c>
      <c r="G13" s="313">
        <v>27062003</v>
      </c>
      <c r="H13" s="313">
        <v>25678027</v>
      </c>
      <c r="I13" s="313">
        <v>16737060</v>
      </c>
      <c r="J13" s="313">
        <v>19278965</v>
      </c>
      <c r="K13" s="313">
        <v>14669640</v>
      </c>
      <c r="L13" s="315">
        <v>103425695</v>
      </c>
      <c r="M13" s="316">
        <v>107167621</v>
      </c>
      <c r="N13" s="312">
        <v>348565</v>
      </c>
      <c r="O13" s="313">
        <v>319974</v>
      </c>
      <c r="P13" s="314">
        <v>668539</v>
      </c>
      <c r="Q13" s="312">
        <v>0</v>
      </c>
      <c r="R13" s="313">
        <v>7208752</v>
      </c>
      <c r="S13" s="313">
        <v>8082134</v>
      </c>
      <c r="T13" s="313">
        <v>4833145</v>
      </c>
      <c r="U13" s="313">
        <v>7886664</v>
      </c>
      <c r="V13" s="313">
        <v>6478572</v>
      </c>
      <c r="W13" s="314">
        <v>34489267</v>
      </c>
      <c r="X13" s="316">
        <v>35157806</v>
      </c>
      <c r="Y13" s="312">
        <v>0</v>
      </c>
      <c r="Z13" s="313">
        <v>0</v>
      </c>
      <c r="AA13" s="314">
        <v>0</v>
      </c>
      <c r="AB13" s="312">
        <v>0</v>
      </c>
      <c r="AC13" s="313">
        <v>3353107</v>
      </c>
      <c r="AD13" s="313">
        <v>3989870</v>
      </c>
      <c r="AE13" s="313">
        <v>2701039</v>
      </c>
      <c r="AF13" s="313">
        <v>5021837</v>
      </c>
      <c r="AG13" s="313">
        <v>3577884</v>
      </c>
      <c r="AH13" s="314">
        <v>18643737</v>
      </c>
      <c r="AI13" s="316">
        <v>18643737</v>
      </c>
      <c r="AJ13" s="312">
        <v>0</v>
      </c>
      <c r="AK13" s="313">
        <v>0</v>
      </c>
      <c r="AL13" s="314">
        <v>0</v>
      </c>
      <c r="AM13" s="312">
        <v>0</v>
      </c>
      <c r="AN13" s="313">
        <v>0</v>
      </c>
      <c r="AO13" s="313">
        <v>340095</v>
      </c>
      <c r="AP13" s="313">
        <v>214984</v>
      </c>
      <c r="AQ13" s="313">
        <v>491226</v>
      </c>
      <c r="AR13" s="313">
        <v>695408</v>
      </c>
      <c r="AS13" s="314">
        <v>1741713</v>
      </c>
      <c r="AT13" s="316">
        <v>1741713</v>
      </c>
      <c r="AU13" s="312">
        <v>20829</v>
      </c>
      <c r="AV13" s="313">
        <v>53956</v>
      </c>
      <c r="AW13" s="314">
        <v>74785</v>
      </c>
      <c r="AX13" s="312">
        <v>0</v>
      </c>
      <c r="AY13" s="313">
        <v>2019510</v>
      </c>
      <c r="AZ13" s="313">
        <v>2211576</v>
      </c>
      <c r="BA13" s="313">
        <v>784864</v>
      </c>
      <c r="BB13" s="313">
        <v>1092420</v>
      </c>
      <c r="BC13" s="313">
        <v>1355188</v>
      </c>
      <c r="BD13" s="314">
        <v>7463558</v>
      </c>
      <c r="BE13" s="316">
        <v>7538343</v>
      </c>
      <c r="BF13" s="312">
        <v>0</v>
      </c>
      <c r="BG13" s="313">
        <v>41138</v>
      </c>
      <c r="BH13" s="317">
        <v>41138</v>
      </c>
      <c r="BI13" s="318">
        <v>0</v>
      </c>
      <c r="BJ13" s="313">
        <v>309399</v>
      </c>
      <c r="BK13" s="313">
        <v>113521</v>
      </c>
      <c r="BL13" s="313">
        <v>95042</v>
      </c>
      <c r="BM13" s="313">
        <v>124237</v>
      </c>
      <c r="BN13" s="313">
        <v>61588</v>
      </c>
      <c r="BO13" s="314">
        <v>703787</v>
      </c>
      <c r="BP13" s="316">
        <v>744925</v>
      </c>
      <c r="BQ13" s="312">
        <v>327736</v>
      </c>
      <c r="BR13" s="313">
        <v>224880</v>
      </c>
      <c r="BS13" s="314">
        <v>552616</v>
      </c>
      <c r="BT13" s="312">
        <v>0</v>
      </c>
      <c r="BU13" s="313">
        <v>1526736</v>
      </c>
      <c r="BV13" s="313">
        <v>1427072</v>
      </c>
      <c r="BW13" s="313">
        <v>1037216</v>
      </c>
      <c r="BX13" s="313">
        <v>1156944</v>
      </c>
      <c r="BY13" s="313">
        <v>788504</v>
      </c>
      <c r="BZ13" s="314">
        <v>5936472</v>
      </c>
      <c r="CA13" s="316">
        <v>6489088</v>
      </c>
      <c r="CB13" s="312">
        <v>62601</v>
      </c>
      <c r="CC13" s="313">
        <v>232949</v>
      </c>
      <c r="CD13" s="314">
        <v>295550</v>
      </c>
      <c r="CE13" s="312">
        <v>0</v>
      </c>
      <c r="CF13" s="313">
        <v>8900661</v>
      </c>
      <c r="CG13" s="313">
        <v>6534189</v>
      </c>
      <c r="CH13" s="313">
        <v>3810122</v>
      </c>
      <c r="CI13" s="313">
        <v>1994453</v>
      </c>
      <c r="CJ13" s="313">
        <v>1680127</v>
      </c>
      <c r="CK13" s="314">
        <v>22919552</v>
      </c>
      <c r="CL13" s="316">
        <v>23215102</v>
      </c>
      <c r="CM13" s="312">
        <v>0</v>
      </c>
      <c r="CN13" s="313">
        <v>0</v>
      </c>
      <c r="CO13" s="314">
        <v>0</v>
      </c>
      <c r="CP13" s="318">
        <v>0</v>
      </c>
      <c r="CQ13" s="313">
        <v>7542269</v>
      </c>
      <c r="CR13" s="313">
        <v>4727077</v>
      </c>
      <c r="CS13" s="313">
        <v>3165316</v>
      </c>
      <c r="CT13" s="313">
        <v>1621800</v>
      </c>
      <c r="CU13" s="313">
        <v>1221134</v>
      </c>
      <c r="CV13" s="314">
        <v>18277596</v>
      </c>
      <c r="CW13" s="316">
        <v>18277596</v>
      </c>
      <c r="CX13" s="312">
        <v>62601</v>
      </c>
      <c r="CY13" s="313">
        <v>232949</v>
      </c>
      <c r="CZ13" s="314">
        <v>295550</v>
      </c>
      <c r="DA13" s="312">
        <v>0</v>
      </c>
      <c r="DB13" s="313">
        <v>1358392</v>
      </c>
      <c r="DC13" s="313">
        <v>1807112</v>
      </c>
      <c r="DD13" s="313">
        <v>644806</v>
      </c>
      <c r="DE13" s="313">
        <v>372653</v>
      </c>
      <c r="DF13" s="313">
        <v>458993</v>
      </c>
      <c r="DG13" s="314">
        <v>4641956</v>
      </c>
      <c r="DH13" s="316">
        <v>4937506</v>
      </c>
      <c r="DI13" s="312">
        <v>0</v>
      </c>
      <c r="DJ13" s="313">
        <v>0</v>
      </c>
      <c r="DK13" s="317">
        <v>0</v>
      </c>
      <c r="DL13" s="318">
        <v>0</v>
      </c>
      <c r="DM13" s="313">
        <v>932573</v>
      </c>
      <c r="DN13" s="313">
        <v>2538817</v>
      </c>
      <c r="DO13" s="313">
        <v>2189217</v>
      </c>
      <c r="DP13" s="313">
        <v>1834681</v>
      </c>
      <c r="DQ13" s="313">
        <v>1346537</v>
      </c>
      <c r="DR13" s="314">
        <v>8841825</v>
      </c>
      <c r="DS13" s="316">
        <v>8841825</v>
      </c>
      <c r="DT13" s="312">
        <v>0</v>
      </c>
      <c r="DU13" s="313">
        <v>0</v>
      </c>
      <c r="DV13" s="314">
        <v>0</v>
      </c>
      <c r="DW13" s="312">
        <v>0</v>
      </c>
      <c r="DX13" s="313">
        <v>932573</v>
      </c>
      <c r="DY13" s="313">
        <v>2324047</v>
      </c>
      <c r="DZ13" s="313">
        <v>1883249</v>
      </c>
      <c r="EA13" s="313">
        <v>1834681</v>
      </c>
      <c r="EB13" s="313">
        <v>1346537</v>
      </c>
      <c r="EC13" s="314">
        <v>8321087</v>
      </c>
      <c r="ED13" s="316">
        <v>8321087</v>
      </c>
      <c r="EE13" s="312">
        <v>0</v>
      </c>
      <c r="EF13" s="317">
        <v>0</v>
      </c>
      <c r="EG13" s="314">
        <v>0</v>
      </c>
      <c r="EH13" s="312">
        <v>0</v>
      </c>
      <c r="EI13" s="313">
        <v>0</v>
      </c>
      <c r="EJ13" s="313">
        <v>214770</v>
      </c>
      <c r="EK13" s="313">
        <v>305968</v>
      </c>
      <c r="EL13" s="313">
        <v>0</v>
      </c>
      <c r="EM13" s="313">
        <v>0</v>
      </c>
      <c r="EN13" s="317">
        <v>520738</v>
      </c>
      <c r="EO13" s="316">
        <v>520738</v>
      </c>
      <c r="EP13" s="312">
        <v>0</v>
      </c>
      <c r="EQ13" s="313">
        <v>0</v>
      </c>
      <c r="ER13" s="317">
        <v>0</v>
      </c>
      <c r="ES13" s="318">
        <v>0</v>
      </c>
      <c r="ET13" s="313">
        <v>0</v>
      </c>
      <c r="EU13" s="313">
        <v>0</v>
      </c>
      <c r="EV13" s="313">
        <v>0</v>
      </c>
      <c r="EW13" s="313">
        <v>0</v>
      </c>
      <c r="EX13" s="313">
        <v>0</v>
      </c>
      <c r="EY13" s="314">
        <v>0</v>
      </c>
      <c r="EZ13" s="316">
        <v>0</v>
      </c>
      <c r="FA13" s="312">
        <v>0</v>
      </c>
      <c r="FB13" s="313">
        <v>0</v>
      </c>
      <c r="FC13" s="317">
        <v>0</v>
      </c>
      <c r="FD13" s="318">
        <v>0</v>
      </c>
      <c r="FE13" s="313">
        <v>0</v>
      </c>
      <c r="FF13" s="313">
        <v>0</v>
      </c>
      <c r="FG13" s="313">
        <v>0</v>
      </c>
      <c r="FH13" s="313">
        <v>0</v>
      </c>
      <c r="FI13" s="313">
        <v>0</v>
      </c>
      <c r="FJ13" s="314">
        <v>0</v>
      </c>
      <c r="FK13" s="316">
        <v>0</v>
      </c>
      <c r="FL13" s="312">
        <v>267459</v>
      </c>
      <c r="FM13" s="313">
        <v>209856</v>
      </c>
      <c r="FN13" s="314">
        <v>477315</v>
      </c>
      <c r="FO13" s="312">
        <v>0</v>
      </c>
      <c r="FP13" s="313">
        <v>1863614</v>
      </c>
      <c r="FQ13" s="313">
        <v>2338191</v>
      </c>
      <c r="FR13" s="313">
        <v>1512496</v>
      </c>
      <c r="FS13" s="313">
        <v>1224915</v>
      </c>
      <c r="FT13" s="313">
        <v>750024</v>
      </c>
      <c r="FU13" s="314">
        <v>7689240</v>
      </c>
      <c r="FV13" s="316">
        <v>8166555</v>
      </c>
      <c r="FW13" s="319">
        <v>157712</v>
      </c>
      <c r="FX13" s="313">
        <v>185568</v>
      </c>
      <c r="FY13" s="317">
        <v>343280</v>
      </c>
      <c r="FZ13" s="318">
        <v>0</v>
      </c>
      <c r="GA13" s="313">
        <v>901912</v>
      </c>
      <c r="GB13" s="313">
        <v>2221600</v>
      </c>
      <c r="GC13" s="313">
        <v>1194896</v>
      </c>
      <c r="GD13" s="313">
        <v>1117760</v>
      </c>
      <c r="GE13" s="313">
        <v>750024</v>
      </c>
      <c r="GF13" s="314">
        <v>6186192</v>
      </c>
      <c r="GG13" s="320">
        <v>6529472</v>
      </c>
      <c r="GH13" s="319">
        <v>24147</v>
      </c>
      <c r="GI13" s="313">
        <v>24288</v>
      </c>
      <c r="GJ13" s="317">
        <v>48435</v>
      </c>
      <c r="GK13" s="318">
        <v>0</v>
      </c>
      <c r="GL13" s="313">
        <v>365702</v>
      </c>
      <c r="GM13" s="313">
        <v>116591</v>
      </c>
      <c r="GN13" s="313">
        <v>0</v>
      </c>
      <c r="GO13" s="313">
        <v>51955</v>
      </c>
      <c r="GP13" s="313">
        <v>0</v>
      </c>
      <c r="GQ13" s="314">
        <v>534248</v>
      </c>
      <c r="GR13" s="316">
        <v>582683</v>
      </c>
      <c r="GS13" s="312">
        <v>85600</v>
      </c>
      <c r="GT13" s="313">
        <v>0</v>
      </c>
      <c r="GU13" s="314">
        <v>85600</v>
      </c>
      <c r="GV13" s="312">
        <v>0</v>
      </c>
      <c r="GW13" s="313">
        <v>596000</v>
      </c>
      <c r="GX13" s="313">
        <v>0</v>
      </c>
      <c r="GY13" s="313">
        <v>317600</v>
      </c>
      <c r="GZ13" s="313">
        <v>55200</v>
      </c>
      <c r="HA13" s="313">
        <v>0</v>
      </c>
      <c r="HB13" s="317">
        <v>968800</v>
      </c>
      <c r="HC13" s="316">
        <v>1054400</v>
      </c>
      <c r="HD13" s="312">
        <v>1076926</v>
      </c>
      <c r="HE13" s="313">
        <v>1223596</v>
      </c>
      <c r="HF13" s="317">
        <v>2300522</v>
      </c>
      <c r="HG13" s="318">
        <v>0</v>
      </c>
      <c r="HH13" s="313">
        <v>8156403</v>
      </c>
      <c r="HI13" s="313">
        <v>6184696</v>
      </c>
      <c r="HJ13" s="313">
        <v>4392080</v>
      </c>
      <c r="HK13" s="313">
        <v>6338252</v>
      </c>
      <c r="HL13" s="313">
        <v>4414380</v>
      </c>
      <c r="HM13" s="314">
        <v>29485811</v>
      </c>
      <c r="HN13" s="315">
        <v>31786333</v>
      </c>
      <c r="HO13" s="319">
        <v>0</v>
      </c>
      <c r="HP13" s="313">
        <v>0</v>
      </c>
      <c r="HQ13" s="314">
        <v>0</v>
      </c>
      <c r="HR13" s="312">
        <v>0</v>
      </c>
      <c r="HS13" s="313">
        <v>0</v>
      </c>
      <c r="HT13" s="313">
        <v>0</v>
      </c>
      <c r="HU13" s="313">
        <v>0</v>
      </c>
      <c r="HV13" s="313">
        <v>0</v>
      </c>
      <c r="HW13" s="313">
        <v>0</v>
      </c>
      <c r="HX13" s="317">
        <v>0</v>
      </c>
      <c r="HY13" s="316">
        <v>0</v>
      </c>
      <c r="HZ13" s="321">
        <v>0</v>
      </c>
      <c r="IA13" s="322">
        <v>0</v>
      </c>
      <c r="IB13" s="323">
        <v>0</v>
      </c>
      <c r="IC13" s="324">
        <v>0</v>
      </c>
      <c r="ID13" s="322">
        <v>5394110</v>
      </c>
      <c r="IE13" s="325">
        <v>7804148</v>
      </c>
      <c r="IF13" s="323">
        <v>5819013</v>
      </c>
      <c r="IG13" s="322">
        <v>3552654</v>
      </c>
      <c r="IH13" s="323">
        <v>893475</v>
      </c>
      <c r="II13" s="326">
        <v>23463400</v>
      </c>
      <c r="IJ13" s="327">
        <v>23463400</v>
      </c>
      <c r="IK13" s="328">
        <v>0</v>
      </c>
      <c r="IL13" s="329">
        <v>0</v>
      </c>
      <c r="IM13" s="330">
        <v>0</v>
      </c>
      <c r="IN13" s="390">
        <v>0</v>
      </c>
      <c r="IO13" s="331">
        <v>0</v>
      </c>
      <c r="IP13" s="331">
        <v>266264</v>
      </c>
      <c r="IQ13" s="331">
        <v>0</v>
      </c>
      <c r="IR13" s="331">
        <v>275812</v>
      </c>
      <c r="IS13" s="331">
        <v>0</v>
      </c>
      <c r="IT13" s="332">
        <v>542076</v>
      </c>
      <c r="IU13" s="333">
        <v>542076</v>
      </c>
      <c r="IV13" s="334">
        <v>0</v>
      </c>
      <c r="IW13" s="331">
        <v>0</v>
      </c>
      <c r="IX13" s="335">
        <v>0</v>
      </c>
      <c r="IY13" s="390">
        <v>0</v>
      </c>
      <c r="IZ13" s="331">
        <v>0</v>
      </c>
      <c r="JA13" s="331">
        <v>0</v>
      </c>
      <c r="JB13" s="331">
        <v>0</v>
      </c>
      <c r="JC13" s="331">
        <v>0</v>
      </c>
      <c r="JD13" s="331">
        <v>0</v>
      </c>
      <c r="JE13" s="335">
        <v>0</v>
      </c>
      <c r="JF13" s="336">
        <v>0</v>
      </c>
      <c r="JG13" s="334">
        <v>0</v>
      </c>
      <c r="JH13" s="331">
        <v>0</v>
      </c>
      <c r="JI13" s="332">
        <v>0</v>
      </c>
      <c r="JJ13" s="337">
        <v>0</v>
      </c>
      <c r="JK13" s="331">
        <v>3193847</v>
      </c>
      <c r="JL13" s="331">
        <v>3614669</v>
      </c>
      <c r="JM13" s="331">
        <v>1212568</v>
      </c>
      <c r="JN13" s="331">
        <v>701053</v>
      </c>
      <c r="JO13" s="331">
        <v>0</v>
      </c>
      <c r="JP13" s="335">
        <v>8722137</v>
      </c>
      <c r="JQ13" s="333">
        <v>8722137</v>
      </c>
      <c r="JR13" s="334">
        <v>0</v>
      </c>
      <c r="JS13" s="331">
        <v>0</v>
      </c>
      <c r="JT13" s="332">
        <v>0</v>
      </c>
      <c r="JU13" s="337">
        <v>0</v>
      </c>
      <c r="JV13" s="331">
        <v>342677</v>
      </c>
      <c r="JW13" s="331">
        <v>860401</v>
      </c>
      <c r="JX13" s="331">
        <v>810640</v>
      </c>
      <c r="JY13" s="331">
        <v>412343</v>
      </c>
      <c r="JZ13" s="331">
        <v>63004</v>
      </c>
      <c r="KA13" s="335">
        <v>2489065</v>
      </c>
      <c r="KB13" s="333">
        <v>2489065</v>
      </c>
      <c r="KC13" s="338">
        <v>0</v>
      </c>
      <c r="KD13" s="339">
        <v>0</v>
      </c>
      <c r="KE13" s="335">
        <v>0</v>
      </c>
      <c r="KF13" s="337">
        <v>0</v>
      </c>
      <c r="KG13" s="331">
        <v>456217</v>
      </c>
      <c r="KH13" s="331">
        <v>508078</v>
      </c>
      <c r="KI13" s="331">
        <v>444563</v>
      </c>
      <c r="KJ13" s="331">
        <v>253289</v>
      </c>
      <c r="KK13" s="331">
        <v>0</v>
      </c>
      <c r="KL13" s="335">
        <v>1662147</v>
      </c>
      <c r="KM13" s="340">
        <v>1662147</v>
      </c>
      <c r="KN13" s="328">
        <v>0</v>
      </c>
      <c r="KO13" s="329">
        <v>0</v>
      </c>
      <c r="KP13" s="330">
        <v>0</v>
      </c>
      <c r="KQ13" s="390">
        <v>0</v>
      </c>
      <c r="KR13" s="331">
        <v>1401369</v>
      </c>
      <c r="KS13" s="331">
        <v>2623716</v>
      </c>
      <c r="KT13" s="331">
        <v>2557638</v>
      </c>
      <c r="KU13" s="331">
        <v>1626291</v>
      </c>
      <c r="KV13" s="331">
        <v>524325</v>
      </c>
      <c r="KW13" s="335">
        <v>8733339</v>
      </c>
      <c r="KX13" s="333">
        <v>8733339</v>
      </c>
      <c r="KY13" s="334">
        <v>0</v>
      </c>
      <c r="KZ13" s="331">
        <v>0</v>
      </c>
      <c r="LA13" s="335">
        <v>0</v>
      </c>
      <c r="LB13" s="390">
        <v>0</v>
      </c>
      <c r="LC13" s="331">
        <v>0</v>
      </c>
      <c r="LD13" s="331">
        <v>0</v>
      </c>
      <c r="LE13" s="331">
        <v>0</v>
      </c>
      <c r="LF13" s="331">
        <v>0</v>
      </c>
      <c r="LG13" s="331">
        <v>0</v>
      </c>
      <c r="LH13" s="335">
        <v>0</v>
      </c>
      <c r="LI13" s="336">
        <v>0</v>
      </c>
      <c r="LJ13" s="334">
        <v>0</v>
      </c>
      <c r="LK13" s="331">
        <v>0</v>
      </c>
      <c r="LL13" s="335">
        <v>0</v>
      </c>
      <c r="LM13" s="390">
        <v>0</v>
      </c>
      <c r="LN13" s="331">
        <v>0</v>
      </c>
      <c r="LO13" s="331">
        <v>0</v>
      </c>
      <c r="LP13" s="331">
        <v>0</v>
      </c>
      <c r="LQ13" s="331">
        <v>0</v>
      </c>
      <c r="LR13" s="331">
        <v>0</v>
      </c>
      <c r="LS13" s="335">
        <v>0</v>
      </c>
      <c r="LT13" s="333">
        <v>0</v>
      </c>
      <c r="LU13" s="334">
        <v>0</v>
      </c>
      <c r="LV13" s="331">
        <v>0</v>
      </c>
      <c r="LW13" s="335">
        <v>0</v>
      </c>
      <c r="LX13" s="390">
        <v>0</v>
      </c>
      <c r="LY13" s="331">
        <v>0</v>
      </c>
      <c r="LZ13" s="331">
        <v>-68980</v>
      </c>
      <c r="MA13" s="331">
        <v>793604</v>
      </c>
      <c r="MB13" s="331">
        <v>283866</v>
      </c>
      <c r="MC13" s="331">
        <v>306146</v>
      </c>
      <c r="MD13" s="335">
        <v>1314636</v>
      </c>
      <c r="ME13" s="336">
        <v>1314636</v>
      </c>
      <c r="MF13" s="334">
        <v>0</v>
      </c>
      <c r="MG13" s="331">
        <v>0</v>
      </c>
      <c r="MH13" s="335">
        <v>0</v>
      </c>
      <c r="MI13" s="390">
        <v>0</v>
      </c>
      <c r="MJ13" s="331">
        <v>3392068</v>
      </c>
      <c r="MK13" s="331">
        <v>2931847</v>
      </c>
      <c r="ML13" s="331">
        <v>12413288</v>
      </c>
      <c r="MM13" s="331">
        <v>18749631</v>
      </c>
      <c r="MN13" s="331">
        <v>6995527</v>
      </c>
      <c r="MO13" s="335">
        <v>44482361</v>
      </c>
      <c r="MP13" s="340">
        <v>44482361</v>
      </c>
      <c r="MQ13" s="334">
        <v>0</v>
      </c>
      <c r="MR13" s="331">
        <v>0</v>
      </c>
      <c r="MS13" s="335">
        <v>0</v>
      </c>
      <c r="MT13" s="390">
        <v>0</v>
      </c>
      <c r="MU13" s="331">
        <v>0</v>
      </c>
      <c r="MV13" s="331">
        <v>234544</v>
      </c>
      <c r="MW13" s="331">
        <v>8457415</v>
      </c>
      <c r="MX13" s="331">
        <v>13366554</v>
      </c>
      <c r="MY13" s="331">
        <v>5407800</v>
      </c>
      <c r="MZ13" s="335">
        <v>27466313</v>
      </c>
      <c r="NA13" s="340">
        <v>27466313</v>
      </c>
      <c r="NB13" s="334">
        <v>0</v>
      </c>
      <c r="NC13" s="331">
        <v>0</v>
      </c>
      <c r="ND13" s="335">
        <v>0</v>
      </c>
      <c r="NE13" s="390">
        <v>0</v>
      </c>
      <c r="NF13" s="331">
        <v>3392068</v>
      </c>
      <c r="NG13" s="331">
        <v>2697303</v>
      </c>
      <c r="NH13" s="331">
        <v>3955873</v>
      </c>
      <c r="NI13" s="331">
        <v>4686894</v>
      </c>
      <c r="NJ13" s="331">
        <v>1587727</v>
      </c>
      <c r="NK13" s="335">
        <v>16319865</v>
      </c>
      <c r="NL13" s="333">
        <v>16319865</v>
      </c>
      <c r="NM13" s="334">
        <v>0</v>
      </c>
      <c r="NN13" s="331">
        <v>0</v>
      </c>
      <c r="NO13" s="335">
        <v>0</v>
      </c>
      <c r="NP13" s="390">
        <v>0</v>
      </c>
      <c r="NQ13" s="331">
        <v>0</v>
      </c>
      <c r="NR13" s="331">
        <v>0</v>
      </c>
      <c r="NS13" s="331">
        <v>0</v>
      </c>
      <c r="NT13" s="331">
        <v>0</v>
      </c>
      <c r="NU13" s="331">
        <v>0</v>
      </c>
      <c r="NV13" s="335">
        <v>0</v>
      </c>
      <c r="NW13" s="336">
        <v>0</v>
      </c>
      <c r="NX13" s="334">
        <v>0</v>
      </c>
      <c r="NY13" s="331">
        <v>0</v>
      </c>
      <c r="NZ13" s="335">
        <v>0</v>
      </c>
      <c r="OA13" s="390">
        <v>0</v>
      </c>
      <c r="OB13" s="331">
        <v>0</v>
      </c>
      <c r="OC13" s="331">
        <v>0</v>
      </c>
      <c r="OD13" s="331">
        <v>0</v>
      </c>
      <c r="OE13" s="331">
        <v>696183</v>
      </c>
      <c r="OF13" s="331">
        <v>0</v>
      </c>
      <c r="OG13" s="335">
        <v>696183</v>
      </c>
      <c r="OH13" s="336">
        <v>696183</v>
      </c>
      <c r="OI13" s="334">
        <v>1755551</v>
      </c>
      <c r="OJ13" s="331">
        <v>1986375</v>
      </c>
      <c r="OK13" s="332">
        <v>3741926</v>
      </c>
      <c r="OL13" s="337">
        <v>0</v>
      </c>
      <c r="OM13" s="331">
        <v>35848181</v>
      </c>
      <c r="ON13" s="331">
        <v>36414022</v>
      </c>
      <c r="OO13" s="331">
        <v>34969361</v>
      </c>
      <c r="OP13" s="331">
        <v>41581250</v>
      </c>
      <c r="OQ13" s="331">
        <v>22558642</v>
      </c>
      <c r="OR13" s="335">
        <v>171371456</v>
      </c>
      <c r="OS13" s="340">
        <v>175113382</v>
      </c>
    </row>
    <row r="14" spans="1:409" s="56" customFormat="1" ht="21" customHeight="1" x14ac:dyDescent="0.2">
      <c r="B14" s="396" t="s">
        <v>8</v>
      </c>
      <c r="C14" s="312">
        <v>1056370</v>
      </c>
      <c r="D14" s="313">
        <v>726913</v>
      </c>
      <c r="E14" s="314">
        <v>1783283</v>
      </c>
      <c r="F14" s="315">
        <v>0</v>
      </c>
      <c r="G14" s="313">
        <v>8231252</v>
      </c>
      <c r="H14" s="313">
        <v>9473921</v>
      </c>
      <c r="I14" s="313">
        <v>8869583</v>
      </c>
      <c r="J14" s="313">
        <v>7656139</v>
      </c>
      <c r="K14" s="313">
        <v>6278452</v>
      </c>
      <c r="L14" s="315">
        <v>40509347</v>
      </c>
      <c r="M14" s="316">
        <v>42292630</v>
      </c>
      <c r="N14" s="312">
        <v>200537</v>
      </c>
      <c r="O14" s="313">
        <v>174801</v>
      </c>
      <c r="P14" s="314">
        <v>375338</v>
      </c>
      <c r="Q14" s="312">
        <v>0</v>
      </c>
      <c r="R14" s="313">
        <v>2247484</v>
      </c>
      <c r="S14" s="313">
        <v>3059044</v>
      </c>
      <c r="T14" s="313">
        <v>4055506</v>
      </c>
      <c r="U14" s="313">
        <v>2681917</v>
      </c>
      <c r="V14" s="313">
        <v>3577589</v>
      </c>
      <c r="W14" s="314">
        <v>15621540</v>
      </c>
      <c r="X14" s="316">
        <v>15996878</v>
      </c>
      <c r="Y14" s="312">
        <v>0</v>
      </c>
      <c r="Z14" s="313">
        <v>0</v>
      </c>
      <c r="AA14" s="314">
        <v>0</v>
      </c>
      <c r="AB14" s="312">
        <v>0</v>
      </c>
      <c r="AC14" s="313">
        <v>667956</v>
      </c>
      <c r="AD14" s="313">
        <v>1257506</v>
      </c>
      <c r="AE14" s="313">
        <v>1908585</v>
      </c>
      <c r="AF14" s="313">
        <v>1320751</v>
      </c>
      <c r="AG14" s="313">
        <v>2129144</v>
      </c>
      <c r="AH14" s="314">
        <v>7283942</v>
      </c>
      <c r="AI14" s="316">
        <v>7283942</v>
      </c>
      <c r="AJ14" s="312">
        <v>0</v>
      </c>
      <c r="AK14" s="313">
        <v>0</v>
      </c>
      <c r="AL14" s="314">
        <v>0</v>
      </c>
      <c r="AM14" s="312">
        <v>0</v>
      </c>
      <c r="AN14" s="313">
        <v>47422</v>
      </c>
      <c r="AO14" s="313">
        <v>94844</v>
      </c>
      <c r="AP14" s="313">
        <v>267052</v>
      </c>
      <c r="AQ14" s="313">
        <v>97480</v>
      </c>
      <c r="AR14" s="313">
        <v>511684</v>
      </c>
      <c r="AS14" s="314">
        <v>1018482</v>
      </c>
      <c r="AT14" s="316">
        <v>1018482</v>
      </c>
      <c r="AU14" s="312">
        <v>89492</v>
      </c>
      <c r="AV14" s="313">
        <v>75813</v>
      </c>
      <c r="AW14" s="314">
        <v>165305</v>
      </c>
      <c r="AX14" s="312">
        <v>0</v>
      </c>
      <c r="AY14" s="313">
        <v>849184</v>
      </c>
      <c r="AZ14" s="313">
        <v>1142428</v>
      </c>
      <c r="BA14" s="313">
        <v>1294621</v>
      </c>
      <c r="BB14" s="313">
        <v>854814</v>
      </c>
      <c r="BC14" s="313">
        <v>562941</v>
      </c>
      <c r="BD14" s="314">
        <v>4703988</v>
      </c>
      <c r="BE14" s="316">
        <v>4869293</v>
      </c>
      <c r="BF14" s="312">
        <v>25437</v>
      </c>
      <c r="BG14" s="313">
        <v>41052</v>
      </c>
      <c r="BH14" s="317">
        <v>66489</v>
      </c>
      <c r="BI14" s="318">
        <v>0</v>
      </c>
      <c r="BJ14" s="313">
        <v>177226</v>
      </c>
      <c r="BK14" s="313">
        <v>200986</v>
      </c>
      <c r="BL14" s="313">
        <v>141712</v>
      </c>
      <c r="BM14" s="313">
        <v>43920</v>
      </c>
      <c r="BN14" s="313">
        <v>17420</v>
      </c>
      <c r="BO14" s="314">
        <v>581264</v>
      </c>
      <c r="BP14" s="316">
        <v>647753</v>
      </c>
      <c r="BQ14" s="312">
        <v>85608</v>
      </c>
      <c r="BR14" s="313">
        <v>57936</v>
      </c>
      <c r="BS14" s="314">
        <v>143544</v>
      </c>
      <c r="BT14" s="312">
        <v>0</v>
      </c>
      <c r="BU14" s="313">
        <v>505696</v>
      </c>
      <c r="BV14" s="313">
        <v>363280</v>
      </c>
      <c r="BW14" s="313">
        <v>443536</v>
      </c>
      <c r="BX14" s="313">
        <v>364952</v>
      </c>
      <c r="BY14" s="313">
        <v>356400</v>
      </c>
      <c r="BZ14" s="314">
        <v>2033864</v>
      </c>
      <c r="CA14" s="316">
        <v>2177408</v>
      </c>
      <c r="CB14" s="312">
        <v>126258</v>
      </c>
      <c r="CC14" s="313">
        <v>155860</v>
      </c>
      <c r="CD14" s="314">
        <v>282118</v>
      </c>
      <c r="CE14" s="312">
        <v>0</v>
      </c>
      <c r="CF14" s="313">
        <v>2824819</v>
      </c>
      <c r="CG14" s="313">
        <v>3268690</v>
      </c>
      <c r="CH14" s="313">
        <v>1493798</v>
      </c>
      <c r="CI14" s="313">
        <v>1524343</v>
      </c>
      <c r="CJ14" s="313">
        <v>704824</v>
      </c>
      <c r="CK14" s="314">
        <v>9816474</v>
      </c>
      <c r="CL14" s="316">
        <v>10098592</v>
      </c>
      <c r="CM14" s="312">
        <v>0</v>
      </c>
      <c r="CN14" s="313">
        <v>0</v>
      </c>
      <c r="CO14" s="314">
        <v>0</v>
      </c>
      <c r="CP14" s="318">
        <v>0</v>
      </c>
      <c r="CQ14" s="313">
        <v>2279067</v>
      </c>
      <c r="CR14" s="313">
        <v>2685211</v>
      </c>
      <c r="CS14" s="313">
        <v>1112414</v>
      </c>
      <c r="CT14" s="313">
        <v>1442993</v>
      </c>
      <c r="CU14" s="313">
        <v>611461</v>
      </c>
      <c r="CV14" s="314">
        <v>8131146</v>
      </c>
      <c r="CW14" s="316">
        <v>8131146</v>
      </c>
      <c r="CX14" s="312">
        <v>126258</v>
      </c>
      <c r="CY14" s="313">
        <v>155860</v>
      </c>
      <c r="CZ14" s="314">
        <v>282118</v>
      </c>
      <c r="DA14" s="312">
        <v>0</v>
      </c>
      <c r="DB14" s="313">
        <v>545752</v>
      </c>
      <c r="DC14" s="313">
        <v>583479</v>
      </c>
      <c r="DD14" s="313">
        <v>381384</v>
      </c>
      <c r="DE14" s="313">
        <v>81350</v>
      </c>
      <c r="DF14" s="313">
        <v>93363</v>
      </c>
      <c r="DG14" s="314">
        <v>1685328</v>
      </c>
      <c r="DH14" s="316">
        <v>1967446</v>
      </c>
      <c r="DI14" s="312">
        <v>0</v>
      </c>
      <c r="DJ14" s="313">
        <v>59037</v>
      </c>
      <c r="DK14" s="317">
        <v>59037</v>
      </c>
      <c r="DL14" s="318">
        <v>0</v>
      </c>
      <c r="DM14" s="313">
        <v>84170</v>
      </c>
      <c r="DN14" s="313">
        <v>316377</v>
      </c>
      <c r="DO14" s="313">
        <v>1026343</v>
      </c>
      <c r="DP14" s="313">
        <v>460819</v>
      </c>
      <c r="DQ14" s="313">
        <v>677923</v>
      </c>
      <c r="DR14" s="314">
        <v>2565632</v>
      </c>
      <c r="DS14" s="316">
        <v>2624669</v>
      </c>
      <c r="DT14" s="312">
        <v>0</v>
      </c>
      <c r="DU14" s="313">
        <v>59037</v>
      </c>
      <c r="DV14" s="314">
        <v>59037</v>
      </c>
      <c r="DW14" s="312">
        <v>0</v>
      </c>
      <c r="DX14" s="313">
        <v>84170</v>
      </c>
      <c r="DY14" s="313">
        <v>316377</v>
      </c>
      <c r="DZ14" s="313">
        <v>1013511</v>
      </c>
      <c r="EA14" s="313">
        <v>460819</v>
      </c>
      <c r="EB14" s="313">
        <v>677923</v>
      </c>
      <c r="EC14" s="314">
        <v>2552800</v>
      </c>
      <c r="ED14" s="316">
        <v>2611837</v>
      </c>
      <c r="EE14" s="312">
        <v>0</v>
      </c>
      <c r="EF14" s="317">
        <v>0</v>
      </c>
      <c r="EG14" s="314">
        <v>0</v>
      </c>
      <c r="EH14" s="312">
        <v>0</v>
      </c>
      <c r="EI14" s="313">
        <v>0</v>
      </c>
      <c r="EJ14" s="313">
        <v>0</v>
      </c>
      <c r="EK14" s="313">
        <v>12832</v>
      </c>
      <c r="EL14" s="313">
        <v>0</v>
      </c>
      <c r="EM14" s="313">
        <v>0</v>
      </c>
      <c r="EN14" s="317">
        <v>12832</v>
      </c>
      <c r="EO14" s="316">
        <v>12832</v>
      </c>
      <c r="EP14" s="312">
        <v>0</v>
      </c>
      <c r="EQ14" s="313">
        <v>0</v>
      </c>
      <c r="ER14" s="317">
        <v>0</v>
      </c>
      <c r="ES14" s="318">
        <v>0</v>
      </c>
      <c r="ET14" s="313">
        <v>0</v>
      </c>
      <c r="EU14" s="313">
        <v>0</v>
      </c>
      <c r="EV14" s="313">
        <v>0</v>
      </c>
      <c r="EW14" s="313">
        <v>0</v>
      </c>
      <c r="EX14" s="313">
        <v>0</v>
      </c>
      <c r="EY14" s="314">
        <v>0</v>
      </c>
      <c r="EZ14" s="316">
        <v>0</v>
      </c>
      <c r="FA14" s="312">
        <v>0</v>
      </c>
      <c r="FB14" s="313">
        <v>0</v>
      </c>
      <c r="FC14" s="317">
        <v>0</v>
      </c>
      <c r="FD14" s="318">
        <v>0</v>
      </c>
      <c r="FE14" s="313">
        <v>0</v>
      </c>
      <c r="FF14" s="313">
        <v>0</v>
      </c>
      <c r="FG14" s="313">
        <v>0</v>
      </c>
      <c r="FH14" s="313">
        <v>0</v>
      </c>
      <c r="FI14" s="313">
        <v>0</v>
      </c>
      <c r="FJ14" s="314">
        <v>0</v>
      </c>
      <c r="FK14" s="316">
        <v>0</v>
      </c>
      <c r="FL14" s="312">
        <v>392505</v>
      </c>
      <c r="FM14" s="313">
        <v>146441</v>
      </c>
      <c r="FN14" s="314">
        <v>538946</v>
      </c>
      <c r="FO14" s="312">
        <v>0</v>
      </c>
      <c r="FP14" s="313">
        <v>463425</v>
      </c>
      <c r="FQ14" s="313">
        <v>1330608</v>
      </c>
      <c r="FR14" s="313">
        <v>964048</v>
      </c>
      <c r="FS14" s="313">
        <v>597022</v>
      </c>
      <c r="FT14" s="313">
        <v>366480</v>
      </c>
      <c r="FU14" s="314">
        <v>3721583</v>
      </c>
      <c r="FV14" s="316">
        <v>4260529</v>
      </c>
      <c r="FW14" s="319">
        <v>82784</v>
      </c>
      <c r="FX14" s="313">
        <v>131552</v>
      </c>
      <c r="FY14" s="317">
        <v>214336</v>
      </c>
      <c r="FZ14" s="318">
        <v>0</v>
      </c>
      <c r="GA14" s="313">
        <v>410984</v>
      </c>
      <c r="GB14" s="313">
        <v>1144208</v>
      </c>
      <c r="GC14" s="313">
        <v>861464</v>
      </c>
      <c r="GD14" s="313">
        <v>597022</v>
      </c>
      <c r="GE14" s="313">
        <v>366480</v>
      </c>
      <c r="GF14" s="314">
        <v>3380158</v>
      </c>
      <c r="GG14" s="320">
        <v>3594494</v>
      </c>
      <c r="GH14" s="319">
        <v>0</v>
      </c>
      <c r="GI14" s="313">
        <v>14889</v>
      </c>
      <c r="GJ14" s="317">
        <v>14889</v>
      </c>
      <c r="GK14" s="318">
        <v>0</v>
      </c>
      <c r="GL14" s="313">
        <v>0</v>
      </c>
      <c r="GM14" s="313">
        <v>26400</v>
      </c>
      <c r="GN14" s="313">
        <v>75944</v>
      </c>
      <c r="GO14" s="313">
        <v>0</v>
      </c>
      <c r="GP14" s="313">
        <v>0</v>
      </c>
      <c r="GQ14" s="314">
        <v>102344</v>
      </c>
      <c r="GR14" s="316">
        <v>117233</v>
      </c>
      <c r="GS14" s="312">
        <v>309721</v>
      </c>
      <c r="GT14" s="313">
        <v>0</v>
      </c>
      <c r="GU14" s="314">
        <v>309721</v>
      </c>
      <c r="GV14" s="312">
        <v>0</v>
      </c>
      <c r="GW14" s="313">
        <v>52441</v>
      </c>
      <c r="GX14" s="313">
        <v>160000</v>
      </c>
      <c r="GY14" s="313">
        <v>26640</v>
      </c>
      <c r="GZ14" s="313">
        <v>0</v>
      </c>
      <c r="HA14" s="313">
        <v>0</v>
      </c>
      <c r="HB14" s="317">
        <v>239081</v>
      </c>
      <c r="HC14" s="316">
        <v>548802</v>
      </c>
      <c r="HD14" s="312">
        <v>337070</v>
      </c>
      <c r="HE14" s="313">
        <v>190774</v>
      </c>
      <c r="HF14" s="317">
        <v>527844</v>
      </c>
      <c r="HG14" s="318">
        <v>0</v>
      </c>
      <c r="HH14" s="313">
        <v>2611354</v>
      </c>
      <c r="HI14" s="313">
        <v>1499202</v>
      </c>
      <c r="HJ14" s="313">
        <v>1329888</v>
      </c>
      <c r="HK14" s="313">
        <v>2392038</v>
      </c>
      <c r="HL14" s="313">
        <v>951636</v>
      </c>
      <c r="HM14" s="314">
        <v>8784118</v>
      </c>
      <c r="HN14" s="315">
        <v>9311962</v>
      </c>
      <c r="HO14" s="319">
        <v>0</v>
      </c>
      <c r="HP14" s="313">
        <v>0</v>
      </c>
      <c r="HQ14" s="314">
        <v>0</v>
      </c>
      <c r="HR14" s="312">
        <v>0</v>
      </c>
      <c r="HS14" s="313">
        <v>0</v>
      </c>
      <c r="HT14" s="313">
        <v>0</v>
      </c>
      <c r="HU14" s="313">
        <v>0</v>
      </c>
      <c r="HV14" s="313">
        <v>0</v>
      </c>
      <c r="HW14" s="313">
        <v>0</v>
      </c>
      <c r="HX14" s="317">
        <v>0</v>
      </c>
      <c r="HY14" s="316">
        <v>0</v>
      </c>
      <c r="HZ14" s="321">
        <v>0</v>
      </c>
      <c r="IA14" s="322">
        <v>82812</v>
      </c>
      <c r="IB14" s="323">
        <v>82812</v>
      </c>
      <c r="IC14" s="341">
        <v>0</v>
      </c>
      <c r="ID14" s="342">
        <v>2340692</v>
      </c>
      <c r="IE14" s="343">
        <v>2939805</v>
      </c>
      <c r="IF14" s="344">
        <v>2517517</v>
      </c>
      <c r="IG14" s="342">
        <v>2500610</v>
      </c>
      <c r="IH14" s="344">
        <v>1042246</v>
      </c>
      <c r="II14" s="345">
        <v>11340870</v>
      </c>
      <c r="IJ14" s="327">
        <v>11423682</v>
      </c>
      <c r="IK14" s="328">
        <v>0</v>
      </c>
      <c r="IL14" s="329">
        <v>0</v>
      </c>
      <c r="IM14" s="330">
        <v>0</v>
      </c>
      <c r="IN14" s="390">
        <v>0</v>
      </c>
      <c r="IO14" s="331">
        <v>21836</v>
      </c>
      <c r="IP14" s="331">
        <v>0</v>
      </c>
      <c r="IQ14" s="331">
        <v>0</v>
      </c>
      <c r="IR14" s="331">
        <v>0</v>
      </c>
      <c r="IS14" s="331">
        <v>0</v>
      </c>
      <c r="IT14" s="332">
        <v>21836</v>
      </c>
      <c r="IU14" s="333">
        <v>21836</v>
      </c>
      <c r="IV14" s="334">
        <v>0</v>
      </c>
      <c r="IW14" s="331">
        <v>0</v>
      </c>
      <c r="IX14" s="335">
        <v>0</v>
      </c>
      <c r="IY14" s="390">
        <v>0</v>
      </c>
      <c r="IZ14" s="331">
        <v>0</v>
      </c>
      <c r="JA14" s="331">
        <v>0</v>
      </c>
      <c r="JB14" s="331">
        <v>0</v>
      </c>
      <c r="JC14" s="331">
        <v>0</v>
      </c>
      <c r="JD14" s="331">
        <v>0</v>
      </c>
      <c r="JE14" s="335">
        <v>0</v>
      </c>
      <c r="JF14" s="336">
        <v>0</v>
      </c>
      <c r="JG14" s="334">
        <v>0</v>
      </c>
      <c r="JH14" s="331">
        <v>0</v>
      </c>
      <c r="JI14" s="332">
        <v>0</v>
      </c>
      <c r="JJ14" s="337">
        <v>0</v>
      </c>
      <c r="JK14" s="331">
        <v>1177798</v>
      </c>
      <c r="JL14" s="331">
        <v>2250412</v>
      </c>
      <c r="JM14" s="331">
        <v>833074</v>
      </c>
      <c r="JN14" s="331">
        <v>711451</v>
      </c>
      <c r="JO14" s="331">
        <v>290784</v>
      </c>
      <c r="JP14" s="335">
        <v>5263519</v>
      </c>
      <c r="JQ14" s="333">
        <v>5263519</v>
      </c>
      <c r="JR14" s="334">
        <v>0</v>
      </c>
      <c r="JS14" s="331">
        <v>0</v>
      </c>
      <c r="JT14" s="332">
        <v>0</v>
      </c>
      <c r="JU14" s="337">
        <v>0</v>
      </c>
      <c r="JV14" s="331">
        <v>0</v>
      </c>
      <c r="JW14" s="331">
        <v>0</v>
      </c>
      <c r="JX14" s="331">
        <v>0</v>
      </c>
      <c r="JY14" s="331">
        <v>0</v>
      </c>
      <c r="JZ14" s="331">
        <v>0</v>
      </c>
      <c r="KA14" s="335">
        <v>0</v>
      </c>
      <c r="KB14" s="333">
        <v>0</v>
      </c>
      <c r="KC14" s="338">
        <v>0</v>
      </c>
      <c r="KD14" s="339">
        <v>82812</v>
      </c>
      <c r="KE14" s="335">
        <v>82812</v>
      </c>
      <c r="KF14" s="337">
        <v>0</v>
      </c>
      <c r="KG14" s="331">
        <v>228924</v>
      </c>
      <c r="KH14" s="331">
        <v>0</v>
      </c>
      <c r="KI14" s="331">
        <v>0</v>
      </c>
      <c r="KJ14" s="331">
        <v>514130</v>
      </c>
      <c r="KK14" s="331">
        <v>0</v>
      </c>
      <c r="KL14" s="335">
        <v>743054</v>
      </c>
      <c r="KM14" s="340">
        <v>825866</v>
      </c>
      <c r="KN14" s="328">
        <v>0</v>
      </c>
      <c r="KO14" s="329">
        <v>0</v>
      </c>
      <c r="KP14" s="330">
        <v>0</v>
      </c>
      <c r="KQ14" s="390">
        <v>0</v>
      </c>
      <c r="KR14" s="331">
        <v>468175</v>
      </c>
      <c r="KS14" s="331">
        <v>488859</v>
      </c>
      <c r="KT14" s="331">
        <v>1229425</v>
      </c>
      <c r="KU14" s="331">
        <v>783021</v>
      </c>
      <c r="KV14" s="331">
        <v>261266</v>
      </c>
      <c r="KW14" s="335">
        <v>3230746</v>
      </c>
      <c r="KX14" s="333">
        <v>3230746</v>
      </c>
      <c r="KY14" s="334">
        <v>0</v>
      </c>
      <c r="KZ14" s="331">
        <v>0</v>
      </c>
      <c r="LA14" s="335">
        <v>0</v>
      </c>
      <c r="LB14" s="390">
        <v>0</v>
      </c>
      <c r="LC14" s="331">
        <v>0</v>
      </c>
      <c r="LD14" s="331">
        <v>0</v>
      </c>
      <c r="LE14" s="331">
        <v>207110</v>
      </c>
      <c r="LF14" s="331">
        <v>0</v>
      </c>
      <c r="LG14" s="331">
        <v>490196</v>
      </c>
      <c r="LH14" s="335">
        <v>697306</v>
      </c>
      <c r="LI14" s="336">
        <v>697306</v>
      </c>
      <c r="LJ14" s="334">
        <v>0</v>
      </c>
      <c r="LK14" s="331">
        <v>0</v>
      </c>
      <c r="LL14" s="335">
        <v>0</v>
      </c>
      <c r="LM14" s="390">
        <v>0</v>
      </c>
      <c r="LN14" s="331">
        <v>0</v>
      </c>
      <c r="LO14" s="331">
        <v>0</v>
      </c>
      <c r="LP14" s="331">
        <v>0</v>
      </c>
      <c r="LQ14" s="331">
        <v>0</v>
      </c>
      <c r="LR14" s="331">
        <v>0</v>
      </c>
      <c r="LS14" s="335">
        <v>0</v>
      </c>
      <c r="LT14" s="333">
        <v>0</v>
      </c>
      <c r="LU14" s="334">
        <v>0</v>
      </c>
      <c r="LV14" s="331">
        <v>0</v>
      </c>
      <c r="LW14" s="335">
        <v>0</v>
      </c>
      <c r="LX14" s="390">
        <v>0</v>
      </c>
      <c r="LY14" s="331">
        <v>443959</v>
      </c>
      <c r="LZ14" s="331">
        <v>200534</v>
      </c>
      <c r="MA14" s="331">
        <v>247908</v>
      </c>
      <c r="MB14" s="331">
        <v>492008</v>
      </c>
      <c r="MC14" s="331">
        <v>0</v>
      </c>
      <c r="MD14" s="335">
        <v>1384409</v>
      </c>
      <c r="ME14" s="336">
        <v>1384409</v>
      </c>
      <c r="MF14" s="334">
        <v>0</v>
      </c>
      <c r="MG14" s="331">
        <v>0</v>
      </c>
      <c r="MH14" s="335">
        <v>0</v>
      </c>
      <c r="MI14" s="390">
        <v>0</v>
      </c>
      <c r="MJ14" s="331">
        <v>468560</v>
      </c>
      <c r="MK14" s="331">
        <v>211976</v>
      </c>
      <c r="ML14" s="331">
        <v>6438675</v>
      </c>
      <c r="MM14" s="331">
        <v>3001535</v>
      </c>
      <c r="MN14" s="331">
        <v>3232269</v>
      </c>
      <c r="MO14" s="335">
        <v>13353015</v>
      </c>
      <c r="MP14" s="340">
        <v>13353015</v>
      </c>
      <c r="MQ14" s="334">
        <v>0</v>
      </c>
      <c r="MR14" s="331">
        <v>0</v>
      </c>
      <c r="MS14" s="335">
        <v>0</v>
      </c>
      <c r="MT14" s="390">
        <v>0</v>
      </c>
      <c r="MU14" s="331">
        <v>218630</v>
      </c>
      <c r="MV14" s="331">
        <v>211976</v>
      </c>
      <c r="MW14" s="331">
        <v>4448925</v>
      </c>
      <c r="MX14" s="331">
        <v>2348737</v>
      </c>
      <c r="MY14" s="331">
        <v>2122950</v>
      </c>
      <c r="MZ14" s="335">
        <v>9351218</v>
      </c>
      <c r="NA14" s="340">
        <v>9351218</v>
      </c>
      <c r="NB14" s="334">
        <v>0</v>
      </c>
      <c r="NC14" s="331">
        <v>0</v>
      </c>
      <c r="ND14" s="335">
        <v>0</v>
      </c>
      <c r="NE14" s="390">
        <v>0</v>
      </c>
      <c r="NF14" s="331">
        <v>249930</v>
      </c>
      <c r="NG14" s="331">
        <v>0</v>
      </c>
      <c r="NH14" s="331">
        <v>1989750</v>
      </c>
      <c r="NI14" s="331">
        <v>652798</v>
      </c>
      <c r="NJ14" s="331">
        <v>1109319</v>
      </c>
      <c r="NK14" s="335">
        <v>4001797</v>
      </c>
      <c r="NL14" s="333">
        <v>4001797</v>
      </c>
      <c r="NM14" s="334">
        <v>0</v>
      </c>
      <c r="NN14" s="331">
        <v>0</v>
      </c>
      <c r="NO14" s="335">
        <v>0</v>
      </c>
      <c r="NP14" s="390">
        <v>0</v>
      </c>
      <c r="NQ14" s="331">
        <v>0</v>
      </c>
      <c r="NR14" s="331">
        <v>0</v>
      </c>
      <c r="NS14" s="331">
        <v>0</v>
      </c>
      <c r="NT14" s="331">
        <v>0</v>
      </c>
      <c r="NU14" s="331">
        <v>0</v>
      </c>
      <c r="NV14" s="335">
        <v>0</v>
      </c>
      <c r="NW14" s="336">
        <v>0</v>
      </c>
      <c r="NX14" s="334">
        <v>0</v>
      </c>
      <c r="NY14" s="331">
        <v>0</v>
      </c>
      <c r="NZ14" s="335">
        <v>0</v>
      </c>
      <c r="OA14" s="390">
        <v>0</v>
      </c>
      <c r="OB14" s="331">
        <v>0</v>
      </c>
      <c r="OC14" s="331">
        <v>0</v>
      </c>
      <c r="OD14" s="331">
        <v>0</v>
      </c>
      <c r="OE14" s="331">
        <v>0</v>
      </c>
      <c r="OF14" s="331">
        <v>0</v>
      </c>
      <c r="OG14" s="335">
        <v>0</v>
      </c>
      <c r="OH14" s="336">
        <v>0</v>
      </c>
      <c r="OI14" s="334">
        <v>1056370</v>
      </c>
      <c r="OJ14" s="331">
        <v>809725</v>
      </c>
      <c r="OK14" s="332">
        <v>1866095</v>
      </c>
      <c r="OL14" s="337">
        <v>0</v>
      </c>
      <c r="OM14" s="331">
        <v>11040504</v>
      </c>
      <c r="ON14" s="331">
        <v>12625702</v>
      </c>
      <c r="OO14" s="331">
        <v>17825775</v>
      </c>
      <c r="OP14" s="331">
        <v>13158284</v>
      </c>
      <c r="OQ14" s="331">
        <v>10552967</v>
      </c>
      <c r="OR14" s="335">
        <v>65203232</v>
      </c>
      <c r="OS14" s="340">
        <v>67069327</v>
      </c>
    </row>
    <row r="15" spans="1:409" s="56" customFormat="1" ht="21" customHeight="1" x14ac:dyDescent="0.2">
      <c r="B15" s="396" t="s">
        <v>9</v>
      </c>
      <c r="C15" s="312">
        <v>729806</v>
      </c>
      <c r="D15" s="313">
        <v>1161173</v>
      </c>
      <c r="E15" s="314">
        <v>1890979</v>
      </c>
      <c r="F15" s="318">
        <v>0</v>
      </c>
      <c r="G15" s="313">
        <v>11226115</v>
      </c>
      <c r="H15" s="313">
        <v>11627897</v>
      </c>
      <c r="I15" s="313">
        <v>13169072</v>
      </c>
      <c r="J15" s="313">
        <v>12849165</v>
      </c>
      <c r="K15" s="313">
        <v>7659213</v>
      </c>
      <c r="L15" s="315">
        <v>56531462</v>
      </c>
      <c r="M15" s="316">
        <v>58422441</v>
      </c>
      <c r="N15" s="312">
        <v>239359</v>
      </c>
      <c r="O15" s="313">
        <v>311110</v>
      </c>
      <c r="P15" s="314">
        <v>550469</v>
      </c>
      <c r="Q15" s="312">
        <v>0</v>
      </c>
      <c r="R15" s="313">
        <v>4212856</v>
      </c>
      <c r="S15" s="313">
        <v>3311288</v>
      </c>
      <c r="T15" s="313">
        <v>4643593</v>
      </c>
      <c r="U15" s="313">
        <v>5068361</v>
      </c>
      <c r="V15" s="313">
        <v>5287185</v>
      </c>
      <c r="W15" s="314">
        <v>22523283</v>
      </c>
      <c r="X15" s="316">
        <v>23073752</v>
      </c>
      <c r="Y15" s="312">
        <v>0</v>
      </c>
      <c r="Z15" s="313">
        <v>0</v>
      </c>
      <c r="AA15" s="314">
        <v>0</v>
      </c>
      <c r="AB15" s="312">
        <v>0</v>
      </c>
      <c r="AC15" s="313">
        <v>1593102</v>
      </c>
      <c r="AD15" s="313">
        <v>1581557</v>
      </c>
      <c r="AE15" s="313">
        <v>2479889</v>
      </c>
      <c r="AF15" s="313">
        <v>3153528</v>
      </c>
      <c r="AG15" s="313">
        <v>3179088</v>
      </c>
      <c r="AH15" s="314">
        <v>11987164</v>
      </c>
      <c r="AI15" s="316">
        <v>11987164</v>
      </c>
      <c r="AJ15" s="312">
        <v>0</v>
      </c>
      <c r="AK15" s="313">
        <v>0</v>
      </c>
      <c r="AL15" s="314">
        <v>0</v>
      </c>
      <c r="AM15" s="312">
        <v>0</v>
      </c>
      <c r="AN15" s="313">
        <v>0</v>
      </c>
      <c r="AO15" s="313">
        <v>73460</v>
      </c>
      <c r="AP15" s="313">
        <v>14179</v>
      </c>
      <c r="AQ15" s="313">
        <v>161099</v>
      </c>
      <c r="AR15" s="313">
        <v>465244</v>
      </c>
      <c r="AS15" s="314">
        <v>713982</v>
      </c>
      <c r="AT15" s="316">
        <v>713982</v>
      </c>
      <c r="AU15" s="312">
        <v>145279</v>
      </c>
      <c r="AV15" s="313">
        <v>185308</v>
      </c>
      <c r="AW15" s="314">
        <v>330587</v>
      </c>
      <c r="AX15" s="312">
        <v>0</v>
      </c>
      <c r="AY15" s="313">
        <v>1769867</v>
      </c>
      <c r="AZ15" s="313">
        <v>891459</v>
      </c>
      <c r="BA15" s="313">
        <v>1255997</v>
      </c>
      <c r="BB15" s="313">
        <v>940119</v>
      </c>
      <c r="BC15" s="313">
        <v>1104599</v>
      </c>
      <c r="BD15" s="314">
        <v>5962041</v>
      </c>
      <c r="BE15" s="316">
        <v>6292628</v>
      </c>
      <c r="BF15" s="312">
        <v>0</v>
      </c>
      <c r="BG15" s="313">
        <v>37386</v>
      </c>
      <c r="BH15" s="317">
        <v>37386</v>
      </c>
      <c r="BI15" s="318">
        <v>0</v>
      </c>
      <c r="BJ15" s="313">
        <v>87151</v>
      </c>
      <c r="BK15" s="313">
        <v>46452</v>
      </c>
      <c r="BL15" s="313">
        <v>0</v>
      </c>
      <c r="BM15" s="313">
        <v>82135</v>
      </c>
      <c r="BN15" s="313">
        <v>156854</v>
      </c>
      <c r="BO15" s="314">
        <v>372592</v>
      </c>
      <c r="BP15" s="316">
        <v>409978</v>
      </c>
      <c r="BQ15" s="312">
        <v>94080</v>
      </c>
      <c r="BR15" s="313">
        <v>88416</v>
      </c>
      <c r="BS15" s="314">
        <v>182496</v>
      </c>
      <c r="BT15" s="312">
        <v>0</v>
      </c>
      <c r="BU15" s="313">
        <v>762736</v>
      </c>
      <c r="BV15" s="313">
        <v>718360</v>
      </c>
      <c r="BW15" s="313">
        <v>893528</v>
      </c>
      <c r="BX15" s="313">
        <v>731480</v>
      </c>
      <c r="BY15" s="313">
        <v>381400</v>
      </c>
      <c r="BZ15" s="314">
        <v>3487504</v>
      </c>
      <c r="CA15" s="316">
        <v>3670000</v>
      </c>
      <c r="CB15" s="312">
        <v>47624</v>
      </c>
      <c r="CC15" s="313">
        <v>241289</v>
      </c>
      <c r="CD15" s="314">
        <v>288913</v>
      </c>
      <c r="CE15" s="312">
        <v>0</v>
      </c>
      <c r="CF15" s="313">
        <v>3045173</v>
      </c>
      <c r="CG15" s="313">
        <v>2370264</v>
      </c>
      <c r="CH15" s="313">
        <v>3183528</v>
      </c>
      <c r="CI15" s="313">
        <v>2086986</v>
      </c>
      <c r="CJ15" s="313">
        <v>394917</v>
      </c>
      <c r="CK15" s="314">
        <v>11080868</v>
      </c>
      <c r="CL15" s="316">
        <v>11369781</v>
      </c>
      <c r="CM15" s="312">
        <v>0</v>
      </c>
      <c r="CN15" s="313">
        <v>0</v>
      </c>
      <c r="CO15" s="314">
        <v>0</v>
      </c>
      <c r="CP15" s="318">
        <v>0</v>
      </c>
      <c r="CQ15" s="313">
        <v>2345228</v>
      </c>
      <c r="CR15" s="313">
        <v>1549012</v>
      </c>
      <c r="CS15" s="313">
        <v>2270252</v>
      </c>
      <c r="CT15" s="313">
        <v>969247</v>
      </c>
      <c r="CU15" s="313">
        <v>394917</v>
      </c>
      <c r="CV15" s="314">
        <v>7528656</v>
      </c>
      <c r="CW15" s="316">
        <v>7528656</v>
      </c>
      <c r="CX15" s="312">
        <v>47624</v>
      </c>
      <c r="CY15" s="313">
        <v>241289</v>
      </c>
      <c r="CZ15" s="314">
        <v>288913</v>
      </c>
      <c r="DA15" s="312">
        <v>0</v>
      </c>
      <c r="DB15" s="313">
        <v>699945</v>
      </c>
      <c r="DC15" s="313">
        <v>821252</v>
      </c>
      <c r="DD15" s="313">
        <v>913276</v>
      </c>
      <c r="DE15" s="313">
        <v>1117739</v>
      </c>
      <c r="DF15" s="313">
        <v>0</v>
      </c>
      <c r="DG15" s="314">
        <v>3552212</v>
      </c>
      <c r="DH15" s="316">
        <v>3841125</v>
      </c>
      <c r="DI15" s="312">
        <v>0</v>
      </c>
      <c r="DJ15" s="313">
        <v>0</v>
      </c>
      <c r="DK15" s="317">
        <v>0</v>
      </c>
      <c r="DL15" s="318">
        <v>0</v>
      </c>
      <c r="DM15" s="313">
        <v>527312</v>
      </c>
      <c r="DN15" s="313">
        <v>85749</v>
      </c>
      <c r="DO15" s="313">
        <v>1313019</v>
      </c>
      <c r="DP15" s="313">
        <v>857159</v>
      </c>
      <c r="DQ15" s="313">
        <v>110703</v>
      </c>
      <c r="DR15" s="314">
        <v>2893942</v>
      </c>
      <c r="DS15" s="316">
        <v>2893942</v>
      </c>
      <c r="DT15" s="312">
        <v>0</v>
      </c>
      <c r="DU15" s="313">
        <v>0</v>
      </c>
      <c r="DV15" s="314">
        <v>0</v>
      </c>
      <c r="DW15" s="312">
        <v>0</v>
      </c>
      <c r="DX15" s="313">
        <v>469684</v>
      </c>
      <c r="DY15" s="313">
        <v>58401</v>
      </c>
      <c r="DZ15" s="313">
        <v>1273553</v>
      </c>
      <c r="EA15" s="313">
        <v>857159</v>
      </c>
      <c r="EB15" s="313">
        <v>75263</v>
      </c>
      <c r="EC15" s="314">
        <v>2734060</v>
      </c>
      <c r="ED15" s="316">
        <v>2734060</v>
      </c>
      <c r="EE15" s="312">
        <v>0</v>
      </c>
      <c r="EF15" s="317">
        <v>0</v>
      </c>
      <c r="EG15" s="314">
        <v>0</v>
      </c>
      <c r="EH15" s="312">
        <v>0</v>
      </c>
      <c r="EI15" s="313">
        <v>57628</v>
      </c>
      <c r="EJ15" s="313">
        <v>27348</v>
      </c>
      <c r="EK15" s="313">
        <v>39466</v>
      </c>
      <c r="EL15" s="313">
        <v>0</v>
      </c>
      <c r="EM15" s="313">
        <v>35440</v>
      </c>
      <c r="EN15" s="317">
        <v>159882</v>
      </c>
      <c r="EO15" s="316">
        <v>159882</v>
      </c>
      <c r="EP15" s="312">
        <v>0</v>
      </c>
      <c r="EQ15" s="313">
        <v>0</v>
      </c>
      <c r="ER15" s="317">
        <v>0</v>
      </c>
      <c r="ES15" s="318">
        <v>0</v>
      </c>
      <c r="ET15" s="313">
        <v>0</v>
      </c>
      <c r="EU15" s="313">
        <v>0</v>
      </c>
      <c r="EV15" s="313">
        <v>0</v>
      </c>
      <c r="EW15" s="313">
        <v>0</v>
      </c>
      <c r="EX15" s="313">
        <v>0</v>
      </c>
      <c r="EY15" s="314">
        <v>0</v>
      </c>
      <c r="EZ15" s="316">
        <v>0</v>
      </c>
      <c r="FA15" s="312">
        <v>0</v>
      </c>
      <c r="FB15" s="313">
        <v>0</v>
      </c>
      <c r="FC15" s="317">
        <v>0</v>
      </c>
      <c r="FD15" s="318">
        <v>0</v>
      </c>
      <c r="FE15" s="313">
        <v>0</v>
      </c>
      <c r="FF15" s="313">
        <v>0</v>
      </c>
      <c r="FG15" s="313">
        <v>0</v>
      </c>
      <c r="FH15" s="313">
        <v>0</v>
      </c>
      <c r="FI15" s="313">
        <v>0</v>
      </c>
      <c r="FJ15" s="314">
        <v>0</v>
      </c>
      <c r="FK15" s="316">
        <v>0</v>
      </c>
      <c r="FL15" s="312">
        <v>161952</v>
      </c>
      <c r="FM15" s="313">
        <v>329400</v>
      </c>
      <c r="FN15" s="314">
        <v>491352</v>
      </c>
      <c r="FO15" s="312">
        <v>0</v>
      </c>
      <c r="FP15" s="313">
        <v>688580</v>
      </c>
      <c r="FQ15" s="313">
        <v>977600</v>
      </c>
      <c r="FR15" s="313">
        <v>928656</v>
      </c>
      <c r="FS15" s="313">
        <v>844840</v>
      </c>
      <c r="FT15" s="313">
        <v>699883</v>
      </c>
      <c r="FU15" s="314">
        <v>4139559</v>
      </c>
      <c r="FV15" s="316">
        <v>4630911</v>
      </c>
      <c r="FW15" s="319">
        <v>147872</v>
      </c>
      <c r="FX15" s="313">
        <v>118936</v>
      </c>
      <c r="FY15" s="317">
        <v>266808</v>
      </c>
      <c r="FZ15" s="318">
        <v>0</v>
      </c>
      <c r="GA15" s="313">
        <v>446980</v>
      </c>
      <c r="GB15" s="313">
        <v>695824</v>
      </c>
      <c r="GC15" s="313">
        <v>880656</v>
      </c>
      <c r="GD15" s="313">
        <v>844840</v>
      </c>
      <c r="GE15" s="313">
        <v>675736</v>
      </c>
      <c r="GF15" s="314">
        <v>3544036</v>
      </c>
      <c r="GG15" s="320">
        <v>3810844</v>
      </c>
      <c r="GH15" s="319">
        <v>14080</v>
      </c>
      <c r="GI15" s="313">
        <v>20064</v>
      </c>
      <c r="GJ15" s="317">
        <v>34144</v>
      </c>
      <c r="GK15" s="318">
        <v>0</v>
      </c>
      <c r="GL15" s="313">
        <v>0</v>
      </c>
      <c r="GM15" s="313">
        <v>66176</v>
      </c>
      <c r="GN15" s="313">
        <v>48000</v>
      </c>
      <c r="GO15" s="313">
        <v>0</v>
      </c>
      <c r="GP15" s="313">
        <v>24147</v>
      </c>
      <c r="GQ15" s="314">
        <v>138323</v>
      </c>
      <c r="GR15" s="316">
        <v>172467</v>
      </c>
      <c r="GS15" s="312">
        <v>0</v>
      </c>
      <c r="GT15" s="313">
        <v>190400</v>
      </c>
      <c r="GU15" s="314">
        <v>190400</v>
      </c>
      <c r="GV15" s="312">
        <v>0</v>
      </c>
      <c r="GW15" s="313">
        <v>241600</v>
      </c>
      <c r="GX15" s="313">
        <v>215600</v>
      </c>
      <c r="GY15" s="313">
        <v>0</v>
      </c>
      <c r="GZ15" s="313">
        <v>0</v>
      </c>
      <c r="HA15" s="313">
        <v>0</v>
      </c>
      <c r="HB15" s="317">
        <v>457200</v>
      </c>
      <c r="HC15" s="316">
        <v>647600</v>
      </c>
      <c r="HD15" s="312">
        <v>280871</v>
      </c>
      <c r="HE15" s="313">
        <v>279374</v>
      </c>
      <c r="HF15" s="317">
        <v>560245</v>
      </c>
      <c r="HG15" s="318">
        <v>0</v>
      </c>
      <c r="HH15" s="313">
        <v>2752194</v>
      </c>
      <c r="HI15" s="313">
        <v>4882996</v>
      </c>
      <c r="HJ15" s="313">
        <v>3100276</v>
      </c>
      <c r="HK15" s="313">
        <v>3991819</v>
      </c>
      <c r="HL15" s="313">
        <v>1166525</v>
      </c>
      <c r="HM15" s="314">
        <v>15893810</v>
      </c>
      <c r="HN15" s="315">
        <v>16454055</v>
      </c>
      <c r="HO15" s="319">
        <v>0</v>
      </c>
      <c r="HP15" s="313">
        <v>0</v>
      </c>
      <c r="HQ15" s="314">
        <v>0</v>
      </c>
      <c r="HR15" s="312">
        <v>0</v>
      </c>
      <c r="HS15" s="313">
        <v>0</v>
      </c>
      <c r="HT15" s="313">
        <v>0</v>
      </c>
      <c r="HU15" s="313">
        <v>0</v>
      </c>
      <c r="HV15" s="313">
        <v>0</v>
      </c>
      <c r="HW15" s="313">
        <v>0</v>
      </c>
      <c r="HX15" s="317">
        <v>0</v>
      </c>
      <c r="HY15" s="316">
        <v>0</v>
      </c>
      <c r="HZ15" s="346">
        <v>0</v>
      </c>
      <c r="IA15" s="347">
        <v>0</v>
      </c>
      <c r="IB15" s="348">
        <v>0</v>
      </c>
      <c r="IC15" s="324">
        <v>0</v>
      </c>
      <c r="ID15" s="322">
        <v>2480328</v>
      </c>
      <c r="IE15" s="325">
        <v>3187028</v>
      </c>
      <c r="IF15" s="323">
        <v>3403870</v>
      </c>
      <c r="IG15" s="322">
        <v>1923251</v>
      </c>
      <c r="IH15" s="323">
        <v>1769088</v>
      </c>
      <c r="II15" s="326">
        <v>12763565</v>
      </c>
      <c r="IJ15" s="349">
        <v>12763565</v>
      </c>
      <c r="IK15" s="328">
        <v>0</v>
      </c>
      <c r="IL15" s="329">
        <v>0</v>
      </c>
      <c r="IM15" s="330">
        <v>0</v>
      </c>
      <c r="IN15" s="390">
        <v>0</v>
      </c>
      <c r="IO15" s="331">
        <v>0</v>
      </c>
      <c r="IP15" s="331">
        <v>0</v>
      </c>
      <c r="IQ15" s="331">
        <v>366771</v>
      </c>
      <c r="IR15" s="331">
        <v>0</v>
      </c>
      <c r="IS15" s="331">
        <v>0</v>
      </c>
      <c r="IT15" s="332">
        <v>366771</v>
      </c>
      <c r="IU15" s="333">
        <v>366771</v>
      </c>
      <c r="IV15" s="334">
        <v>0</v>
      </c>
      <c r="IW15" s="331">
        <v>0</v>
      </c>
      <c r="IX15" s="335">
        <v>0</v>
      </c>
      <c r="IY15" s="390">
        <v>0</v>
      </c>
      <c r="IZ15" s="331">
        <v>0</v>
      </c>
      <c r="JA15" s="331">
        <v>0</v>
      </c>
      <c r="JB15" s="331">
        <v>0</v>
      </c>
      <c r="JC15" s="331">
        <v>0</v>
      </c>
      <c r="JD15" s="331">
        <v>0</v>
      </c>
      <c r="JE15" s="335">
        <v>0</v>
      </c>
      <c r="JF15" s="336">
        <v>0</v>
      </c>
      <c r="JG15" s="334">
        <v>0</v>
      </c>
      <c r="JH15" s="331">
        <v>0</v>
      </c>
      <c r="JI15" s="332">
        <v>0</v>
      </c>
      <c r="JJ15" s="337">
        <v>0</v>
      </c>
      <c r="JK15" s="331">
        <v>1876104</v>
      </c>
      <c r="JL15" s="331">
        <v>1537735</v>
      </c>
      <c r="JM15" s="331">
        <v>797872</v>
      </c>
      <c r="JN15" s="331">
        <v>354519</v>
      </c>
      <c r="JO15" s="331">
        <v>467372</v>
      </c>
      <c r="JP15" s="335">
        <v>5033602</v>
      </c>
      <c r="JQ15" s="333">
        <v>5033602</v>
      </c>
      <c r="JR15" s="334">
        <v>0</v>
      </c>
      <c r="JS15" s="331">
        <v>0</v>
      </c>
      <c r="JT15" s="332">
        <v>0</v>
      </c>
      <c r="JU15" s="337">
        <v>0</v>
      </c>
      <c r="JV15" s="331">
        <v>0</v>
      </c>
      <c r="JW15" s="331">
        <v>22820</v>
      </c>
      <c r="JX15" s="331">
        <v>0</v>
      </c>
      <c r="JY15" s="331">
        <v>0</v>
      </c>
      <c r="JZ15" s="331">
        <v>179058</v>
      </c>
      <c r="KA15" s="335">
        <v>201878</v>
      </c>
      <c r="KB15" s="333">
        <v>201878</v>
      </c>
      <c r="KC15" s="338">
        <v>0</v>
      </c>
      <c r="KD15" s="339">
        <v>0</v>
      </c>
      <c r="KE15" s="335">
        <v>0</v>
      </c>
      <c r="KF15" s="337">
        <v>0</v>
      </c>
      <c r="KG15" s="331">
        <v>122421</v>
      </c>
      <c r="KH15" s="331">
        <v>509857</v>
      </c>
      <c r="KI15" s="331">
        <v>253473</v>
      </c>
      <c r="KJ15" s="331">
        <v>266859</v>
      </c>
      <c r="KK15" s="331">
        <v>853420</v>
      </c>
      <c r="KL15" s="335">
        <v>2006030</v>
      </c>
      <c r="KM15" s="340">
        <v>2006030</v>
      </c>
      <c r="KN15" s="328">
        <v>0</v>
      </c>
      <c r="KO15" s="329">
        <v>0</v>
      </c>
      <c r="KP15" s="330">
        <v>0</v>
      </c>
      <c r="KQ15" s="390">
        <v>0</v>
      </c>
      <c r="KR15" s="331">
        <v>481803</v>
      </c>
      <c r="KS15" s="331">
        <v>752143</v>
      </c>
      <c r="KT15" s="331">
        <v>1785398</v>
      </c>
      <c r="KU15" s="331">
        <v>1040186</v>
      </c>
      <c r="KV15" s="331">
        <v>269238</v>
      </c>
      <c r="KW15" s="335">
        <v>4328768</v>
      </c>
      <c r="KX15" s="333">
        <v>4328768</v>
      </c>
      <c r="KY15" s="334">
        <v>0</v>
      </c>
      <c r="KZ15" s="331">
        <v>0</v>
      </c>
      <c r="LA15" s="335">
        <v>0</v>
      </c>
      <c r="LB15" s="390">
        <v>0</v>
      </c>
      <c r="LC15" s="331">
        <v>0</v>
      </c>
      <c r="LD15" s="331">
        <v>179645</v>
      </c>
      <c r="LE15" s="331">
        <v>200356</v>
      </c>
      <c r="LF15" s="331">
        <v>0</v>
      </c>
      <c r="LG15" s="331">
        <v>0</v>
      </c>
      <c r="LH15" s="335">
        <v>380001</v>
      </c>
      <c r="LI15" s="336">
        <v>380001</v>
      </c>
      <c r="LJ15" s="334">
        <v>0</v>
      </c>
      <c r="LK15" s="331">
        <v>0</v>
      </c>
      <c r="LL15" s="335">
        <v>0</v>
      </c>
      <c r="LM15" s="390">
        <v>0</v>
      </c>
      <c r="LN15" s="331">
        <v>0</v>
      </c>
      <c r="LO15" s="331">
        <v>0</v>
      </c>
      <c r="LP15" s="331">
        <v>0</v>
      </c>
      <c r="LQ15" s="331">
        <v>0</v>
      </c>
      <c r="LR15" s="331">
        <v>0</v>
      </c>
      <c r="LS15" s="335">
        <v>0</v>
      </c>
      <c r="LT15" s="333">
        <v>0</v>
      </c>
      <c r="LU15" s="334">
        <v>0</v>
      </c>
      <c r="LV15" s="331">
        <v>0</v>
      </c>
      <c r="LW15" s="335">
        <v>0</v>
      </c>
      <c r="LX15" s="390">
        <v>0</v>
      </c>
      <c r="LY15" s="331">
        <v>0</v>
      </c>
      <c r="LZ15" s="331">
        <v>184828</v>
      </c>
      <c r="MA15" s="331">
        <v>0</v>
      </c>
      <c r="MB15" s="331">
        <v>261687</v>
      </c>
      <c r="MC15" s="331">
        <v>0</v>
      </c>
      <c r="MD15" s="335">
        <v>446515</v>
      </c>
      <c r="ME15" s="336">
        <v>446515</v>
      </c>
      <c r="MF15" s="334">
        <v>0</v>
      </c>
      <c r="MG15" s="331">
        <v>0</v>
      </c>
      <c r="MH15" s="335">
        <v>0</v>
      </c>
      <c r="MI15" s="390">
        <v>0</v>
      </c>
      <c r="MJ15" s="331">
        <v>897457</v>
      </c>
      <c r="MK15" s="331">
        <v>1124761</v>
      </c>
      <c r="ML15" s="331">
        <v>5396430</v>
      </c>
      <c r="MM15" s="331">
        <v>10155707</v>
      </c>
      <c r="MN15" s="331">
        <v>3420399</v>
      </c>
      <c r="MO15" s="335">
        <v>20994754</v>
      </c>
      <c r="MP15" s="340">
        <v>20994754</v>
      </c>
      <c r="MQ15" s="334">
        <v>0</v>
      </c>
      <c r="MR15" s="331">
        <v>0</v>
      </c>
      <c r="MS15" s="335">
        <v>0</v>
      </c>
      <c r="MT15" s="390">
        <v>0</v>
      </c>
      <c r="MU15" s="331">
        <v>0</v>
      </c>
      <c r="MV15" s="331">
        <v>0</v>
      </c>
      <c r="MW15" s="331">
        <v>3328266</v>
      </c>
      <c r="MX15" s="331">
        <v>5541154</v>
      </c>
      <c r="MY15" s="331">
        <v>1921402</v>
      </c>
      <c r="MZ15" s="335">
        <v>10790822</v>
      </c>
      <c r="NA15" s="340">
        <v>10790822</v>
      </c>
      <c r="NB15" s="334">
        <v>0</v>
      </c>
      <c r="NC15" s="331">
        <v>0</v>
      </c>
      <c r="ND15" s="335">
        <v>0</v>
      </c>
      <c r="NE15" s="390">
        <v>0</v>
      </c>
      <c r="NF15" s="331">
        <v>897457</v>
      </c>
      <c r="NG15" s="331">
        <v>1124761</v>
      </c>
      <c r="NH15" s="331">
        <v>2068164</v>
      </c>
      <c r="NI15" s="331">
        <v>4614553</v>
      </c>
      <c r="NJ15" s="331">
        <v>1116461</v>
      </c>
      <c r="NK15" s="335">
        <v>9821396</v>
      </c>
      <c r="NL15" s="333">
        <v>9821396</v>
      </c>
      <c r="NM15" s="334">
        <v>0</v>
      </c>
      <c r="NN15" s="331">
        <v>0</v>
      </c>
      <c r="NO15" s="335">
        <v>0</v>
      </c>
      <c r="NP15" s="390">
        <v>0</v>
      </c>
      <c r="NQ15" s="331">
        <v>0</v>
      </c>
      <c r="NR15" s="331">
        <v>0</v>
      </c>
      <c r="NS15" s="331">
        <v>0</v>
      </c>
      <c r="NT15" s="331">
        <v>0</v>
      </c>
      <c r="NU15" s="331">
        <v>0</v>
      </c>
      <c r="NV15" s="335">
        <v>0</v>
      </c>
      <c r="NW15" s="336">
        <v>0</v>
      </c>
      <c r="NX15" s="334">
        <v>0</v>
      </c>
      <c r="NY15" s="331">
        <v>0</v>
      </c>
      <c r="NZ15" s="335">
        <v>0</v>
      </c>
      <c r="OA15" s="390">
        <v>0</v>
      </c>
      <c r="OB15" s="331">
        <v>0</v>
      </c>
      <c r="OC15" s="331">
        <v>0</v>
      </c>
      <c r="OD15" s="331">
        <v>0</v>
      </c>
      <c r="OE15" s="331">
        <v>0</v>
      </c>
      <c r="OF15" s="331">
        <v>382536</v>
      </c>
      <c r="OG15" s="335">
        <v>382536</v>
      </c>
      <c r="OH15" s="336">
        <v>382536</v>
      </c>
      <c r="OI15" s="334">
        <v>729806</v>
      </c>
      <c r="OJ15" s="331">
        <v>1161173</v>
      </c>
      <c r="OK15" s="332">
        <v>1890979</v>
      </c>
      <c r="OL15" s="337">
        <v>0</v>
      </c>
      <c r="OM15" s="331">
        <v>14603900</v>
      </c>
      <c r="ON15" s="331">
        <v>15939686</v>
      </c>
      <c r="OO15" s="331">
        <v>21969372</v>
      </c>
      <c r="OP15" s="331">
        <v>24928123</v>
      </c>
      <c r="OQ15" s="331">
        <v>12848700</v>
      </c>
      <c r="OR15" s="335">
        <v>90289781</v>
      </c>
      <c r="OS15" s="340">
        <v>92180760</v>
      </c>
    </row>
    <row r="16" spans="1:409" s="56" customFormat="1" ht="21" customHeight="1" x14ac:dyDescent="0.2">
      <c r="B16" s="396" t="s">
        <v>10</v>
      </c>
      <c r="C16" s="312">
        <v>1662563</v>
      </c>
      <c r="D16" s="313">
        <v>1848084</v>
      </c>
      <c r="E16" s="314">
        <v>3510647</v>
      </c>
      <c r="F16" s="350">
        <v>0</v>
      </c>
      <c r="G16" s="313">
        <v>21189994</v>
      </c>
      <c r="H16" s="313">
        <v>17903978</v>
      </c>
      <c r="I16" s="313">
        <v>13880339</v>
      </c>
      <c r="J16" s="313">
        <v>15732999</v>
      </c>
      <c r="K16" s="313">
        <v>12183106</v>
      </c>
      <c r="L16" s="315">
        <v>80890416</v>
      </c>
      <c r="M16" s="316">
        <v>84401063</v>
      </c>
      <c r="N16" s="312">
        <v>628207</v>
      </c>
      <c r="O16" s="313">
        <v>744007</v>
      </c>
      <c r="P16" s="314">
        <v>1372214</v>
      </c>
      <c r="Q16" s="312">
        <v>0</v>
      </c>
      <c r="R16" s="313">
        <v>7250164</v>
      </c>
      <c r="S16" s="313">
        <v>6006072</v>
      </c>
      <c r="T16" s="313">
        <v>5280936</v>
      </c>
      <c r="U16" s="313">
        <v>7414831</v>
      </c>
      <c r="V16" s="313">
        <v>6404337</v>
      </c>
      <c r="W16" s="314">
        <v>32356340</v>
      </c>
      <c r="X16" s="316">
        <v>33728554</v>
      </c>
      <c r="Y16" s="312">
        <v>0</v>
      </c>
      <c r="Z16" s="313">
        <v>0</v>
      </c>
      <c r="AA16" s="314">
        <v>0</v>
      </c>
      <c r="AB16" s="312">
        <v>0</v>
      </c>
      <c r="AC16" s="313">
        <v>3390621</v>
      </c>
      <c r="AD16" s="313">
        <v>3068182</v>
      </c>
      <c r="AE16" s="313">
        <v>3013568</v>
      </c>
      <c r="AF16" s="313">
        <v>4620398</v>
      </c>
      <c r="AG16" s="313">
        <v>3916204</v>
      </c>
      <c r="AH16" s="314">
        <v>18008973</v>
      </c>
      <c r="AI16" s="316">
        <v>18008973</v>
      </c>
      <c r="AJ16" s="312">
        <v>0</v>
      </c>
      <c r="AK16" s="313">
        <v>0</v>
      </c>
      <c r="AL16" s="314">
        <v>0</v>
      </c>
      <c r="AM16" s="312">
        <v>0</v>
      </c>
      <c r="AN16" s="313">
        <v>0</v>
      </c>
      <c r="AO16" s="313">
        <v>49984</v>
      </c>
      <c r="AP16" s="313">
        <v>157161</v>
      </c>
      <c r="AQ16" s="313">
        <v>353649</v>
      </c>
      <c r="AR16" s="313">
        <v>618044</v>
      </c>
      <c r="AS16" s="314">
        <v>1178838</v>
      </c>
      <c r="AT16" s="316">
        <v>1178838</v>
      </c>
      <c r="AU16" s="312">
        <v>370022</v>
      </c>
      <c r="AV16" s="313">
        <v>463504</v>
      </c>
      <c r="AW16" s="314">
        <v>833526</v>
      </c>
      <c r="AX16" s="312">
        <v>0</v>
      </c>
      <c r="AY16" s="313">
        <v>2330963</v>
      </c>
      <c r="AZ16" s="313">
        <v>1475019</v>
      </c>
      <c r="BA16" s="313">
        <v>999772</v>
      </c>
      <c r="BB16" s="313">
        <v>1090947</v>
      </c>
      <c r="BC16" s="313">
        <v>980942</v>
      </c>
      <c r="BD16" s="314">
        <v>6877643</v>
      </c>
      <c r="BE16" s="316">
        <v>7711169</v>
      </c>
      <c r="BF16" s="312">
        <v>15553</v>
      </c>
      <c r="BG16" s="313">
        <v>53655</v>
      </c>
      <c r="BH16" s="317">
        <v>69208</v>
      </c>
      <c r="BI16" s="318">
        <v>0</v>
      </c>
      <c r="BJ16" s="313">
        <v>255644</v>
      </c>
      <c r="BK16" s="313">
        <v>301927</v>
      </c>
      <c r="BL16" s="313">
        <v>90667</v>
      </c>
      <c r="BM16" s="313">
        <v>116981</v>
      </c>
      <c r="BN16" s="313">
        <v>139643</v>
      </c>
      <c r="BO16" s="314">
        <v>904862</v>
      </c>
      <c r="BP16" s="316">
        <v>974070</v>
      </c>
      <c r="BQ16" s="312">
        <v>242632</v>
      </c>
      <c r="BR16" s="313">
        <v>226848</v>
      </c>
      <c r="BS16" s="314">
        <v>469480</v>
      </c>
      <c r="BT16" s="312">
        <v>0</v>
      </c>
      <c r="BU16" s="313">
        <v>1272936</v>
      </c>
      <c r="BV16" s="313">
        <v>1110960</v>
      </c>
      <c r="BW16" s="313">
        <v>1019768</v>
      </c>
      <c r="BX16" s="313">
        <v>1232856</v>
      </c>
      <c r="BY16" s="313">
        <v>749504</v>
      </c>
      <c r="BZ16" s="314">
        <v>5386024</v>
      </c>
      <c r="CA16" s="316">
        <v>5855504</v>
      </c>
      <c r="CB16" s="312">
        <v>61629</v>
      </c>
      <c r="CC16" s="313">
        <v>191547</v>
      </c>
      <c r="CD16" s="314">
        <v>253176</v>
      </c>
      <c r="CE16" s="312">
        <v>0</v>
      </c>
      <c r="CF16" s="313">
        <v>7469295</v>
      </c>
      <c r="CG16" s="313">
        <v>5300504</v>
      </c>
      <c r="CH16" s="313">
        <v>2983719</v>
      </c>
      <c r="CI16" s="313">
        <v>1202337</v>
      </c>
      <c r="CJ16" s="313">
        <v>1269179</v>
      </c>
      <c r="CK16" s="314">
        <v>18225034</v>
      </c>
      <c r="CL16" s="316">
        <v>18478210</v>
      </c>
      <c r="CM16" s="312">
        <v>0</v>
      </c>
      <c r="CN16" s="313">
        <v>0</v>
      </c>
      <c r="CO16" s="314">
        <v>0</v>
      </c>
      <c r="CP16" s="318">
        <v>0</v>
      </c>
      <c r="CQ16" s="313">
        <v>6334636</v>
      </c>
      <c r="CR16" s="313">
        <v>4489399</v>
      </c>
      <c r="CS16" s="313">
        <v>2236296</v>
      </c>
      <c r="CT16" s="313">
        <v>1100983</v>
      </c>
      <c r="CU16" s="313">
        <v>1001708</v>
      </c>
      <c r="CV16" s="314">
        <v>15163022</v>
      </c>
      <c r="CW16" s="316">
        <v>15163022</v>
      </c>
      <c r="CX16" s="312">
        <v>61629</v>
      </c>
      <c r="CY16" s="313">
        <v>191547</v>
      </c>
      <c r="CZ16" s="314">
        <v>253176</v>
      </c>
      <c r="DA16" s="312">
        <v>0</v>
      </c>
      <c r="DB16" s="313">
        <v>1134659</v>
      </c>
      <c r="DC16" s="313">
        <v>811105</v>
      </c>
      <c r="DD16" s="313">
        <v>747423</v>
      </c>
      <c r="DE16" s="313">
        <v>101354</v>
      </c>
      <c r="DF16" s="313">
        <v>267471</v>
      </c>
      <c r="DG16" s="314">
        <v>3062012</v>
      </c>
      <c r="DH16" s="316">
        <v>3315188</v>
      </c>
      <c r="DI16" s="312">
        <v>0</v>
      </c>
      <c r="DJ16" s="313">
        <v>44685</v>
      </c>
      <c r="DK16" s="317">
        <v>44685</v>
      </c>
      <c r="DL16" s="318">
        <v>0</v>
      </c>
      <c r="DM16" s="313">
        <v>784194</v>
      </c>
      <c r="DN16" s="313">
        <v>774550</v>
      </c>
      <c r="DO16" s="313">
        <v>1534997</v>
      </c>
      <c r="DP16" s="313">
        <v>1087087</v>
      </c>
      <c r="DQ16" s="313">
        <v>552059</v>
      </c>
      <c r="DR16" s="314">
        <v>4732887</v>
      </c>
      <c r="DS16" s="316">
        <v>4777572</v>
      </c>
      <c r="DT16" s="312">
        <v>0</v>
      </c>
      <c r="DU16" s="313">
        <v>44685</v>
      </c>
      <c r="DV16" s="314">
        <v>44685</v>
      </c>
      <c r="DW16" s="312">
        <v>0</v>
      </c>
      <c r="DX16" s="313">
        <v>734606</v>
      </c>
      <c r="DY16" s="313">
        <v>627969</v>
      </c>
      <c r="DZ16" s="313">
        <v>1281567</v>
      </c>
      <c r="EA16" s="313">
        <v>1087087</v>
      </c>
      <c r="EB16" s="313">
        <v>552059</v>
      </c>
      <c r="EC16" s="314">
        <v>4283288</v>
      </c>
      <c r="ED16" s="316">
        <v>4327973</v>
      </c>
      <c r="EE16" s="312">
        <v>0</v>
      </c>
      <c r="EF16" s="317">
        <v>0</v>
      </c>
      <c r="EG16" s="314">
        <v>0</v>
      </c>
      <c r="EH16" s="312">
        <v>0</v>
      </c>
      <c r="EI16" s="313">
        <v>49588</v>
      </c>
      <c r="EJ16" s="313">
        <v>146581</v>
      </c>
      <c r="EK16" s="313">
        <v>253430</v>
      </c>
      <c r="EL16" s="313">
        <v>0</v>
      </c>
      <c r="EM16" s="313">
        <v>0</v>
      </c>
      <c r="EN16" s="317">
        <v>449599</v>
      </c>
      <c r="EO16" s="316">
        <v>449599</v>
      </c>
      <c r="EP16" s="312">
        <v>0</v>
      </c>
      <c r="EQ16" s="313">
        <v>0</v>
      </c>
      <c r="ER16" s="317">
        <v>0</v>
      </c>
      <c r="ES16" s="318">
        <v>0</v>
      </c>
      <c r="ET16" s="313">
        <v>0</v>
      </c>
      <c r="EU16" s="313">
        <v>0</v>
      </c>
      <c r="EV16" s="313">
        <v>0</v>
      </c>
      <c r="EW16" s="313">
        <v>0</v>
      </c>
      <c r="EX16" s="313">
        <v>0</v>
      </c>
      <c r="EY16" s="314">
        <v>0</v>
      </c>
      <c r="EZ16" s="316">
        <v>0</v>
      </c>
      <c r="FA16" s="312">
        <v>0</v>
      </c>
      <c r="FB16" s="313">
        <v>0</v>
      </c>
      <c r="FC16" s="317">
        <v>0</v>
      </c>
      <c r="FD16" s="318">
        <v>0</v>
      </c>
      <c r="FE16" s="313">
        <v>0</v>
      </c>
      <c r="FF16" s="313">
        <v>0</v>
      </c>
      <c r="FG16" s="313">
        <v>0</v>
      </c>
      <c r="FH16" s="313">
        <v>0</v>
      </c>
      <c r="FI16" s="313">
        <v>0</v>
      </c>
      <c r="FJ16" s="314">
        <v>0</v>
      </c>
      <c r="FK16" s="316">
        <v>0</v>
      </c>
      <c r="FL16" s="312">
        <v>476904</v>
      </c>
      <c r="FM16" s="313">
        <v>668256</v>
      </c>
      <c r="FN16" s="314">
        <v>1145160</v>
      </c>
      <c r="FO16" s="312">
        <v>0</v>
      </c>
      <c r="FP16" s="313">
        <v>1536776</v>
      </c>
      <c r="FQ16" s="313">
        <v>1439692</v>
      </c>
      <c r="FR16" s="313">
        <v>1013928</v>
      </c>
      <c r="FS16" s="313">
        <v>1117595</v>
      </c>
      <c r="FT16" s="313">
        <v>773980</v>
      </c>
      <c r="FU16" s="314">
        <v>5881971</v>
      </c>
      <c r="FV16" s="316">
        <v>7027131</v>
      </c>
      <c r="FW16" s="319">
        <v>352120</v>
      </c>
      <c r="FX16" s="313">
        <v>445608</v>
      </c>
      <c r="FY16" s="317">
        <v>797728</v>
      </c>
      <c r="FZ16" s="318">
        <v>0</v>
      </c>
      <c r="GA16" s="313">
        <v>1046344</v>
      </c>
      <c r="GB16" s="313">
        <v>1402736</v>
      </c>
      <c r="GC16" s="313">
        <v>974728</v>
      </c>
      <c r="GD16" s="313">
        <v>781112</v>
      </c>
      <c r="GE16" s="313">
        <v>733148</v>
      </c>
      <c r="GF16" s="314">
        <v>4938068</v>
      </c>
      <c r="GG16" s="320">
        <v>5735796</v>
      </c>
      <c r="GH16" s="319">
        <v>25344</v>
      </c>
      <c r="GI16" s="313">
        <v>21120</v>
      </c>
      <c r="GJ16" s="317">
        <v>46464</v>
      </c>
      <c r="GK16" s="318">
        <v>0</v>
      </c>
      <c r="GL16" s="313">
        <v>97872</v>
      </c>
      <c r="GM16" s="313">
        <v>36956</v>
      </c>
      <c r="GN16" s="313">
        <v>0</v>
      </c>
      <c r="GO16" s="313">
        <v>121800</v>
      </c>
      <c r="GP16" s="313">
        <v>40832</v>
      </c>
      <c r="GQ16" s="314">
        <v>297460</v>
      </c>
      <c r="GR16" s="316">
        <v>343924</v>
      </c>
      <c r="GS16" s="312">
        <v>99440</v>
      </c>
      <c r="GT16" s="313">
        <v>201528</v>
      </c>
      <c r="GU16" s="314">
        <v>300968</v>
      </c>
      <c r="GV16" s="312">
        <v>0</v>
      </c>
      <c r="GW16" s="313">
        <v>392560</v>
      </c>
      <c r="GX16" s="313">
        <v>0</v>
      </c>
      <c r="GY16" s="313">
        <v>39200</v>
      </c>
      <c r="GZ16" s="313">
        <v>214683</v>
      </c>
      <c r="HA16" s="313">
        <v>0</v>
      </c>
      <c r="HB16" s="317">
        <v>646443</v>
      </c>
      <c r="HC16" s="316">
        <v>947411</v>
      </c>
      <c r="HD16" s="312">
        <v>495823</v>
      </c>
      <c r="HE16" s="313">
        <v>199589</v>
      </c>
      <c r="HF16" s="317">
        <v>695412</v>
      </c>
      <c r="HG16" s="318">
        <v>0</v>
      </c>
      <c r="HH16" s="313">
        <v>4149565</v>
      </c>
      <c r="HI16" s="313">
        <v>4383160</v>
      </c>
      <c r="HJ16" s="313">
        <v>3066759</v>
      </c>
      <c r="HK16" s="313">
        <v>4911149</v>
      </c>
      <c r="HL16" s="313">
        <v>3183551</v>
      </c>
      <c r="HM16" s="314">
        <v>19694184</v>
      </c>
      <c r="HN16" s="315">
        <v>20389596</v>
      </c>
      <c r="HO16" s="319">
        <v>0</v>
      </c>
      <c r="HP16" s="313">
        <v>0</v>
      </c>
      <c r="HQ16" s="314">
        <v>0</v>
      </c>
      <c r="HR16" s="312">
        <v>0</v>
      </c>
      <c r="HS16" s="313">
        <v>0</v>
      </c>
      <c r="HT16" s="313">
        <v>0</v>
      </c>
      <c r="HU16" s="313">
        <v>0</v>
      </c>
      <c r="HV16" s="313">
        <v>0</v>
      </c>
      <c r="HW16" s="313">
        <v>0</v>
      </c>
      <c r="HX16" s="317">
        <v>0</v>
      </c>
      <c r="HY16" s="316">
        <v>0</v>
      </c>
      <c r="HZ16" s="344">
        <v>0</v>
      </c>
      <c r="IA16" s="342">
        <v>83284</v>
      </c>
      <c r="IB16" s="344">
        <v>83284</v>
      </c>
      <c r="IC16" s="341">
        <v>0</v>
      </c>
      <c r="ID16" s="342">
        <v>5082386</v>
      </c>
      <c r="IE16" s="343">
        <v>3914411</v>
      </c>
      <c r="IF16" s="344">
        <v>4249186</v>
      </c>
      <c r="IG16" s="342">
        <v>3287761</v>
      </c>
      <c r="IH16" s="344">
        <v>3426754</v>
      </c>
      <c r="II16" s="345">
        <v>19960498</v>
      </c>
      <c r="IJ16" s="344">
        <v>20043782</v>
      </c>
      <c r="IK16" s="328">
        <v>0</v>
      </c>
      <c r="IL16" s="329">
        <v>0</v>
      </c>
      <c r="IM16" s="330">
        <v>0</v>
      </c>
      <c r="IN16" s="390">
        <v>0</v>
      </c>
      <c r="IO16" s="331">
        <v>94828</v>
      </c>
      <c r="IP16" s="331">
        <v>0</v>
      </c>
      <c r="IQ16" s="331">
        <v>174757</v>
      </c>
      <c r="IR16" s="331">
        <v>0</v>
      </c>
      <c r="IS16" s="331">
        <v>124676</v>
      </c>
      <c r="IT16" s="332">
        <v>394261</v>
      </c>
      <c r="IU16" s="333">
        <v>394261</v>
      </c>
      <c r="IV16" s="334">
        <v>0</v>
      </c>
      <c r="IW16" s="331">
        <v>0</v>
      </c>
      <c r="IX16" s="335">
        <v>0</v>
      </c>
      <c r="IY16" s="390">
        <v>0</v>
      </c>
      <c r="IZ16" s="331">
        <v>20257</v>
      </c>
      <c r="JA16" s="331">
        <v>0</v>
      </c>
      <c r="JB16" s="331">
        <v>10501</v>
      </c>
      <c r="JC16" s="331">
        <v>0</v>
      </c>
      <c r="JD16" s="331">
        <v>0</v>
      </c>
      <c r="JE16" s="335">
        <v>30758</v>
      </c>
      <c r="JF16" s="336">
        <v>30758</v>
      </c>
      <c r="JG16" s="334">
        <v>0</v>
      </c>
      <c r="JH16" s="331">
        <v>0</v>
      </c>
      <c r="JI16" s="332">
        <v>0</v>
      </c>
      <c r="JJ16" s="337">
        <v>0</v>
      </c>
      <c r="JK16" s="331">
        <v>1853584</v>
      </c>
      <c r="JL16" s="331">
        <v>1117102</v>
      </c>
      <c r="JM16" s="331">
        <v>451957</v>
      </c>
      <c r="JN16" s="331">
        <v>294798</v>
      </c>
      <c r="JO16" s="331">
        <v>278651</v>
      </c>
      <c r="JP16" s="335">
        <v>3996092</v>
      </c>
      <c r="JQ16" s="333">
        <v>3996092</v>
      </c>
      <c r="JR16" s="334">
        <v>0</v>
      </c>
      <c r="JS16" s="331">
        <v>0</v>
      </c>
      <c r="JT16" s="332">
        <v>0</v>
      </c>
      <c r="JU16" s="337">
        <v>0</v>
      </c>
      <c r="JV16" s="331">
        <v>323063</v>
      </c>
      <c r="JW16" s="331">
        <v>122692</v>
      </c>
      <c r="JX16" s="331">
        <v>103964</v>
      </c>
      <c r="JY16" s="331">
        <v>0</v>
      </c>
      <c r="JZ16" s="331">
        <v>0</v>
      </c>
      <c r="KA16" s="335">
        <v>549719</v>
      </c>
      <c r="KB16" s="333">
        <v>549719</v>
      </c>
      <c r="KC16" s="338">
        <v>0</v>
      </c>
      <c r="KD16" s="339">
        <v>83284</v>
      </c>
      <c r="KE16" s="335">
        <v>83284</v>
      </c>
      <c r="KF16" s="337">
        <v>0</v>
      </c>
      <c r="KG16" s="331">
        <v>402366</v>
      </c>
      <c r="KH16" s="331">
        <v>168184</v>
      </c>
      <c r="KI16" s="331">
        <v>247448</v>
      </c>
      <c r="KJ16" s="331">
        <v>547471</v>
      </c>
      <c r="KK16" s="331">
        <v>0</v>
      </c>
      <c r="KL16" s="335">
        <v>1365469</v>
      </c>
      <c r="KM16" s="340">
        <v>1448753</v>
      </c>
      <c r="KN16" s="328">
        <v>0</v>
      </c>
      <c r="KO16" s="329">
        <v>0</v>
      </c>
      <c r="KP16" s="330">
        <v>0</v>
      </c>
      <c r="KQ16" s="390">
        <v>0</v>
      </c>
      <c r="KR16" s="331">
        <v>1436757</v>
      </c>
      <c r="KS16" s="331">
        <v>1569915</v>
      </c>
      <c r="KT16" s="331">
        <v>2198796</v>
      </c>
      <c r="KU16" s="331">
        <v>1054250</v>
      </c>
      <c r="KV16" s="331">
        <v>1308279</v>
      </c>
      <c r="KW16" s="335">
        <v>7567997</v>
      </c>
      <c r="KX16" s="333">
        <v>7567997</v>
      </c>
      <c r="KY16" s="334">
        <v>0</v>
      </c>
      <c r="KZ16" s="331">
        <v>0</v>
      </c>
      <c r="LA16" s="335">
        <v>0</v>
      </c>
      <c r="LB16" s="390">
        <v>0</v>
      </c>
      <c r="LC16" s="331">
        <v>773177</v>
      </c>
      <c r="LD16" s="331">
        <v>59411</v>
      </c>
      <c r="LE16" s="331">
        <v>196026</v>
      </c>
      <c r="LF16" s="331">
        <v>214476</v>
      </c>
      <c r="LG16" s="331">
        <v>234341</v>
      </c>
      <c r="LH16" s="335">
        <v>1477431</v>
      </c>
      <c r="LI16" s="336">
        <v>1477431</v>
      </c>
      <c r="LJ16" s="334">
        <v>0</v>
      </c>
      <c r="LK16" s="331">
        <v>0</v>
      </c>
      <c r="LL16" s="335">
        <v>0</v>
      </c>
      <c r="LM16" s="390">
        <v>0</v>
      </c>
      <c r="LN16" s="331">
        <v>0</v>
      </c>
      <c r="LO16" s="331">
        <v>214552</v>
      </c>
      <c r="LP16" s="331">
        <v>266552</v>
      </c>
      <c r="LQ16" s="331">
        <v>769956</v>
      </c>
      <c r="LR16" s="331">
        <v>1480807</v>
      </c>
      <c r="LS16" s="335">
        <v>2731867</v>
      </c>
      <c r="LT16" s="333">
        <v>2731867</v>
      </c>
      <c r="LU16" s="334">
        <v>0</v>
      </c>
      <c r="LV16" s="331">
        <v>0</v>
      </c>
      <c r="LW16" s="335">
        <v>0</v>
      </c>
      <c r="LX16" s="390">
        <v>0</v>
      </c>
      <c r="LY16" s="331">
        <v>178354</v>
      </c>
      <c r="LZ16" s="331">
        <v>662555</v>
      </c>
      <c r="MA16" s="331">
        <v>599185</v>
      </c>
      <c r="MB16" s="331">
        <v>406810</v>
      </c>
      <c r="MC16" s="331">
        <v>0</v>
      </c>
      <c r="MD16" s="335">
        <v>1846904</v>
      </c>
      <c r="ME16" s="336">
        <v>1846904</v>
      </c>
      <c r="MF16" s="334">
        <v>0</v>
      </c>
      <c r="MG16" s="331">
        <v>0</v>
      </c>
      <c r="MH16" s="335">
        <v>0</v>
      </c>
      <c r="MI16" s="390">
        <v>0</v>
      </c>
      <c r="MJ16" s="331">
        <v>1127025</v>
      </c>
      <c r="MK16" s="331">
        <v>1037685</v>
      </c>
      <c r="ML16" s="331">
        <v>5353714</v>
      </c>
      <c r="MM16" s="331">
        <v>11771827</v>
      </c>
      <c r="MN16" s="331">
        <v>6785207</v>
      </c>
      <c r="MO16" s="335">
        <v>26075458</v>
      </c>
      <c r="MP16" s="340">
        <v>26075458</v>
      </c>
      <c r="MQ16" s="334">
        <v>0</v>
      </c>
      <c r="MR16" s="331">
        <v>0</v>
      </c>
      <c r="MS16" s="335">
        <v>0</v>
      </c>
      <c r="MT16" s="390">
        <v>0</v>
      </c>
      <c r="MU16" s="331">
        <v>432729</v>
      </c>
      <c r="MV16" s="331">
        <v>0</v>
      </c>
      <c r="MW16" s="331">
        <v>4200596</v>
      </c>
      <c r="MX16" s="331">
        <v>9477090</v>
      </c>
      <c r="MY16" s="331">
        <v>4619472</v>
      </c>
      <c r="MZ16" s="335">
        <v>18729887</v>
      </c>
      <c r="NA16" s="340">
        <v>18729887</v>
      </c>
      <c r="NB16" s="334">
        <v>0</v>
      </c>
      <c r="NC16" s="331">
        <v>0</v>
      </c>
      <c r="ND16" s="335">
        <v>0</v>
      </c>
      <c r="NE16" s="390">
        <v>0</v>
      </c>
      <c r="NF16" s="331">
        <v>694296</v>
      </c>
      <c r="NG16" s="331">
        <v>1037685</v>
      </c>
      <c r="NH16" s="331">
        <v>1153118</v>
      </c>
      <c r="NI16" s="331">
        <v>1949905</v>
      </c>
      <c r="NJ16" s="331">
        <v>1787671</v>
      </c>
      <c r="NK16" s="335">
        <v>6622675</v>
      </c>
      <c r="NL16" s="333">
        <v>6622675</v>
      </c>
      <c r="NM16" s="334">
        <v>0</v>
      </c>
      <c r="NN16" s="331">
        <v>0</v>
      </c>
      <c r="NO16" s="335">
        <v>0</v>
      </c>
      <c r="NP16" s="390">
        <v>0</v>
      </c>
      <c r="NQ16" s="331">
        <v>0</v>
      </c>
      <c r="NR16" s="331">
        <v>0</v>
      </c>
      <c r="NS16" s="331">
        <v>0</v>
      </c>
      <c r="NT16" s="331">
        <v>0</v>
      </c>
      <c r="NU16" s="331">
        <v>0</v>
      </c>
      <c r="NV16" s="335">
        <v>0</v>
      </c>
      <c r="NW16" s="336">
        <v>0</v>
      </c>
      <c r="NX16" s="334">
        <v>0</v>
      </c>
      <c r="NY16" s="331">
        <v>0</v>
      </c>
      <c r="NZ16" s="335">
        <v>0</v>
      </c>
      <c r="OA16" s="390">
        <v>0</v>
      </c>
      <c r="OB16" s="331">
        <v>0</v>
      </c>
      <c r="OC16" s="331">
        <v>0</v>
      </c>
      <c r="OD16" s="331">
        <v>0</v>
      </c>
      <c r="OE16" s="331">
        <v>344832</v>
      </c>
      <c r="OF16" s="331">
        <v>378064</v>
      </c>
      <c r="OG16" s="335">
        <v>722896</v>
      </c>
      <c r="OH16" s="336">
        <v>722896</v>
      </c>
      <c r="OI16" s="334">
        <v>1662563</v>
      </c>
      <c r="OJ16" s="331">
        <v>1931368</v>
      </c>
      <c r="OK16" s="332">
        <v>3593931</v>
      </c>
      <c r="OL16" s="337">
        <v>0</v>
      </c>
      <c r="OM16" s="331">
        <v>27399405</v>
      </c>
      <c r="ON16" s="331">
        <v>22856074</v>
      </c>
      <c r="OO16" s="331">
        <v>23483239</v>
      </c>
      <c r="OP16" s="331">
        <v>30792587</v>
      </c>
      <c r="OQ16" s="331">
        <v>22395067</v>
      </c>
      <c r="OR16" s="335">
        <v>126926372</v>
      </c>
      <c r="OS16" s="340">
        <v>130520303</v>
      </c>
    </row>
    <row r="17" spans="2:409" s="56" customFormat="1" ht="21" customHeight="1" x14ac:dyDescent="0.2">
      <c r="B17" s="396" t="s">
        <v>11</v>
      </c>
      <c r="C17" s="312">
        <v>536405</v>
      </c>
      <c r="D17" s="313">
        <v>806157</v>
      </c>
      <c r="E17" s="351">
        <v>1342562</v>
      </c>
      <c r="F17" s="318">
        <v>0</v>
      </c>
      <c r="G17" s="313">
        <v>8884215</v>
      </c>
      <c r="H17" s="313">
        <v>7860193</v>
      </c>
      <c r="I17" s="313">
        <v>7695834</v>
      </c>
      <c r="J17" s="313">
        <v>7489240</v>
      </c>
      <c r="K17" s="313">
        <v>3443868</v>
      </c>
      <c r="L17" s="315">
        <v>35373350</v>
      </c>
      <c r="M17" s="316">
        <v>36715912</v>
      </c>
      <c r="N17" s="312">
        <v>111754</v>
      </c>
      <c r="O17" s="313">
        <v>185794</v>
      </c>
      <c r="P17" s="314">
        <v>297548</v>
      </c>
      <c r="Q17" s="312">
        <v>0</v>
      </c>
      <c r="R17" s="313">
        <v>2299823</v>
      </c>
      <c r="S17" s="313">
        <v>2021036</v>
      </c>
      <c r="T17" s="313">
        <v>1602637</v>
      </c>
      <c r="U17" s="313">
        <v>2620955</v>
      </c>
      <c r="V17" s="313">
        <v>1648231</v>
      </c>
      <c r="W17" s="314">
        <v>10192682</v>
      </c>
      <c r="X17" s="316">
        <v>10490230</v>
      </c>
      <c r="Y17" s="312">
        <v>0</v>
      </c>
      <c r="Z17" s="313">
        <v>0</v>
      </c>
      <c r="AA17" s="314">
        <v>0</v>
      </c>
      <c r="AB17" s="312">
        <v>0</v>
      </c>
      <c r="AC17" s="313">
        <v>1202409</v>
      </c>
      <c r="AD17" s="313">
        <v>708067</v>
      </c>
      <c r="AE17" s="313">
        <v>706410</v>
      </c>
      <c r="AF17" s="313">
        <v>1325754</v>
      </c>
      <c r="AG17" s="313">
        <v>632762</v>
      </c>
      <c r="AH17" s="314">
        <v>4575402</v>
      </c>
      <c r="AI17" s="316">
        <v>4575402</v>
      </c>
      <c r="AJ17" s="312">
        <v>0</v>
      </c>
      <c r="AK17" s="313">
        <v>0</v>
      </c>
      <c r="AL17" s="314">
        <v>0</v>
      </c>
      <c r="AM17" s="312">
        <v>0</v>
      </c>
      <c r="AN17" s="313">
        <v>0</v>
      </c>
      <c r="AO17" s="313">
        <v>94844</v>
      </c>
      <c r="AP17" s="313">
        <v>0</v>
      </c>
      <c r="AQ17" s="313">
        <v>237111</v>
      </c>
      <c r="AR17" s="313">
        <v>298027</v>
      </c>
      <c r="AS17" s="314">
        <v>629982</v>
      </c>
      <c r="AT17" s="316">
        <v>629982</v>
      </c>
      <c r="AU17" s="312">
        <v>54122</v>
      </c>
      <c r="AV17" s="313">
        <v>144810</v>
      </c>
      <c r="AW17" s="314">
        <v>198932</v>
      </c>
      <c r="AX17" s="312">
        <v>0</v>
      </c>
      <c r="AY17" s="313">
        <v>645043</v>
      </c>
      <c r="AZ17" s="313">
        <v>894179</v>
      </c>
      <c r="BA17" s="313">
        <v>503686</v>
      </c>
      <c r="BB17" s="313">
        <v>691058</v>
      </c>
      <c r="BC17" s="313">
        <v>354766</v>
      </c>
      <c r="BD17" s="314">
        <v>3088732</v>
      </c>
      <c r="BE17" s="316">
        <v>3287664</v>
      </c>
      <c r="BF17" s="312">
        <v>0</v>
      </c>
      <c r="BG17" s="313">
        <v>14840</v>
      </c>
      <c r="BH17" s="317">
        <v>14840</v>
      </c>
      <c r="BI17" s="318">
        <v>0</v>
      </c>
      <c r="BJ17" s="313">
        <v>46275</v>
      </c>
      <c r="BK17" s="313">
        <v>7802</v>
      </c>
      <c r="BL17" s="313">
        <v>94493</v>
      </c>
      <c r="BM17" s="313">
        <v>19976</v>
      </c>
      <c r="BN17" s="313">
        <v>221428</v>
      </c>
      <c r="BO17" s="314">
        <v>389974</v>
      </c>
      <c r="BP17" s="316">
        <v>404814</v>
      </c>
      <c r="BQ17" s="312">
        <v>57632</v>
      </c>
      <c r="BR17" s="313">
        <v>26144</v>
      </c>
      <c r="BS17" s="314">
        <v>83776</v>
      </c>
      <c r="BT17" s="312">
        <v>0</v>
      </c>
      <c r="BU17" s="313">
        <v>406096</v>
      </c>
      <c r="BV17" s="313">
        <v>316144</v>
      </c>
      <c r="BW17" s="313">
        <v>298048</v>
      </c>
      <c r="BX17" s="313">
        <v>347056</v>
      </c>
      <c r="BY17" s="313">
        <v>141248</v>
      </c>
      <c r="BZ17" s="314">
        <v>1508592</v>
      </c>
      <c r="CA17" s="316">
        <v>1592368</v>
      </c>
      <c r="CB17" s="312">
        <v>203809</v>
      </c>
      <c r="CC17" s="313">
        <v>262776</v>
      </c>
      <c r="CD17" s="314">
        <v>466585</v>
      </c>
      <c r="CE17" s="312">
        <v>0</v>
      </c>
      <c r="CF17" s="313">
        <v>3173712</v>
      </c>
      <c r="CG17" s="313">
        <v>2337416</v>
      </c>
      <c r="CH17" s="313">
        <v>1763096</v>
      </c>
      <c r="CI17" s="313">
        <v>1287347</v>
      </c>
      <c r="CJ17" s="313">
        <v>220059</v>
      </c>
      <c r="CK17" s="314">
        <v>8781630</v>
      </c>
      <c r="CL17" s="316">
        <v>9248215</v>
      </c>
      <c r="CM17" s="312">
        <v>0</v>
      </c>
      <c r="CN17" s="313">
        <v>0</v>
      </c>
      <c r="CO17" s="314">
        <v>0</v>
      </c>
      <c r="CP17" s="318">
        <v>0</v>
      </c>
      <c r="CQ17" s="313">
        <v>2189157</v>
      </c>
      <c r="CR17" s="313">
        <v>1777428</v>
      </c>
      <c r="CS17" s="313">
        <v>1454669</v>
      </c>
      <c r="CT17" s="313">
        <v>649525</v>
      </c>
      <c r="CU17" s="313">
        <v>206716</v>
      </c>
      <c r="CV17" s="314">
        <v>6277495</v>
      </c>
      <c r="CW17" s="316">
        <v>6277495</v>
      </c>
      <c r="CX17" s="312">
        <v>203809</v>
      </c>
      <c r="CY17" s="313">
        <v>262776</v>
      </c>
      <c r="CZ17" s="314">
        <v>466585</v>
      </c>
      <c r="DA17" s="312">
        <v>0</v>
      </c>
      <c r="DB17" s="313">
        <v>984555</v>
      </c>
      <c r="DC17" s="313">
        <v>559988</v>
      </c>
      <c r="DD17" s="313">
        <v>308427</v>
      </c>
      <c r="DE17" s="313">
        <v>637822</v>
      </c>
      <c r="DF17" s="313">
        <v>13343</v>
      </c>
      <c r="DG17" s="314">
        <v>2504135</v>
      </c>
      <c r="DH17" s="316">
        <v>2970720</v>
      </c>
      <c r="DI17" s="312">
        <v>0</v>
      </c>
      <c r="DJ17" s="313">
        <v>0</v>
      </c>
      <c r="DK17" s="317">
        <v>0</v>
      </c>
      <c r="DL17" s="318">
        <v>0</v>
      </c>
      <c r="DM17" s="313">
        <v>352267</v>
      </c>
      <c r="DN17" s="313">
        <v>522075</v>
      </c>
      <c r="DO17" s="313">
        <v>424528</v>
      </c>
      <c r="DP17" s="313">
        <v>566858</v>
      </c>
      <c r="DQ17" s="313">
        <v>0</v>
      </c>
      <c r="DR17" s="314">
        <v>1865728</v>
      </c>
      <c r="DS17" s="316">
        <v>1865728</v>
      </c>
      <c r="DT17" s="312">
        <v>0</v>
      </c>
      <c r="DU17" s="313">
        <v>0</v>
      </c>
      <c r="DV17" s="314">
        <v>0</v>
      </c>
      <c r="DW17" s="312">
        <v>0</v>
      </c>
      <c r="DX17" s="313">
        <v>253879</v>
      </c>
      <c r="DY17" s="313">
        <v>522075</v>
      </c>
      <c r="DZ17" s="313">
        <v>393630</v>
      </c>
      <c r="EA17" s="313">
        <v>437662</v>
      </c>
      <c r="EB17" s="313">
        <v>0</v>
      </c>
      <c r="EC17" s="314">
        <v>1607246</v>
      </c>
      <c r="ED17" s="316">
        <v>1607246</v>
      </c>
      <c r="EE17" s="312">
        <v>0</v>
      </c>
      <c r="EF17" s="317">
        <v>0</v>
      </c>
      <c r="EG17" s="314">
        <v>0</v>
      </c>
      <c r="EH17" s="312">
        <v>0</v>
      </c>
      <c r="EI17" s="313">
        <v>98388</v>
      </c>
      <c r="EJ17" s="313">
        <v>0</v>
      </c>
      <c r="EK17" s="313">
        <v>30898</v>
      </c>
      <c r="EL17" s="313">
        <v>129196</v>
      </c>
      <c r="EM17" s="313">
        <v>0</v>
      </c>
      <c r="EN17" s="317">
        <v>258482</v>
      </c>
      <c r="EO17" s="316">
        <v>258482</v>
      </c>
      <c r="EP17" s="312">
        <v>0</v>
      </c>
      <c r="EQ17" s="313">
        <v>0</v>
      </c>
      <c r="ER17" s="317">
        <v>0</v>
      </c>
      <c r="ES17" s="318">
        <v>0</v>
      </c>
      <c r="ET17" s="313">
        <v>0</v>
      </c>
      <c r="EU17" s="313">
        <v>0</v>
      </c>
      <c r="EV17" s="313">
        <v>0</v>
      </c>
      <c r="EW17" s="313">
        <v>0</v>
      </c>
      <c r="EX17" s="313">
        <v>0</v>
      </c>
      <c r="EY17" s="314">
        <v>0</v>
      </c>
      <c r="EZ17" s="316">
        <v>0</v>
      </c>
      <c r="FA17" s="312">
        <v>0</v>
      </c>
      <c r="FB17" s="313">
        <v>0</v>
      </c>
      <c r="FC17" s="317">
        <v>0</v>
      </c>
      <c r="FD17" s="318">
        <v>0</v>
      </c>
      <c r="FE17" s="313">
        <v>0</v>
      </c>
      <c r="FF17" s="313">
        <v>0</v>
      </c>
      <c r="FG17" s="313">
        <v>0</v>
      </c>
      <c r="FH17" s="313">
        <v>0</v>
      </c>
      <c r="FI17" s="313">
        <v>0</v>
      </c>
      <c r="FJ17" s="314">
        <v>0</v>
      </c>
      <c r="FK17" s="316">
        <v>0</v>
      </c>
      <c r="FL17" s="312">
        <v>109840</v>
      </c>
      <c r="FM17" s="313">
        <v>262568</v>
      </c>
      <c r="FN17" s="314">
        <v>372408</v>
      </c>
      <c r="FO17" s="312">
        <v>0</v>
      </c>
      <c r="FP17" s="313">
        <v>389211</v>
      </c>
      <c r="FQ17" s="313">
        <v>851358</v>
      </c>
      <c r="FR17" s="313">
        <v>468130</v>
      </c>
      <c r="FS17" s="313">
        <v>424272</v>
      </c>
      <c r="FT17" s="313">
        <v>215632</v>
      </c>
      <c r="FU17" s="314">
        <v>2348603</v>
      </c>
      <c r="FV17" s="316">
        <v>2721011</v>
      </c>
      <c r="FW17" s="319">
        <v>85040</v>
      </c>
      <c r="FX17" s="313">
        <v>126960</v>
      </c>
      <c r="FY17" s="317">
        <v>212000</v>
      </c>
      <c r="FZ17" s="318">
        <v>0</v>
      </c>
      <c r="GA17" s="313">
        <v>319656</v>
      </c>
      <c r="GB17" s="313">
        <v>851358</v>
      </c>
      <c r="GC17" s="313">
        <v>453320</v>
      </c>
      <c r="GD17" s="313">
        <v>424272</v>
      </c>
      <c r="GE17" s="313">
        <v>215632</v>
      </c>
      <c r="GF17" s="314">
        <v>2264238</v>
      </c>
      <c r="GG17" s="320">
        <v>2476238</v>
      </c>
      <c r="GH17" s="319">
        <v>0</v>
      </c>
      <c r="GI17" s="313">
        <v>0</v>
      </c>
      <c r="GJ17" s="317">
        <v>0</v>
      </c>
      <c r="GK17" s="318">
        <v>0</v>
      </c>
      <c r="GL17" s="313">
        <v>51955</v>
      </c>
      <c r="GM17" s="313">
        <v>0</v>
      </c>
      <c r="GN17" s="313">
        <v>14810</v>
      </c>
      <c r="GO17" s="313">
        <v>0</v>
      </c>
      <c r="GP17" s="313">
        <v>0</v>
      </c>
      <c r="GQ17" s="314">
        <v>66765</v>
      </c>
      <c r="GR17" s="316">
        <v>66765</v>
      </c>
      <c r="GS17" s="312">
        <v>24800</v>
      </c>
      <c r="GT17" s="313">
        <v>135608</v>
      </c>
      <c r="GU17" s="314">
        <v>160408</v>
      </c>
      <c r="GV17" s="312">
        <v>0</v>
      </c>
      <c r="GW17" s="313">
        <v>17600</v>
      </c>
      <c r="GX17" s="313">
        <v>0</v>
      </c>
      <c r="GY17" s="313">
        <v>0</v>
      </c>
      <c r="GZ17" s="313">
        <v>0</v>
      </c>
      <c r="HA17" s="313">
        <v>0</v>
      </c>
      <c r="HB17" s="317">
        <v>17600</v>
      </c>
      <c r="HC17" s="316">
        <v>178008</v>
      </c>
      <c r="HD17" s="312">
        <v>111002</v>
      </c>
      <c r="HE17" s="313">
        <v>95019</v>
      </c>
      <c r="HF17" s="317">
        <v>206021</v>
      </c>
      <c r="HG17" s="318">
        <v>0</v>
      </c>
      <c r="HH17" s="313">
        <v>2669202</v>
      </c>
      <c r="HI17" s="313">
        <v>2128308</v>
      </c>
      <c r="HJ17" s="313">
        <v>3437443</v>
      </c>
      <c r="HK17" s="313">
        <v>2589808</v>
      </c>
      <c r="HL17" s="313">
        <v>1359946</v>
      </c>
      <c r="HM17" s="314">
        <v>12184707</v>
      </c>
      <c r="HN17" s="315">
        <v>12390728</v>
      </c>
      <c r="HO17" s="319">
        <v>0</v>
      </c>
      <c r="HP17" s="313">
        <v>0</v>
      </c>
      <c r="HQ17" s="314">
        <v>0</v>
      </c>
      <c r="HR17" s="312">
        <v>0</v>
      </c>
      <c r="HS17" s="313">
        <v>0</v>
      </c>
      <c r="HT17" s="313">
        <v>0</v>
      </c>
      <c r="HU17" s="313">
        <v>0</v>
      </c>
      <c r="HV17" s="313">
        <v>0</v>
      </c>
      <c r="HW17" s="313">
        <v>0</v>
      </c>
      <c r="HX17" s="317">
        <v>0</v>
      </c>
      <c r="HY17" s="316">
        <v>0</v>
      </c>
      <c r="HZ17" s="321">
        <v>0</v>
      </c>
      <c r="IA17" s="322">
        <v>0</v>
      </c>
      <c r="IB17" s="323">
        <v>0</v>
      </c>
      <c r="IC17" s="324">
        <v>0</v>
      </c>
      <c r="ID17" s="322">
        <v>1800528</v>
      </c>
      <c r="IE17" s="325">
        <v>1687377</v>
      </c>
      <c r="IF17" s="323">
        <v>1688766</v>
      </c>
      <c r="IG17" s="322">
        <v>1055129</v>
      </c>
      <c r="IH17" s="323">
        <v>489568</v>
      </c>
      <c r="II17" s="326">
        <v>6721368</v>
      </c>
      <c r="IJ17" s="327">
        <v>6721368</v>
      </c>
      <c r="IK17" s="328">
        <v>0</v>
      </c>
      <c r="IL17" s="329">
        <v>0</v>
      </c>
      <c r="IM17" s="330">
        <v>0</v>
      </c>
      <c r="IN17" s="390">
        <v>0</v>
      </c>
      <c r="IO17" s="331">
        <v>151691</v>
      </c>
      <c r="IP17" s="331">
        <v>0</v>
      </c>
      <c r="IQ17" s="331">
        <v>0</v>
      </c>
      <c r="IR17" s="331">
        <v>0</v>
      </c>
      <c r="IS17" s="331">
        <v>0</v>
      </c>
      <c r="IT17" s="332">
        <v>151691</v>
      </c>
      <c r="IU17" s="333">
        <v>151691</v>
      </c>
      <c r="IV17" s="334">
        <v>0</v>
      </c>
      <c r="IW17" s="331">
        <v>0</v>
      </c>
      <c r="IX17" s="335">
        <v>0</v>
      </c>
      <c r="IY17" s="390">
        <v>0</v>
      </c>
      <c r="IZ17" s="331">
        <v>0</v>
      </c>
      <c r="JA17" s="331">
        <v>16751</v>
      </c>
      <c r="JB17" s="331">
        <v>0</v>
      </c>
      <c r="JC17" s="331">
        <v>0</v>
      </c>
      <c r="JD17" s="331">
        <v>0</v>
      </c>
      <c r="JE17" s="335">
        <v>16751</v>
      </c>
      <c r="JF17" s="336">
        <v>16751</v>
      </c>
      <c r="JG17" s="334">
        <v>0</v>
      </c>
      <c r="JH17" s="331">
        <v>0</v>
      </c>
      <c r="JI17" s="332">
        <v>0</v>
      </c>
      <c r="JJ17" s="337">
        <v>0</v>
      </c>
      <c r="JK17" s="331">
        <v>1032091</v>
      </c>
      <c r="JL17" s="331">
        <v>480745</v>
      </c>
      <c r="JM17" s="331">
        <v>289627</v>
      </c>
      <c r="JN17" s="331">
        <v>278712</v>
      </c>
      <c r="JO17" s="331">
        <v>132363</v>
      </c>
      <c r="JP17" s="335">
        <v>2213538</v>
      </c>
      <c r="JQ17" s="333">
        <v>2213538</v>
      </c>
      <c r="JR17" s="334">
        <v>0</v>
      </c>
      <c r="JS17" s="331">
        <v>0</v>
      </c>
      <c r="JT17" s="332">
        <v>0</v>
      </c>
      <c r="JU17" s="337">
        <v>0</v>
      </c>
      <c r="JV17" s="331">
        <v>0</v>
      </c>
      <c r="JW17" s="331">
        <v>67553</v>
      </c>
      <c r="JX17" s="331">
        <v>265074</v>
      </c>
      <c r="JY17" s="331">
        <v>0</v>
      </c>
      <c r="JZ17" s="331">
        <v>0</v>
      </c>
      <c r="KA17" s="335">
        <v>332627</v>
      </c>
      <c r="KB17" s="333">
        <v>332627</v>
      </c>
      <c r="KC17" s="338">
        <v>0</v>
      </c>
      <c r="KD17" s="339">
        <v>0</v>
      </c>
      <c r="KE17" s="335">
        <v>0</v>
      </c>
      <c r="KF17" s="337">
        <v>0</v>
      </c>
      <c r="KG17" s="331">
        <v>229592</v>
      </c>
      <c r="KH17" s="331">
        <v>177661</v>
      </c>
      <c r="KI17" s="331">
        <v>253402</v>
      </c>
      <c r="KJ17" s="331">
        <v>0</v>
      </c>
      <c r="KK17" s="331">
        <v>0</v>
      </c>
      <c r="KL17" s="335">
        <v>660655</v>
      </c>
      <c r="KM17" s="340">
        <v>660655</v>
      </c>
      <c r="KN17" s="328">
        <v>0</v>
      </c>
      <c r="KO17" s="329">
        <v>0</v>
      </c>
      <c r="KP17" s="330">
        <v>0</v>
      </c>
      <c r="KQ17" s="390">
        <v>0</v>
      </c>
      <c r="KR17" s="331">
        <v>238518</v>
      </c>
      <c r="KS17" s="331">
        <v>741070</v>
      </c>
      <c r="KT17" s="331">
        <v>259076</v>
      </c>
      <c r="KU17" s="331">
        <v>776417</v>
      </c>
      <c r="KV17" s="331">
        <v>0</v>
      </c>
      <c r="KW17" s="335">
        <v>2015081</v>
      </c>
      <c r="KX17" s="333">
        <v>2015081</v>
      </c>
      <c r="KY17" s="334">
        <v>0</v>
      </c>
      <c r="KZ17" s="331">
        <v>0</v>
      </c>
      <c r="LA17" s="335">
        <v>0</v>
      </c>
      <c r="LB17" s="390">
        <v>0</v>
      </c>
      <c r="LC17" s="331">
        <v>0</v>
      </c>
      <c r="LD17" s="331">
        <v>0</v>
      </c>
      <c r="LE17" s="331">
        <v>0</v>
      </c>
      <c r="LF17" s="331">
        <v>0</v>
      </c>
      <c r="LG17" s="331">
        <v>0</v>
      </c>
      <c r="LH17" s="335">
        <v>0</v>
      </c>
      <c r="LI17" s="336">
        <v>0</v>
      </c>
      <c r="LJ17" s="334">
        <v>0</v>
      </c>
      <c r="LK17" s="331">
        <v>0</v>
      </c>
      <c r="LL17" s="335">
        <v>0</v>
      </c>
      <c r="LM17" s="390">
        <v>0</v>
      </c>
      <c r="LN17" s="331">
        <v>0</v>
      </c>
      <c r="LO17" s="331">
        <v>0</v>
      </c>
      <c r="LP17" s="331">
        <v>0</v>
      </c>
      <c r="LQ17" s="331">
        <v>0</v>
      </c>
      <c r="LR17" s="331">
        <v>0</v>
      </c>
      <c r="LS17" s="335">
        <v>0</v>
      </c>
      <c r="LT17" s="333">
        <v>0</v>
      </c>
      <c r="LU17" s="334">
        <v>0</v>
      </c>
      <c r="LV17" s="331">
        <v>0</v>
      </c>
      <c r="LW17" s="335">
        <v>0</v>
      </c>
      <c r="LX17" s="390">
        <v>0</v>
      </c>
      <c r="LY17" s="331">
        <v>148636</v>
      </c>
      <c r="LZ17" s="331">
        <v>203597</v>
      </c>
      <c r="MA17" s="331">
        <v>621587</v>
      </c>
      <c r="MB17" s="331">
        <v>0</v>
      </c>
      <c r="MC17" s="331">
        <v>357205</v>
      </c>
      <c r="MD17" s="335">
        <v>1331025</v>
      </c>
      <c r="ME17" s="336">
        <v>1331025</v>
      </c>
      <c r="MF17" s="334">
        <v>0</v>
      </c>
      <c r="MG17" s="331">
        <v>0</v>
      </c>
      <c r="MH17" s="335">
        <v>0</v>
      </c>
      <c r="MI17" s="390">
        <v>0</v>
      </c>
      <c r="MJ17" s="331">
        <v>293192</v>
      </c>
      <c r="MK17" s="331">
        <v>735642</v>
      </c>
      <c r="ML17" s="331">
        <v>4253667</v>
      </c>
      <c r="MM17" s="331">
        <v>4949011</v>
      </c>
      <c r="MN17" s="331">
        <v>3878476</v>
      </c>
      <c r="MO17" s="335">
        <v>14109988</v>
      </c>
      <c r="MP17" s="340">
        <v>14109988</v>
      </c>
      <c r="MQ17" s="334">
        <v>0</v>
      </c>
      <c r="MR17" s="331">
        <v>0</v>
      </c>
      <c r="MS17" s="335">
        <v>0</v>
      </c>
      <c r="MT17" s="390">
        <v>0</v>
      </c>
      <c r="MU17" s="331">
        <v>0</v>
      </c>
      <c r="MV17" s="331">
        <v>0</v>
      </c>
      <c r="MW17" s="331">
        <v>1455889</v>
      </c>
      <c r="MX17" s="331">
        <v>3571271</v>
      </c>
      <c r="MY17" s="331">
        <v>2253222</v>
      </c>
      <c r="MZ17" s="335">
        <v>7280382</v>
      </c>
      <c r="NA17" s="340">
        <v>7280382</v>
      </c>
      <c r="NB17" s="334">
        <v>0</v>
      </c>
      <c r="NC17" s="331">
        <v>0</v>
      </c>
      <c r="ND17" s="335">
        <v>0</v>
      </c>
      <c r="NE17" s="390">
        <v>0</v>
      </c>
      <c r="NF17" s="331">
        <v>293192</v>
      </c>
      <c r="NG17" s="331">
        <v>520055</v>
      </c>
      <c r="NH17" s="331">
        <v>2797778</v>
      </c>
      <c r="NI17" s="331">
        <v>1056729</v>
      </c>
      <c r="NJ17" s="331">
        <v>1625254</v>
      </c>
      <c r="NK17" s="335">
        <v>6293008</v>
      </c>
      <c r="NL17" s="333">
        <v>6293008</v>
      </c>
      <c r="NM17" s="334">
        <v>0</v>
      </c>
      <c r="NN17" s="331">
        <v>0</v>
      </c>
      <c r="NO17" s="335">
        <v>0</v>
      </c>
      <c r="NP17" s="390">
        <v>0</v>
      </c>
      <c r="NQ17" s="331">
        <v>0</v>
      </c>
      <c r="NR17" s="331">
        <v>0</v>
      </c>
      <c r="NS17" s="331">
        <v>0</v>
      </c>
      <c r="NT17" s="331">
        <v>0</v>
      </c>
      <c r="NU17" s="331">
        <v>0</v>
      </c>
      <c r="NV17" s="335">
        <v>0</v>
      </c>
      <c r="NW17" s="336">
        <v>0</v>
      </c>
      <c r="NX17" s="334">
        <v>0</v>
      </c>
      <c r="NY17" s="331">
        <v>0</v>
      </c>
      <c r="NZ17" s="335">
        <v>0</v>
      </c>
      <c r="OA17" s="390">
        <v>0</v>
      </c>
      <c r="OB17" s="331">
        <v>0</v>
      </c>
      <c r="OC17" s="331">
        <v>215587</v>
      </c>
      <c r="OD17" s="331">
        <v>0</v>
      </c>
      <c r="OE17" s="331">
        <v>321011</v>
      </c>
      <c r="OF17" s="331">
        <v>0</v>
      </c>
      <c r="OG17" s="335">
        <v>536598</v>
      </c>
      <c r="OH17" s="336">
        <v>536598</v>
      </c>
      <c r="OI17" s="334">
        <v>536405</v>
      </c>
      <c r="OJ17" s="331">
        <v>806157</v>
      </c>
      <c r="OK17" s="332">
        <v>1342562</v>
      </c>
      <c r="OL17" s="337">
        <v>0</v>
      </c>
      <c r="OM17" s="331">
        <v>10977935</v>
      </c>
      <c r="ON17" s="331">
        <v>10283212</v>
      </c>
      <c r="OO17" s="331">
        <v>13638267</v>
      </c>
      <c r="OP17" s="331">
        <v>13493380</v>
      </c>
      <c r="OQ17" s="331">
        <v>7811912</v>
      </c>
      <c r="OR17" s="335">
        <v>56204706</v>
      </c>
      <c r="OS17" s="340">
        <v>57547268</v>
      </c>
    </row>
    <row r="18" spans="2:409" s="56" customFormat="1" ht="21" customHeight="1" x14ac:dyDescent="0.2">
      <c r="B18" s="396" t="s">
        <v>12</v>
      </c>
      <c r="C18" s="312">
        <v>989221</v>
      </c>
      <c r="D18" s="313">
        <v>2797524</v>
      </c>
      <c r="E18" s="314">
        <v>3786745</v>
      </c>
      <c r="F18" s="315">
        <v>0</v>
      </c>
      <c r="G18" s="313">
        <v>8394655</v>
      </c>
      <c r="H18" s="352">
        <v>13848009</v>
      </c>
      <c r="I18" s="352">
        <v>9512734</v>
      </c>
      <c r="J18" s="352">
        <v>10209108</v>
      </c>
      <c r="K18" s="352">
        <v>4208616</v>
      </c>
      <c r="L18" s="317">
        <v>46173122</v>
      </c>
      <c r="M18" s="316">
        <v>49959867</v>
      </c>
      <c r="N18" s="312">
        <v>246774</v>
      </c>
      <c r="O18" s="313">
        <v>955707</v>
      </c>
      <c r="P18" s="314">
        <v>1202481</v>
      </c>
      <c r="Q18" s="312">
        <v>0</v>
      </c>
      <c r="R18" s="313">
        <v>2187514</v>
      </c>
      <c r="S18" s="313">
        <v>4721556</v>
      </c>
      <c r="T18" s="313">
        <v>3316966</v>
      </c>
      <c r="U18" s="313">
        <v>4615693</v>
      </c>
      <c r="V18" s="313">
        <v>2347021</v>
      </c>
      <c r="W18" s="314">
        <v>17188750</v>
      </c>
      <c r="X18" s="316">
        <v>18391231</v>
      </c>
      <c r="Y18" s="312">
        <v>0</v>
      </c>
      <c r="Z18" s="313">
        <v>0</v>
      </c>
      <c r="AA18" s="314">
        <v>0</v>
      </c>
      <c r="AB18" s="312">
        <v>0</v>
      </c>
      <c r="AC18" s="313">
        <v>1317753</v>
      </c>
      <c r="AD18" s="313">
        <v>2261939</v>
      </c>
      <c r="AE18" s="313">
        <v>1581859</v>
      </c>
      <c r="AF18" s="313">
        <v>3204711</v>
      </c>
      <c r="AG18" s="313">
        <v>1355657</v>
      </c>
      <c r="AH18" s="314">
        <v>9721919</v>
      </c>
      <c r="AI18" s="316">
        <v>9721919</v>
      </c>
      <c r="AJ18" s="312">
        <v>0</v>
      </c>
      <c r="AK18" s="313">
        <v>0</v>
      </c>
      <c r="AL18" s="314">
        <v>0</v>
      </c>
      <c r="AM18" s="312">
        <v>0</v>
      </c>
      <c r="AN18" s="313">
        <v>0</v>
      </c>
      <c r="AO18" s="313">
        <v>0</v>
      </c>
      <c r="AP18" s="313">
        <v>262738</v>
      </c>
      <c r="AQ18" s="313">
        <v>59277</v>
      </c>
      <c r="AR18" s="313">
        <v>214795</v>
      </c>
      <c r="AS18" s="314">
        <v>536810</v>
      </c>
      <c r="AT18" s="316">
        <v>536810</v>
      </c>
      <c r="AU18" s="312">
        <v>182534</v>
      </c>
      <c r="AV18" s="313">
        <v>795034</v>
      </c>
      <c r="AW18" s="314">
        <v>977568</v>
      </c>
      <c r="AX18" s="312">
        <v>0</v>
      </c>
      <c r="AY18" s="313">
        <v>533121</v>
      </c>
      <c r="AZ18" s="313">
        <v>1867035</v>
      </c>
      <c r="BA18" s="313">
        <v>1049794</v>
      </c>
      <c r="BB18" s="313">
        <v>662515</v>
      </c>
      <c r="BC18" s="313">
        <v>552353</v>
      </c>
      <c r="BD18" s="314">
        <v>4664818</v>
      </c>
      <c r="BE18" s="316">
        <v>5642386</v>
      </c>
      <c r="BF18" s="312">
        <v>0</v>
      </c>
      <c r="BG18" s="313">
        <v>15281</v>
      </c>
      <c r="BH18" s="317">
        <v>15281</v>
      </c>
      <c r="BI18" s="318">
        <v>0</v>
      </c>
      <c r="BJ18" s="313">
        <v>0</v>
      </c>
      <c r="BK18" s="313">
        <v>138278</v>
      </c>
      <c r="BL18" s="313">
        <v>87479</v>
      </c>
      <c r="BM18" s="313">
        <v>55158</v>
      </c>
      <c r="BN18" s="313">
        <v>0</v>
      </c>
      <c r="BO18" s="314">
        <v>280915</v>
      </c>
      <c r="BP18" s="316">
        <v>296196</v>
      </c>
      <c r="BQ18" s="312">
        <v>64240</v>
      </c>
      <c r="BR18" s="313">
        <v>145392</v>
      </c>
      <c r="BS18" s="314">
        <v>209632</v>
      </c>
      <c r="BT18" s="312">
        <v>0</v>
      </c>
      <c r="BU18" s="313">
        <v>336640</v>
      </c>
      <c r="BV18" s="313">
        <v>454304</v>
      </c>
      <c r="BW18" s="313">
        <v>335096</v>
      </c>
      <c r="BX18" s="313">
        <v>634032</v>
      </c>
      <c r="BY18" s="313">
        <v>224216</v>
      </c>
      <c r="BZ18" s="314">
        <v>1984288</v>
      </c>
      <c r="CA18" s="316">
        <v>2193920</v>
      </c>
      <c r="CB18" s="312">
        <v>264094</v>
      </c>
      <c r="CC18" s="313">
        <v>707539</v>
      </c>
      <c r="CD18" s="314">
        <v>971633</v>
      </c>
      <c r="CE18" s="312">
        <v>0</v>
      </c>
      <c r="CF18" s="313">
        <v>3284753</v>
      </c>
      <c r="CG18" s="313">
        <v>4320462</v>
      </c>
      <c r="CH18" s="313">
        <v>2996018</v>
      </c>
      <c r="CI18" s="313">
        <v>972912</v>
      </c>
      <c r="CJ18" s="313">
        <v>144945</v>
      </c>
      <c r="CK18" s="314">
        <v>11719090</v>
      </c>
      <c r="CL18" s="316">
        <v>12690723</v>
      </c>
      <c r="CM18" s="312">
        <v>0</v>
      </c>
      <c r="CN18" s="313">
        <v>0</v>
      </c>
      <c r="CO18" s="314">
        <v>0</v>
      </c>
      <c r="CP18" s="318">
        <v>0</v>
      </c>
      <c r="CQ18" s="313">
        <v>3054962</v>
      </c>
      <c r="CR18" s="313">
        <v>2697832</v>
      </c>
      <c r="CS18" s="313">
        <v>2010538</v>
      </c>
      <c r="CT18" s="313">
        <v>602009</v>
      </c>
      <c r="CU18" s="313">
        <v>144945</v>
      </c>
      <c r="CV18" s="314">
        <v>8510286</v>
      </c>
      <c r="CW18" s="316">
        <v>8510286</v>
      </c>
      <c r="CX18" s="312">
        <v>264094</v>
      </c>
      <c r="CY18" s="313">
        <v>707539</v>
      </c>
      <c r="CZ18" s="314">
        <v>971633</v>
      </c>
      <c r="DA18" s="312">
        <v>0</v>
      </c>
      <c r="DB18" s="313">
        <v>229791</v>
      </c>
      <c r="DC18" s="313">
        <v>1622630</v>
      </c>
      <c r="DD18" s="313">
        <v>985480</v>
      </c>
      <c r="DE18" s="313">
        <v>370903</v>
      </c>
      <c r="DF18" s="313">
        <v>0</v>
      </c>
      <c r="DG18" s="314">
        <v>3208804</v>
      </c>
      <c r="DH18" s="316">
        <v>4180437</v>
      </c>
      <c r="DI18" s="312">
        <v>0</v>
      </c>
      <c r="DJ18" s="313">
        <v>44906</v>
      </c>
      <c r="DK18" s="317">
        <v>44906</v>
      </c>
      <c r="DL18" s="318">
        <v>0</v>
      </c>
      <c r="DM18" s="313">
        <v>240857</v>
      </c>
      <c r="DN18" s="313">
        <v>521375</v>
      </c>
      <c r="DO18" s="313">
        <v>309422</v>
      </c>
      <c r="DP18" s="313">
        <v>931579</v>
      </c>
      <c r="DQ18" s="313">
        <v>181120</v>
      </c>
      <c r="DR18" s="314">
        <v>2184353</v>
      </c>
      <c r="DS18" s="316">
        <v>2229259</v>
      </c>
      <c r="DT18" s="312">
        <v>0</v>
      </c>
      <c r="DU18" s="313">
        <v>44906</v>
      </c>
      <c r="DV18" s="314">
        <v>44906</v>
      </c>
      <c r="DW18" s="312">
        <v>0</v>
      </c>
      <c r="DX18" s="313">
        <v>162015</v>
      </c>
      <c r="DY18" s="313">
        <v>521375</v>
      </c>
      <c r="DZ18" s="313">
        <v>309422</v>
      </c>
      <c r="EA18" s="313">
        <v>826526</v>
      </c>
      <c r="EB18" s="313">
        <v>181120</v>
      </c>
      <c r="EC18" s="314">
        <v>2000458</v>
      </c>
      <c r="ED18" s="316">
        <v>2045364</v>
      </c>
      <c r="EE18" s="312">
        <v>0</v>
      </c>
      <c r="EF18" s="317">
        <v>0</v>
      </c>
      <c r="EG18" s="314">
        <v>0</v>
      </c>
      <c r="EH18" s="312">
        <v>0</v>
      </c>
      <c r="EI18" s="313">
        <v>78842</v>
      </c>
      <c r="EJ18" s="313">
        <v>0</v>
      </c>
      <c r="EK18" s="313">
        <v>0</v>
      </c>
      <c r="EL18" s="313">
        <v>105053</v>
      </c>
      <c r="EM18" s="313">
        <v>0</v>
      </c>
      <c r="EN18" s="317">
        <v>183895</v>
      </c>
      <c r="EO18" s="316">
        <v>183895</v>
      </c>
      <c r="EP18" s="312">
        <v>0</v>
      </c>
      <c r="EQ18" s="313">
        <v>0</v>
      </c>
      <c r="ER18" s="317">
        <v>0</v>
      </c>
      <c r="ES18" s="318">
        <v>0</v>
      </c>
      <c r="ET18" s="313">
        <v>0</v>
      </c>
      <c r="EU18" s="313">
        <v>0</v>
      </c>
      <c r="EV18" s="313">
        <v>0</v>
      </c>
      <c r="EW18" s="313">
        <v>0</v>
      </c>
      <c r="EX18" s="313">
        <v>0</v>
      </c>
      <c r="EY18" s="314">
        <v>0</v>
      </c>
      <c r="EZ18" s="316">
        <v>0</v>
      </c>
      <c r="FA18" s="312">
        <v>0</v>
      </c>
      <c r="FB18" s="313">
        <v>0</v>
      </c>
      <c r="FC18" s="317">
        <v>0</v>
      </c>
      <c r="FD18" s="318">
        <v>0</v>
      </c>
      <c r="FE18" s="313">
        <v>0</v>
      </c>
      <c r="FF18" s="313">
        <v>0</v>
      </c>
      <c r="FG18" s="313">
        <v>0</v>
      </c>
      <c r="FH18" s="313">
        <v>0</v>
      </c>
      <c r="FI18" s="313">
        <v>0</v>
      </c>
      <c r="FJ18" s="314">
        <v>0</v>
      </c>
      <c r="FK18" s="316">
        <v>0</v>
      </c>
      <c r="FL18" s="312">
        <v>240200</v>
      </c>
      <c r="FM18" s="313">
        <v>503296</v>
      </c>
      <c r="FN18" s="314">
        <v>743496</v>
      </c>
      <c r="FO18" s="312">
        <v>0</v>
      </c>
      <c r="FP18" s="313">
        <v>511112</v>
      </c>
      <c r="FQ18" s="313">
        <v>1418002</v>
      </c>
      <c r="FR18" s="313">
        <v>1127712</v>
      </c>
      <c r="FS18" s="313">
        <v>805224</v>
      </c>
      <c r="FT18" s="313">
        <v>345600</v>
      </c>
      <c r="FU18" s="314">
        <v>4207650</v>
      </c>
      <c r="FV18" s="316">
        <v>4951146</v>
      </c>
      <c r="FW18" s="319">
        <v>148600</v>
      </c>
      <c r="FX18" s="313">
        <v>321616</v>
      </c>
      <c r="FY18" s="317">
        <v>470216</v>
      </c>
      <c r="FZ18" s="318">
        <v>0</v>
      </c>
      <c r="GA18" s="313">
        <v>201992</v>
      </c>
      <c r="GB18" s="313">
        <v>1145042</v>
      </c>
      <c r="GC18" s="313">
        <v>802088</v>
      </c>
      <c r="GD18" s="313">
        <v>692840</v>
      </c>
      <c r="GE18" s="313">
        <v>345600</v>
      </c>
      <c r="GF18" s="314">
        <v>3187562</v>
      </c>
      <c r="GG18" s="320">
        <v>3657778</v>
      </c>
      <c r="GH18" s="319">
        <v>54800</v>
      </c>
      <c r="GI18" s="313">
        <v>0</v>
      </c>
      <c r="GJ18" s="317">
        <v>54800</v>
      </c>
      <c r="GK18" s="318">
        <v>0</v>
      </c>
      <c r="GL18" s="313">
        <v>21120</v>
      </c>
      <c r="GM18" s="313">
        <v>77760</v>
      </c>
      <c r="GN18" s="313">
        <v>29304</v>
      </c>
      <c r="GO18" s="313">
        <v>112384</v>
      </c>
      <c r="GP18" s="313">
        <v>0</v>
      </c>
      <c r="GQ18" s="314">
        <v>240568</v>
      </c>
      <c r="GR18" s="316">
        <v>295368</v>
      </c>
      <c r="GS18" s="312">
        <v>36800</v>
      </c>
      <c r="GT18" s="313">
        <v>181680</v>
      </c>
      <c r="GU18" s="314">
        <v>218480</v>
      </c>
      <c r="GV18" s="312">
        <v>0</v>
      </c>
      <c r="GW18" s="313">
        <v>288000</v>
      </c>
      <c r="GX18" s="313">
        <v>195200</v>
      </c>
      <c r="GY18" s="313">
        <v>296320</v>
      </c>
      <c r="GZ18" s="313">
        <v>0</v>
      </c>
      <c r="HA18" s="313">
        <v>0</v>
      </c>
      <c r="HB18" s="317">
        <v>779520</v>
      </c>
      <c r="HC18" s="316">
        <v>998000</v>
      </c>
      <c r="HD18" s="312">
        <v>238153</v>
      </c>
      <c r="HE18" s="313">
        <v>586076</v>
      </c>
      <c r="HF18" s="317">
        <v>824229</v>
      </c>
      <c r="HG18" s="318">
        <v>0</v>
      </c>
      <c r="HH18" s="313">
        <v>2170419</v>
      </c>
      <c r="HI18" s="313">
        <v>2866614</v>
      </c>
      <c r="HJ18" s="313">
        <v>1762616</v>
      </c>
      <c r="HK18" s="313">
        <v>2883700</v>
      </c>
      <c r="HL18" s="313">
        <v>1189930</v>
      </c>
      <c r="HM18" s="314">
        <v>10873279</v>
      </c>
      <c r="HN18" s="315">
        <v>11697508</v>
      </c>
      <c r="HO18" s="319">
        <v>0</v>
      </c>
      <c r="HP18" s="313">
        <v>0</v>
      </c>
      <c r="HQ18" s="314">
        <v>0</v>
      </c>
      <c r="HR18" s="312">
        <v>0</v>
      </c>
      <c r="HS18" s="313">
        <v>0</v>
      </c>
      <c r="HT18" s="313">
        <v>0</v>
      </c>
      <c r="HU18" s="313">
        <v>0</v>
      </c>
      <c r="HV18" s="313">
        <v>0</v>
      </c>
      <c r="HW18" s="313">
        <v>0</v>
      </c>
      <c r="HX18" s="317">
        <v>0</v>
      </c>
      <c r="HY18" s="316">
        <v>0</v>
      </c>
      <c r="HZ18" s="344">
        <v>0</v>
      </c>
      <c r="IA18" s="342">
        <v>0</v>
      </c>
      <c r="IB18" s="344">
        <v>0</v>
      </c>
      <c r="IC18" s="341">
        <v>0</v>
      </c>
      <c r="ID18" s="342">
        <v>2036346</v>
      </c>
      <c r="IE18" s="343">
        <v>2286834</v>
      </c>
      <c r="IF18" s="344">
        <v>1937526</v>
      </c>
      <c r="IG18" s="342">
        <v>2928531</v>
      </c>
      <c r="IH18" s="344">
        <v>2376071</v>
      </c>
      <c r="II18" s="345">
        <v>11565308</v>
      </c>
      <c r="IJ18" s="344">
        <v>11565308</v>
      </c>
      <c r="IK18" s="328">
        <v>0</v>
      </c>
      <c r="IL18" s="329">
        <v>0</v>
      </c>
      <c r="IM18" s="330">
        <v>0</v>
      </c>
      <c r="IN18" s="390">
        <v>0</v>
      </c>
      <c r="IO18" s="331">
        <v>0</v>
      </c>
      <c r="IP18" s="331">
        <v>0</v>
      </c>
      <c r="IQ18" s="331">
        <v>0</v>
      </c>
      <c r="IR18" s="331">
        <v>0</v>
      </c>
      <c r="IS18" s="331">
        <v>0</v>
      </c>
      <c r="IT18" s="332">
        <v>0</v>
      </c>
      <c r="IU18" s="333">
        <v>0</v>
      </c>
      <c r="IV18" s="334">
        <v>0</v>
      </c>
      <c r="IW18" s="331">
        <v>0</v>
      </c>
      <c r="IX18" s="335">
        <v>0</v>
      </c>
      <c r="IY18" s="390">
        <v>0</v>
      </c>
      <c r="IZ18" s="331">
        <v>0</v>
      </c>
      <c r="JA18" s="331">
        <v>0</v>
      </c>
      <c r="JB18" s="331">
        <v>0</v>
      </c>
      <c r="JC18" s="331">
        <v>0</v>
      </c>
      <c r="JD18" s="331">
        <v>0</v>
      </c>
      <c r="JE18" s="335">
        <v>0</v>
      </c>
      <c r="JF18" s="336">
        <v>0</v>
      </c>
      <c r="JG18" s="334">
        <v>0</v>
      </c>
      <c r="JH18" s="331">
        <v>0</v>
      </c>
      <c r="JI18" s="332">
        <v>0</v>
      </c>
      <c r="JJ18" s="337">
        <v>0</v>
      </c>
      <c r="JK18" s="331">
        <v>1055380</v>
      </c>
      <c r="JL18" s="331">
        <v>1061865</v>
      </c>
      <c r="JM18" s="331">
        <v>704240</v>
      </c>
      <c r="JN18" s="331">
        <v>369876</v>
      </c>
      <c r="JO18" s="331">
        <v>357414</v>
      </c>
      <c r="JP18" s="335">
        <v>3548775</v>
      </c>
      <c r="JQ18" s="333">
        <v>3548775</v>
      </c>
      <c r="JR18" s="334">
        <v>0</v>
      </c>
      <c r="JS18" s="331">
        <v>0</v>
      </c>
      <c r="JT18" s="332">
        <v>0</v>
      </c>
      <c r="JU18" s="337">
        <v>0</v>
      </c>
      <c r="JV18" s="331">
        <v>0</v>
      </c>
      <c r="JW18" s="331">
        <v>0</v>
      </c>
      <c r="JX18" s="331">
        <v>0</v>
      </c>
      <c r="JY18" s="331">
        <v>0</v>
      </c>
      <c r="JZ18" s="331">
        <v>0</v>
      </c>
      <c r="KA18" s="335">
        <v>0</v>
      </c>
      <c r="KB18" s="333">
        <v>0</v>
      </c>
      <c r="KC18" s="338">
        <v>0</v>
      </c>
      <c r="KD18" s="339">
        <v>0</v>
      </c>
      <c r="KE18" s="335">
        <v>0</v>
      </c>
      <c r="KF18" s="337">
        <v>0</v>
      </c>
      <c r="KG18" s="331">
        <v>269048</v>
      </c>
      <c r="KH18" s="331">
        <v>462021</v>
      </c>
      <c r="KI18" s="331">
        <v>982454</v>
      </c>
      <c r="KJ18" s="331">
        <v>553907</v>
      </c>
      <c r="KK18" s="331">
        <v>1151880</v>
      </c>
      <c r="KL18" s="335">
        <v>3419310</v>
      </c>
      <c r="KM18" s="340">
        <v>3419310</v>
      </c>
      <c r="KN18" s="328">
        <v>0</v>
      </c>
      <c r="KO18" s="329">
        <v>0</v>
      </c>
      <c r="KP18" s="330">
        <v>0</v>
      </c>
      <c r="KQ18" s="390">
        <v>0</v>
      </c>
      <c r="KR18" s="331">
        <v>711918</v>
      </c>
      <c r="KS18" s="331">
        <v>0</v>
      </c>
      <c r="KT18" s="331">
        <v>250832</v>
      </c>
      <c r="KU18" s="331">
        <v>513378</v>
      </c>
      <c r="KV18" s="331">
        <v>263732</v>
      </c>
      <c r="KW18" s="335">
        <v>1739860</v>
      </c>
      <c r="KX18" s="333">
        <v>1739860</v>
      </c>
      <c r="KY18" s="334">
        <v>0</v>
      </c>
      <c r="KZ18" s="331">
        <v>0</v>
      </c>
      <c r="LA18" s="335">
        <v>0</v>
      </c>
      <c r="LB18" s="390">
        <v>0</v>
      </c>
      <c r="LC18" s="331">
        <v>0</v>
      </c>
      <c r="LD18" s="331">
        <v>557325</v>
      </c>
      <c r="LE18" s="331">
        <v>0</v>
      </c>
      <c r="LF18" s="331">
        <v>672744</v>
      </c>
      <c r="LG18" s="331">
        <v>293693</v>
      </c>
      <c r="LH18" s="335">
        <v>1523762</v>
      </c>
      <c r="LI18" s="336">
        <v>1523762</v>
      </c>
      <c r="LJ18" s="334">
        <v>0</v>
      </c>
      <c r="LK18" s="331">
        <v>0</v>
      </c>
      <c r="LL18" s="335">
        <v>0</v>
      </c>
      <c r="LM18" s="390">
        <v>0</v>
      </c>
      <c r="LN18" s="331">
        <v>0</v>
      </c>
      <c r="LO18" s="331">
        <v>0</v>
      </c>
      <c r="LP18" s="331">
        <v>0</v>
      </c>
      <c r="LQ18" s="331">
        <v>289339</v>
      </c>
      <c r="LR18" s="331">
        <v>309352</v>
      </c>
      <c r="LS18" s="335">
        <v>598691</v>
      </c>
      <c r="LT18" s="333">
        <v>598691</v>
      </c>
      <c r="LU18" s="334">
        <v>0</v>
      </c>
      <c r="LV18" s="331">
        <v>0</v>
      </c>
      <c r="LW18" s="335">
        <v>0</v>
      </c>
      <c r="LX18" s="390">
        <v>0</v>
      </c>
      <c r="LY18" s="331">
        <v>0</v>
      </c>
      <c r="LZ18" s="331">
        <v>205623</v>
      </c>
      <c r="MA18" s="331">
        <v>0</v>
      </c>
      <c r="MB18" s="331">
        <v>529287</v>
      </c>
      <c r="MC18" s="331">
        <v>0</v>
      </c>
      <c r="MD18" s="335">
        <v>734910</v>
      </c>
      <c r="ME18" s="336">
        <v>734910</v>
      </c>
      <c r="MF18" s="334">
        <v>0</v>
      </c>
      <c r="MG18" s="331">
        <v>0</v>
      </c>
      <c r="MH18" s="335">
        <v>0</v>
      </c>
      <c r="MI18" s="390">
        <v>0</v>
      </c>
      <c r="MJ18" s="331">
        <v>305634</v>
      </c>
      <c r="MK18" s="331">
        <v>772060</v>
      </c>
      <c r="ML18" s="331">
        <v>4464742</v>
      </c>
      <c r="MM18" s="331">
        <v>4806928</v>
      </c>
      <c r="MN18" s="331">
        <v>2536603</v>
      </c>
      <c r="MO18" s="335">
        <v>12885967</v>
      </c>
      <c r="MP18" s="340">
        <v>12885967</v>
      </c>
      <c r="MQ18" s="334">
        <v>0</v>
      </c>
      <c r="MR18" s="331">
        <v>0</v>
      </c>
      <c r="MS18" s="335">
        <v>0</v>
      </c>
      <c r="MT18" s="390">
        <v>0</v>
      </c>
      <c r="MU18" s="331">
        <v>0</v>
      </c>
      <c r="MV18" s="331">
        <v>0</v>
      </c>
      <c r="MW18" s="331">
        <v>1434462</v>
      </c>
      <c r="MX18" s="331">
        <v>2189744</v>
      </c>
      <c r="MY18" s="331">
        <v>1745799</v>
      </c>
      <c r="MZ18" s="335">
        <v>5370005</v>
      </c>
      <c r="NA18" s="340">
        <v>5370005</v>
      </c>
      <c r="NB18" s="334">
        <v>0</v>
      </c>
      <c r="NC18" s="331">
        <v>0</v>
      </c>
      <c r="ND18" s="335">
        <v>0</v>
      </c>
      <c r="NE18" s="390">
        <v>0</v>
      </c>
      <c r="NF18" s="331">
        <v>305634</v>
      </c>
      <c r="NG18" s="331">
        <v>772060</v>
      </c>
      <c r="NH18" s="331">
        <v>3030280</v>
      </c>
      <c r="NI18" s="331">
        <v>2617184</v>
      </c>
      <c r="NJ18" s="331">
        <v>790804</v>
      </c>
      <c r="NK18" s="335">
        <v>7515962</v>
      </c>
      <c r="NL18" s="333">
        <v>7515962</v>
      </c>
      <c r="NM18" s="334">
        <v>0</v>
      </c>
      <c r="NN18" s="331">
        <v>0</v>
      </c>
      <c r="NO18" s="335">
        <v>0</v>
      </c>
      <c r="NP18" s="390">
        <v>0</v>
      </c>
      <c r="NQ18" s="331">
        <v>0</v>
      </c>
      <c r="NR18" s="331">
        <v>0</v>
      </c>
      <c r="NS18" s="331">
        <v>0</v>
      </c>
      <c r="NT18" s="331">
        <v>0</v>
      </c>
      <c r="NU18" s="331">
        <v>0</v>
      </c>
      <c r="NV18" s="335">
        <v>0</v>
      </c>
      <c r="NW18" s="336">
        <v>0</v>
      </c>
      <c r="NX18" s="334">
        <v>0</v>
      </c>
      <c r="NY18" s="331">
        <v>0</v>
      </c>
      <c r="NZ18" s="335">
        <v>0</v>
      </c>
      <c r="OA18" s="390">
        <v>0</v>
      </c>
      <c r="OB18" s="331">
        <v>0</v>
      </c>
      <c r="OC18" s="331">
        <v>0</v>
      </c>
      <c r="OD18" s="331">
        <v>0</v>
      </c>
      <c r="OE18" s="331">
        <v>0</v>
      </c>
      <c r="OF18" s="331">
        <v>0</v>
      </c>
      <c r="OG18" s="335">
        <v>0</v>
      </c>
      <c r="OH18" s="336">
        <v>0</v>
      </c>
      <c r="OI18" s="334">
        <v>989221</v>
      </c>
      <c r="OJ18" s="331">
        <v>2797524</v>
      </c>
      <c r="OK18" s="332">
        <v>3786745</v>
      </c>
      <c r="OL18" s="337">
        <v>0</v>
      </c>
      <c r="OM18" s="331">
        <v>10736635</v>
      </c>
      <c r="ON18" s="331">
        <v>16906903</v>
      </c>
      <c r="OO18" s="331">
        <v>15915002</v>
      </c>
      <c r="OP18" s="331">
        <v>17944567</v>
      </c>
      <c r="OQ18" s="331">
        <v>9121290</v>
      </c>
      <c r="OR18" s="335">
        <v>70624397</v>
      </c>
      <c r="OS18" s="340">
        <v>74411142</v>
      </c>
    </row>
    <row r="19" spans="2:409" s="56" customFormat="1" ht="21" customHeight="1" x14ac:dyDescent="0.2">
      <c r="B19" s="396" t="s">
        <v>13</v>
      </c>
      <c r="C19" s="312">
        <v>174863</v>
      </c>
      <c r="D19" s="313">
        <v>311549</v>
      </c>
      <c r="E19" s="314">
        <v>486412</v>
      </c>
      <c r="F19" s="312">
        <v>0</v>
      </c>
      <c r="G19" s="352">
        <v>4291322</v>
      </c>
      <c r="H19" s="313">
        <v>5052178</v>
      </c>
      <c r="I19" s="313">
        <v>4253173</v>
      </c>
      <c r="J19" s="313">
        <v>6210804</v>
      </c>
      <c r="K19" s="313">
        <v>4632606</v>
      </c>
      <c r="L19" s="317">
        <v>24440083</v>
      </c>
      <c r="M19" s="316">
        <v>24926495</v>
      </c>
      <c r="N19" s="312">
        <v>39295</v>
      </c>
      <c r="O19" s="313">
        <v>30024</v>
      </c>
      <c r="P19" s="314">
        <v>69319</v>
      </c>
      <c r="Q19" s="312">
        <v>0</v>
      </c>
      <c r="R19" s="313">
        <v>1065603</v>
      </c>
      <c r="S19" s="313">
        <v>1727192</v>
      </c>
      <c r="T19" s="313">
        <v>1914335</v>
      </c>
      <c r="U19" s="313">
        <v>1730450</v>
      </c>
      <c r="V19" s="313">
        <v>3344433</v>
      </c>
      <c r="W19" s="314">
        <v>9782013</v>
      </c>
      <c r="X19" s="316">
        <v>9851332</v>
      </c>
      <c r="Y19" s="312">
        <v>0</v>
      </c>
      <c r="Z19" s="313">
        <v>0</v>
      </c>
      <c r="AA19" s="314">
        <v>0</v>
      </c>
      <c r="AB19" s="312">
        <v>0</v>
      </c>
      <c r="AC19" s="313">
        <v>320368</v>
      </c>
      <c r="AD19" s="313">
        <v>496114</v>
      </c>
      <c r="AE19" s="313">
        <v>1098153</v>
      </c>
      <c r="AF19" s="313">
        <v>1031213</v>
      </c>
      <c r="AG19" s="313">
        <v>2044073</v>
      </c>
      <c r="AH19" s="314">
        <v>4989921</v>
      </c>
      <c r="AI19" s="316">
        <v>4989921</v>
      </c>
      <c r="AJ19" s="312">
        <v>0</v>
      </c>
      <c r="AK19" s="313">
        <v>0</v>
      </c>
      <c r="AL19" s="314">
        <v>0</v>
      </c>
      <c r="AM19" s="312">
        <v>0</v>
      </c>
      <c r="AN19" s="313">
        <v>0</v>
      </c>
      <c r="AO19" s="313">
        <v>0</v>
      </c>
      <c r="AP19" s="313">
        <v>60053</v>
      </c>
      <c r="AQ19" s="313">
        <v>28088</v>
      </c>
      <c r="AR19" s="313">
        <v>243935</v>
      </c>
      <c r="AS19" s="314">
        <v>332076</v>
      </c>
      <c r="AT19" s="316">
        <v>332076</v>
      </c>
      <c r="AU19" s="312">
        <v>21055</v>
      </c>
      <c r="AV19" s="313">
        <v>14360</v>
      </c>
      <c r="AW19" s="314">
        <v>35415</v>
      </c>
      <c r="AX19" s="312">
        <v>0</v>
      </c>
      <c r="AY19" s="313">
        <v>317271</v>
      </c>
      <c r="AZ19" s="313">
        <v>947014</v>
      </c>
      <c r="BA19" s="313">
        <v>428247</v>
      </c>
      <c r="BB19" s="313">
        <v>268181</v>
      </c>
      <c r="BC19" s="313">
        <v>814385</v>
      </c>
      <c r="BD19" s="314">
        <v>2775098</v>
      </c>
      <c r="BE19" s="316">
        <v>2810513</v>
      </c>
      <c r="BF19" s="312">
        <v>5184</v>
      </c>
      <c r="BG19" s="313">
        <v>0</v>
      </c>
      <c r="BH19" s="317">
        <v>5184</v>
      </c>
      <c r="BI19" s="318">
        <v>0</v>
      </c>
      <c r="BJ19" s="313">
        <v>72700</v>
      </c>
      <c r="BK19" s="313">
        <v>37760</v>
      </c>
      <c r="BL19" s="313">
        <v>53426</v>
      </c>
      <c r="BM19" s="313">
        <v>0</v>
      </c>
      <c r="BN19" s="313">
        <v>0</v>
      </c>
      <c r="BO19" s="314">
        <v>163886</v>
      </c>
      <c r="BP19" s="316">
        <v>169070</v>
      </c>
      <c r="BQ19" s="312">
        <v>13056</v>
      </c>
      <c r="BR19" s="313">
        <v>15664</v>
      </c>
      <c r="BS19" s="314">
        <v>28720</v>
      </c>
      <c r="BT19" s="312">
        <v>0</v>
      </c>
      <c r="BU19" s="313">
        <v>355264</v>
      </c>
      <c r="BV19" s="313">
        <v>246304</v>
      </c>
      <c r="BW19" s="313">
        <v>274456</v>
      </c>
      <c r="BX19" s="313">
        <v>402968</v>
      </c>
      <c r="BY19" s="313">
        <v>242040</v>
      </c>
      <c r="BZ19" s="314">
        <v>1521032</v>
      </c>
      <c r="CA19" s="316">
        <v>1549752</v>
      </c>
      <c r="CB19" s="312">
        <v>0</v>
      </c>
      <c r="CC19" s="313">
        <v>40857</v>
      </c>
      <c r="CD19" s="314">
        <v>40857</v>
      </c>
      <c r="CE19" s="312">
        <v>0</v>
      </c>
      <c r="CF19" s="313">
        <v>1209125</v>
      </c>
      <c r="CG19" s="313">
        <v>1036088</v>
      </c>
      <c r="CH19" s="313">
        <v>610486</v>
      </c>
      <c r="CI19" s="313">
        <v>1023536</v>
      </c>
      <c r="CJ19" s="313">
        <v>127700</v>
      </c>
      <c r="CK19" s="314">
        <v>4006935</v>
      </c>
      <c r="CL19" s="316">
        <v>4047792</v>
      </c>
      <c r="CM19" s="312">
        <v>0</v>
      </c>
      <c r="CN19" s="313">
        <v>0</v>
      </c>
      <c r="CO19" s="314">
        <v>0</v>
      </c>
      <c r="CP19" s="318">
        <v>0</v>
      </c>
      <c r="CQ19" s="313">
        <v>1022104</v>
      </c>
      <c r="CR19" s="313">
        <v>973204</v>
      </c>
      <c r="CS19" s="313">
        <v>564598</v>
      </c>
      <c r="CT19" s="313">
        <v>942845</v>
      </c>
      <c r="CU19" s="313">
        <v>127700</v>
      </c>
      <c r="CV19" s="314">
        <v>3630451</v>
      </c>
      <c r="CW19" s="316">
        <v>3630451</v>
      </c>
      <c r="CX19" s="312">
        <v>0</v>
      </c>
      <c r="CY19" s="313">
        <v>40857</v>
      </c>
      <c r="CZ19" s="314">
        <v>40857</v>
      </c>
      <c r="DA19" s="312">
        <v>0</v>
      </c>
      <c r="DB19" s="313">
        <v>187021</v>
      </c>
      <c r="DC19" s="313">
        <v>62884</v>
      </c>
      <c r="DD19" s="313">
        <v>45888</v>
      </c>
      <c r="DE19" s="313">
        <v>80691</v>
      </c>
      <c r="DF19" s="313">
        <v>0</v>
      </c>
      <c r="DG19" s="314">
        <v>376484</v>
      </c>
      <c r="DH19" s="316">
        <v>417341</v>
      </c>
      <c r="DI19" s="312">
        <v>0</v>
      </c>
      <c r="DJ19" s="313">
        <v>0</v>
      </c>
      <c r="DK19" s="317">
        <v>0</v>
      </c>
      <c r="DL19" s="318">
        <v>0</v>
      </c>
      <c r="DM19" s="313">
        <v>177221</v>
      </c>
      <c r="DN19" s="313">
        <v>276966</v>
      </c>
      <c r="DO19" s="313">
        <v>65774</v>
      </c>
      <c r="DP19" s="313">
        <v>142314</v>
      </c>
      <c r="DQ19" s="313">
        <v>30324</v>
      </c>
      <c r="DR19" s="314">
        <v>692599</v>
      </c>
      <c r="DS19" s="316">
        <v>692599</v>
      </c>
      <c r="DT19" s="312">
        <v>0</v>
      </c>
      <c r="DU19" s="313">
        <v>0</v>
      </c>
      <c r="DV19" s="314">
        <v>0</v>
      </c>
      <c r="DW19" s="312">
        <v>0</v>
      </c>
      <c r="DX19" s="313">
        <v>147257</v>
      </c>
      <c r="DY19" s="313">
        <v>276966</v>
      </c>
      <c r="DZ19" s="313">
        <v>65774</v>
      </c>
      <c r="EA19" s="313">
        <v>74193</v>
      </c>
      <c r="EB19" s="313">
        <v>30324</v>
      </c>
      <c r="EC19" s="314">
        <v>594514</v>
      </c>
      <c r="ED19" s="316">
        <v>594514</v>
      </c>
      <c r="EE19" s="312">
        <v>0</v>
      </c>
      <c r="EF19" s="317">
        <v>0</v>
      </c>
      <c r="EG19" s="314">
        <v>0</v>
      </c>
      <c r="EH19" s="312">
        <v>0</v>
      </c>
      <c r="EI19" s="313">
        <v>29964</v>
      </c>
      <c r="EJ19" s="313">
        <v>0</v>
      </c>
      <c r="EK19" s="313">
        <v>0</v>
      </c>
      <c r="EL19" s="313">
        <v>68121</v>
      </c>
      <c r="EM19" s="313">
        <v>0</v>
      </c>
      <c r="EN19" s="317">
        <v>98085</v>
      </c>
      <c r="EO19" s="316">
        <v>98085</v>
      </c>
      <c r="EP19" s="312">
        <v>0</v>
      </c>
      <c r="EQ19" s="313">
        <v>0</v>
      </c>
      <c r="ER19" s="317">
        <v>0</v>
      </c>
      <c r="ES19" s="318">
        <v>0</v>
      </c>
      <c r="ET19" s="313">
        <v>0</v>
      </c>
      <c r="EU19" s="313">
        <v>0</v>
      </c>
      <c r="EV19" s="313">
        <v>0</v>
      </c>
      <c r="EW19" s="313">
        <v>0</v>
      </c>
      <c r="EX19" s="313">
        <v>0</v>
      </c>
      <c r="EY19" s="314">
        <v>0</v>
      </c>
      <c r="EZ19" s="316">
        <v>0</v>
      </c>
      <c r="FA19" s="312">
        <v>0</v>
      </c>
      <c r="FB19" s="313">
        <v>0</v>
      </c>
      <c r="FC19" s="317">
        <v>0</v>
      </c>
      <c r="FD19" s="318">
        <v>0</v>
      </c>
      <c r="FE19" s="313">
        <v>0</v>
      </c>
      <c r="FF19" s="313">
        <v>0</v>
      </c>
      <c r="FG19" s="313">
        <v>0</v>
      </c>
      <c r="FH19" s="313">
        <v>0</v>
      </c>
      <c r="FI19" s="313">
        <v>0</v>
      </c>
      <c r="FJ19" s="314">
        <v>0</v>
      </c>
      <c r="FK19" s="316">
        <v>0</v>
      </c>
      <c r="FL19" s="312">
        <v>135568</v>
      </c>
      <c r="FM19" s="313">
        <v>45120</v>
      </c>
      <c r="FN19" s="314">
        <v>180688</v>
      </c>
      <c r="FO19" s="312">
        <v>0</v>
      </c>
      <c r="FP19" s="313">
        <v>226631</v>
      </c>
      <c r="FQ19" s="313">
        <v>494384</v>
      </c>
      <c r="FR19" s="313">
        <v>292496</v>
      </c>
      <c r="FS19" s="313">
        <v>253352</v>
      </c>
      <c r="FT19" s="313">
        <v>286968</v>
      </c>
      <c r="FU19" s="314">
        <v>1553831</v>
      </c>
      <c r="FV19" s="316">
        <v>1734519</v>
      </c>
      <c r="FW19" s="319">
        <v>26272</v>
      </c>
      <c r="FX19" s="313">
        <v>16320</v>
      </c>
      <c r="FY19" s="317">
        <v>42592</v>
      </c>
      <c r="FZ19" s="318">
        <v>0</v>
      </c>
      <c r="GA19" s="313">
        <v>173312</v>
      </c>
      <c r="GB19" s="313">
        <v>494384</v>
      </c>
      <c r="GC19" s="313">
        <v>276496</v>
      </c>
      <c r="GD19" s="313">
        <v>253352</v>
      </c>
      <c r="GE19" s="313">
        <v>286968</v>
      </c>
      <c r="GF19" s="314">
        <v>1484512</v>
      </c>
      <c r="GG19" s="320">
        <v>1527104</v>
      </c>
      <c r="GH19" s="319">
        <v>50896</v>
      </c>
      <c r="GI19" s="313">
        <v>0</v>
      </c>
      <c r="GJ19" s="317">
        <v>50896</v>
      </c>
      <c r="GK19" s="318">
        <v>0</v>
      </c>
      <c r="GL19" s="313">
        <v>53319</v>
      </c>
      <c r="GM19" s="313">
        <v>0</v>
      </c>
      <c r="GN19" s="313">
        <v>0</v>
      </c>
      <c r="GO19" s="313">
        <v>0</v>
      </c>
      <c r="GP19" s="313">
        <v>0</v>
      </c>
      <c r="GQ19" s="314">
        <v>53319</v>
      </c>
      <c r="GR19" s="316">
        <v>104215</v>
      </c>
      <c r="GS19" s="312">
        <v>58400</v>
      </c>
      <c r="GT19" s="313">
        <v>28800</v>
      </c>
      <c r="GU19" s="314">
        <v>87200</v>
      </c>
      <c r="GV19" s="312">
        <v>0</v>
      </c>
      <c r="GW19" s="313">
        <v>0</v>
      </c>
      <c r="GX19" s="313">
        <v>0</v>
      </c>
      <c r="GY19" s="313">
        <v>16000</v>
      </c>
      <c r="GZ19" s="313">
        <v>0</v>
      </c>
      <c r="HA19" s="313">
        <v>0</v>
      </c>
      <c r="HB19" s="317">
        <v>16000</v>
      </c>
      <c r="HC19" s="316">
        <v>103200</v>
      </c>
      <c r="HD19" s="312">
        <v>0</v>
      </c>
      <c r="HE19" s="313">
        <v>195548</v>
      </c>
      <c r="HF19" s="317">
        <v>195548</v>
      </c>
      <c r="HG19" s="318">
        <v>0</v>
      </c>
      <c r="HH19" s="313">
        <v>1612742</v>
      </c>
      <c r="HI19" s="313">
        <v>1517548</v>
      </c>
      <c r="HJ19" s="313">
        <v>1370082</v>
      </c>
      <c r="HK19" s="313">
        <v>3061152</v>
      </c>
      <c r="HL19" s="313">
        <v>843181</v>
      </c>
      <c r="HM19" s="314">
        <v>8404705</v>
      </c>
      <c r="HN19" s="315">
        <v>8600253</v>
      </c>
      <c r="HO19" s="319">
        <v>0</v>
      </c>
      <c r="HP19" s="313">
        <v>0</v>
      </c>
      <c r="HQ19" s="314">
        <v>0</v>
      </c>
      <c r="HR19" s="312">
        <v>0</v>
      </c>
      <c r="HS19" s="313">
        <v>0</v>
      </c>
      <c r="HT19" s="313">
        <v>0</v>
      </c>
      <c r="HU19" s="313">
        <v>0</v>
      </c>
      <c r="HV19" s="313">
        <v>0</v>
      </c>
      <c r="HW19" s="313">
        <v>0</v>
      </c>
      <c r="HX19" s="317">
        <v>0</v>
      </c>
      <c r="HY19" s="316">
        <v>0</v>
      </c>
      <c r="HZ19" s="321">
        <v>14633</v>
      </c>
      <c r="IA19" s="322">
        <v>0</v>
      </c>
      <c r="IB19" s="323">
        <v>14633</v>
      </c>
      <c r="IC19" s="324">
        <v>0</v>
      </c>
      <c r="ID19" s="322">
        <v>621974</v>
      </c>
      <c r="IE19" s="325">
        <v>1111290</v>
      </c>
      <c r="IF19" s="323">
        <v>1411754</v>
      </c>
      <c r="IG19" s="322">
        <v>798783</v>
      </c>
      <c r="IH19" s="323">
        <v>551238</v>
      </c>
      <c r="II19" s="326">
        <v>4495039</v>
      </c>
      <c r="IJ19" s="327">
        <v>4509672</v>
      </c>
      <c r="IK19" s="328">
        <v>0</v>
      </c>
      <c r="IL19" s="329">
        <v>0</v>
      </c>
      <c r="IM19" s="330">
        <v>0</v>
      </c>
      <c r="IN19" s="390">
        <v>0</v>
      </c>
      <c r="IO19" s="331">
        <v>0</v>
      </c>
      <c r="IP19" s="331">
        <v>0</v>
      </c>
      <c r="IQ19" s="331">
        <v>0</v>
      </c>
      <c r="IR19" s="331">
        <v>0</v>
      </c>
      <c r="IS19" s="331">
        <v>0</v>
      </c>
      <c r="IT19" s="332">
        <v>0</v>
      </c>
      <c r="IU19" s="333">
        <v>0</v>
      </c>
      <c r="IV19" s="334">
        <v>0</v>
      </c>
      <c r="IW19" s="331">
        <v>0</v>
      </c>
      <c r="IX19" s="335">
        <v>0</v>
      </c>
      <c r="IY19" s="390">
        <v>0</v>
      </c>
      <c r="IZ19" s="331">
        <v>0</v>
      </c>
      <c r="JA19" s="331">
        <v>0</v>
      </c>
      <c r="JB19" s="331">
        <v>0</v>
      </c>
      <c r="JC19" s="331">
        <v>0</v>
      </c>
      <c r="JD19" s="331">
        <v>0</v>
      </c>
      <c r="JE19" s="335">
        <v>0</v>
      </c>
      <c r="JF19" s="336">
        <v>0</v>
      </c>
      <c r="JG19" s="334">
        <v>0</v>
      </c>
      <c r="JH19" s="331">
        <v>0</v>
      </c>
      <c r="JI19" s="332">
        <v>0</v>
      </c>
      <c r="JJ19" s="337">
        <v>0</v>
      </c>
      <c r="JK19" s="331">
        <v>621974</v>
      </c>
      <c r="JL19" s="331">
        <v>1064558</v>
      </c>
      <c r="JM19" s="331">
        <v>446697</v>
      </c>
      <c r="JN19" s="331">
        <v>56164</v>
      </c>
      <c r="JO19" s="331">
        <v>0</v>
      </c>
      <c r="JP19" s="335">
        <v>2189393</v>
      </c>
      <c r="JQ19" s="333">
        <v>2189393</v>
      </c>
      <c r="JR19" s="334">
        <v>0</v>
      </c>
      <c r="JS19" s="331">
        <v>0</v>
      </c>
      <c r="JT19" s="332">
        <v>0</v>
      </c>
      <c r="JU19" s="337">
        <v>0</v>
      </c>
      <c r="JV19" s="331">
        <v>0</v>
      </c>
      <c r="JW19" s="331">
        <v>46732</v>
      </c>
      <c r="JX19" s="331">
        <v>218052</v>
      </c>
      <c r="JY19" s="331">
        <v>0</v>
      </c>
      <c r="JZ19" s="331">
        <v>248077</v>
      </c>
      <c r="KA19" s="335">
        <v>512861</v>
      </c>
      <c r="KB19" s="333">
        <v>512861</v>
      </c>
      <c r="KC19" s="338">
        <v>14633</v>
      </c>
      <c r="KD19" s="339">
        <v>0</v>
      </c>
      <c r="KE19" s="335">
        <v>14633</v>
      </c>
      <c r="KF19" s="337">
        <v>0</v>
      </c>
      <c r="KG19" s="331">
        <v>0</v>
      </c>
      <c r="KH19" s="331">
        <v>0</v>
      </c>
      <c r="KI19" s="331">
        <v>0</v>
      </c>
      <c r="KJ19" s="331">
        <v>245555</v>
      </c>
      <c r="KK19" s="331">
        <v>303161</v>
      </c>
      <c r="KL19" s="335">
        <v>548716</v>
      </c>
      <c r="KM19" s="340">
        <v>563349</v>
      </c>
      <c r="KN19" s="328">
        <v>0</v>
      </c>
      <c r="KO19" s="329">
        <v>0</v>
      </c>
      <c r="KP19" s="330">
        <v>0</v>
      </c>
      <c r="KQ19" s="390">
        <v>0</v>
      </c>
      <c r="KR19" s="331">
        <v>0</v>
      </c>
      <c r="KS19" s="331">
        <v>0</v>
      </c>
      <c r="KT19" s="331">
        <v>747005</v>
      </c>
      <c r="KU19" s="331">
        <v>497064</v>
      </c>
      <c r="KV19" s="331">
        <v>0</v>
      </c>
      <c r="KW19" s="335">
        <v>1244069</v>
      </c>
      <c r="KX19" s="333">
        <v>1244069</v>
      </c>
      <c r="KY19" s="334">
        <v>0</v>
      </c>
      <c r="KZ19" s="331">
        <v>0</v>
      </c>
      <c r="LA19" s="335">
        <v>0</v>
      </c>
      <c r="LB19" s="390">
        <v>0</v>
      </c>
      <c r="LC19" s="331">
        <v>0</v>
      </c>
      <c r="LD19" s="331">
        <v>0</v>
      </c>
      <c r="LE19" s="331">
        <v>0</v>
      </c>
      <c r="LF19" s="331">
        <v>0</v>
      </c>
      <c r="LG19" s="331">
        <v>0</v>
      </c>
      <c r="LH19" s="335">
        <v>0</v>
      </c>
      <c r="LI19" s="336">
        <v>0</v>
      </c>
      <c r="LJ19" s="334">
        <v>0</v>
      </c>
      <c r="LK19" s="331">
        <v>0</v>
      </c>
      <c r="LL19" s="335">
        <v>0</v>
      </c>
      <c r="LM19" s="390">
        <v>0</v>
      </c>
      <c r="LN19" s="331">
        <v>0</v>
      </c>
      <c r="LO19" s="331">
        <v>0</v>
      </c>
      <c r="LP19" s="331">
        <v>0</v>
      </c>
      <c r="LQ19" s="331">
        <v>0</v>
      </c>
      <c r="LR19" s="331">
        <v>0</v>
      </c>
      <c r="LS19" s="335">
        <v>0</v>
      </c>
      <c r="LT19" s="333">
        <v>0</v>
      </c>
      <c r="LU19" s="334">
        <v>0</v>
      </c>
      <c r="LV19" s="331">
        <v>0</v>
      </c>
      <c r="LW19" s="335">
        <v>0</v>
      </c>
      <c r="LX19" s="390">
        <v>0</v>
      </c>
      <c r="LY19" s="331">
        <v>0</v>
      </c>
      <c r="LZ19" s="331">
        <v>0</v>
      </c>
      <c r="MA19" s="331">
        <v>0</v>
      </c>
      <c r="MB19" s="331">
        <v>0</v>
      </c>
      <c r="MC19" s="331">
        <v>0</v>
      </c>
      <c r="MD19" s="335">
        <v>0</v>
      </c>
      <c r="ME19" s="336">
        <v>0</v>
      </c>
      <c r="MF19" s="334">
        <v>0</v>
      </c>
      <c r="MG19" s="331">
        <v>0</v>
      </c>
      <c r="MH19" s="335">
        <v>0</v>
      </c>
      <c r="MI19" s="390">
        <v>0</v>
      </c>
      <c r="MJ19" s="331">
        <v>158240</v>
      </c>
      <c r="MK19" s="331">
        <v>209484</v>
      </c>
      <c r="ML19" s="331">
        <v>877201</v>
      </c>
      <c r="MM19" s="331">
        <v>3699324</v>
      </c>
      <c r="MN19" s="331">
        <v>1382427</v>
      </c>
      <c r="MO19" s="335">
        <v>6326676</v>
      </c>
      <c r="MP19" s="340">
        <v>6326676</v>
      </c>
      <c r="MQ19" s="334">
        <v>0</v>
      </c>
      <c r="MR19" s="331">
        <v>0</v>
      </c>
      <c r="MS19" s="335">
        <v>0</v>
      </c>
      <c r="MT19" s="390">
        <v>0</v>
      </c>
      <c r="MU19" s="331">
        <v>0</v>
      </c>
      <c r="MV19" s="331">
        <v>209484</v>
      </c>
      <c r="MW19" s="331">
        <v>466444</v>
      </c>
      <c r="MX19" s="331">
        <v>2164017</v>
      </c>
      <c r="MY19" s="331">
        <v>1382427</v>
      </c>
      <c r="MZ19" s="335">
        <v>4222372</v>
      </c>
      <c r="NA19" s="340">
        <v>4222372</v>
      </c>
      <c r="NB19" s="334">
        <v>0</v>
      </c>
      <c r="NC19" s="331">
        <v>0</v>
      </c>
      <c r="ND19" s="335">
        <v>0</v>
      </c>
      <c r="NE19" s="390">
        <v>0</v>
      </c>
      <c r="NF19" s="331">
        <v>158240</v>
      </c>
      <c r="NG19" s="331">
        <v>0</v>
      </c>
      <c r="NH19" s="331">
        <v>410757</v>
      </c>
      <c r="NI19" s="331">
        <v>1535307</v>
      </c>
      <c r="NJ19" s="331">
        <v>0</v>
      </c>
      <c r="NK19" s="335">
        <v>2104304</v>
      </c>
      <c r="NL19" s="333">
        <v>2104304</v>
      </c>
      <c r="NM19" s="334">
        <v>0</v>
      </c>
      <c r="NN19" s="331">
        <v>0</v>
      </c>
      <c r="NO19" s="335">
        <v>0</v>
      </c>
      <c r="NP19" s="390">
        <v>0</v>
      </c>
      <c r="NQ19" s="331">
        <v>0</v>
      </c>
      <c r="NR19" s="331">
        <v>0</v>
      </c>
      <c r="NS19" s="331">
        <v>0</v>
      </c>
      <c r="NT19" s="331">
        <v>0</v>
      </c>
      <c r="NU19" s="331">
        <v>0</v>
      </c>
      <c r="NV19" s="335">
        <v>0</v>
      </c>
      <c r="NW19" s="336">
        <v>0</v>
      </c>
      <c r="NX19" s="334">
        <v>0</v>
      </c>
      <c r="NY19" s="331">
        <v>0</v>
      </c>
      <c r="NZ19" s="335">
        <v>0</v>
      </c>
      <c r="OA19" s="390">
        <v>0</v>
      </c>
      <c r="OB19" s="331">
        <v>0</v>
      </c>
      <c r="OC19" s="331">
        <v>0</v>
      </c>
      <c r="OD19" s="331">
        <v>0</v>
      </c>
      <c r="OE19" s="331">
        <v>0</v>
      </c>
      <c r="OF19" s="331">
        <v>0</v>
      </c>
      <c r="OG19" s="335">
        <v>0</v>
      </c>
      <c r="OH19" s="336">
        <v>0</v>
      </c>
      <c r="OI19" s="334">
        <v>189496</v>
      </c>
      <c r="OJ19" s="331">
        <v>311549</v>
      </c>
      <c r="OK19" s="332">
        <v>501045</v>
      </c>
      <c r="OL19" s="337">
        <v>0</v>
      </c>
      <c r="OM19" s="331">
        <v>5071536</v>
      </c>
      <c r="ON19" s="331">
        <v>6372952</v>
      </c>
      <c r="OO19" s="331">
        <v>6542128</v>
      </c>
      <c r="OP19" s="331">
        <v>10708911</v>
      </c>
      <c r="OQ19" s="331">
        <v>6566271</v>
      </c>
      <c r="OR19" s="335">
        <v>35261798</v>
      </c>
      <c r="OS19" s="340">
        <v>35762843</v>
      </c>
    </row>
    <row r="20" spans="2:409" s="56" customFormat="1" ht="21" customHeight="1" x14ac:dyDescent="0.2">
      <c r="B20" s="396" t="s">
        <v>15</v>
      </c>
      <c r="C20" s="312">
        <v>4000</v>
      </c>
      <c r="D20" s="313">
        <v>469292</v>
      </c>
      <c r="E20" s="314">
        <v>473292</v>
      </c>
      <c r="F20" s="315">
        <v>0</v>
      </c>
      <c r="G20" s="313">
        <v>2103754</v>
      </c>
      <c r="H20" s="313">
        <v>1596651</v>
      </c>
      <c r="I20" s="313">
        <v>1263641</v>
      </c>
      <c r="J20" s="313">
        <v>1926376</v>
      </c>
      <c r="K20" s="313">
        <v>488877</v>
      </c>
      <c r="L20" s="315">
        <v>7379299</v>
      </c>
      <c r="M20" s="316">
        <v>7852591</v>
      </c>
      <c r="N20" s="312">
        <v>0</v>
      </c>
      <c r="O20" s="313">
        <v>53912</v>
      </c>
      <c r="P20" s="314">
        <v>53912</v>
      </c>
      <c r="Q20" s="312">
        <v>0</v>
      </c>
      <c r="R20" s="313">
        <v>523105</v>
      </c>
      <c r="S20" s="313">
        <v>674743</v>
      </c>
      <c r="T20" s="313">
        <v>148030</v>
      </c>
      <c r="U20" s="313">
        <v>1136067</v>
      </c>
      <c r="V20" s="313">
        <v>150950</v>
      </c>
      <c r="W20" s="314">
        <v>2632895</v>
      </c>
      <c r="X20" s="316">
        <v>2686807</v>
      </c>
      <c r="Y20" s="312">
        <v>0</v>
      </c>
      <c r="Z20" s="313">
        <v>0</v>
      </c>
      <c r="AA20" s="314">
        <v>0</v>
      </c>
      <c r="AB20" s="312">
        <v>0</v>
      </c>
      <c r="AC20" s="313">
        <v>164062</v>
      </c>
      <c r="AD20" s="313">
        <v>330024</v>
      </c>
      <c r="AE20" s="313">
        <v>48293</v>
      </c>
      <c r="AF20" s="313">
        <v>581458</v>
      </c>
      <c r="AG20" s="313">
        <v>110948</v>
      </c>
      <c r="AH20" s="314">
        <v>1234785</v>
      </c>
      <c r="AI20" s="316">
        <v>1234785</v>
      </c>
      <c r="AJ20" s="312">
        <v>0</v>
      </c>
      <c r="AK20" s="313">
        <v>0</v>
      </c>
      <c r="AL20" s="314">
        <v>0</v>
      </c>
      <c r="AM20" s="312">
        <v>0</v>
      </c>
      <c r="AN20" s="313">
        <v>0</v>
      </c>
      <c r="AO20" s="313">
        <v>0</v>
      </c>
      <c r="AP20" s="313">
        <v>0</v>
      </c>
      <c r="AQ20" s="313">
        <v>228201</v>
      </c>
      <c r="AR20" s="313">
        <v>0</v>
      </c>
      <c r="AS20" s="314">
        <v>228201</v>
      </c>
      <c r="AT20" s="316">
        <v>228201</v>
      </c>
      <c r="AU20" s="312">
        <v>0</v>
      </c>
      <c r="AV20" s="313">
        <v>42968</v>
      </c>
      <c r="AW20" s="314">
        <v>42968</v>
      </c>
      <c r="AX20" s="312">
        <v>0</v>
      </c>
      <c r="AY20" s="313">
        <v>85815</v>
      </c>
      <c r="AZ20" s="313">
        <v>266449</v>
      </c>
      <c r="BA20" s="313">
        <v>16233</v>
      </c>
      <c r="BB20" s="313">
        <v>256096</v>
      </c>
      <c r="BC20" s="313">
        <v>37610</v>
      </c>
      <c r="BD20" s="314">
        <v>662203</v>
      </c>
      <c r="BE20" s="316">
        <v>705171</v>
      </c>
      <c r="BF20" s="312">
        <v>0</v>
      </c>
      <c r="BG20" s="313">
        <v>0</v>
      </c>
      <c r="BH20" s="317">
        <v>0</v>
      </c>
      <c r="BI20" s="318">
        <v>0</v>
      </c>
      <c r="BJ20" s="313">
        <v>91620</v>
      </c>
      <c r="BK20" s="313">
        <v>40166</v>
      </c>
      <c r="BL20" s="313">
        <v>0</v>
      </c>
      <c r="BM20" s="313">
        <v>0</v>
      </c>
      <c r="BN20" s="313">
        <v>0</v>
      </c>
      <c r="BO20" s="314">
        <v>131786</v>
      </c>
      <c r="BP20" s="316">
        <v>131786</v>
      </c>
      <c r="BQ20" s="312">
        <v>0</v>
      </c>
      <c r="BR20" s="313">
        <v>10944</v>
      </c>
      <c r="BS20" s="314">
        <v>10944</v>
      </c>
      <c r="BT20" s="312">
        <v>0</v>
      </c>
      <c r="BU20" s="313">
        <v>181608</v>
      </c>
      <c r="BV20" s="313">
        <v>38104</v>
      </c>
      <c r="BW20" s="313">
        <v>83504</v>
      </c>
      <c r="BX20" s="313">
        <v>70312</v>
      </c>
      <c r="BY20" s="313">
        <v>2392</v>
      </c>
      <c r="BZ20" s="314">
        <v>375920</v>
      </c>
      <c r="CA20" s="316">
        <v>386864</v>
      </c>
      <c r="CB20" s="312">
        <v>0</v>
      </c>
      <c r="CC20" s="313">
        <v>0</v>
      </c>
      <c r="CD20" s="314">
        <v>0</v>
      </c>
      <c r="CE20" s="312">
        <v>0</v>
      </c>
      <c r="CF20" s="313">
        <v>128475</v>
      </c>
      <c r="CG20" s="313">
        <v>419220</v>
      </c>
      <c r="CH20" s="313">
        <v>488167</v>
      </c>
      <c r="CI20" s="313">
        <v>459781</v>
      </c>
      <c r="CJ20" s="313">
        <v>0</v>
      </c>
      <c r="CK20" s="314">
        <v>1495643</v>
      </c>
      <c r="CL20" s="316">
        <v>1495643</v>
      </c>
      <c r="CM20" s="312">
        <v>0</v>
      </c>
      <c r="CN20" s="313">
        <v>0</v>
      </c>
      <c r="CO20" s="314">
        <v>0</v>
      </c>
      <c r="CP20" s="318">
        <v>0</v>
      </c>
      <c r="CQ20" s="313">
        <v>128475</v>
      </c>
      <c r="CR20" s="313">
        <v>379148</v>
      </c>
      <c r="CS20" s="313">
        <v>89690</v>
      </c>
      <c r="CT20" s="313">
        <v>352261</v>
      </c>
      <c r="CU20" s="313">
        <v>0</v>
      </c>
      <c r="CV20" s="314">
        <v>949574</v>
      </c>
      <c r="CW20" s="316">
        <v>949574</v>
      </c>
      <c r="CX20" s="312">
        <v>0</v>
      </c>
      <c r="CY20" s="313">
        <v>0</v>
      </c>
      <c r="CZ20" s="314">
        <v>0</v>
      </c>
      <c r="DA20" s="312">
        <v>0</v>
      </c>
      <c r="DB20" s="313">
        <v>0</v>
      </c>
      <c r="DC20" s="313">
        <v>40072</v>
      </c>
      <c r="DD20" s="313">
        <v>398477</v>
      </c>
      <c r="DE20" s="313">
        <v>107520</v>
      </c>
      <c r="DF20" s="313">
        <v>0</v>
      </c>
      <c r="DG20" s="314">
        <v>546069</v>
      </c>
      <c r="DH20" s="316">
        <v>546069</v>
      </c>
      <c r="DI20" s="312">
        <v>0</v>
      </c>
      <c r="DJ20" s="313">
        <v>0</v>
      </c>
      <c r="DK20" s="317">
        <v>0</v>
      </c>
      <c r="DL20" s="318">
        <v>0</v>
      </c>
      <c r="DM20" s="313">
        <v>0</v>
      </c>
      <c r="DN20" s="313">
        <v>314160</v>
      </c>
      <c r="DO20" s="313">
        <v>30973</v>
      </c>
      <c r="DP20" s="313">
        <v>59244</v>
      </c>
      <c r="DQ20" s="313">
        <v>253460</v>
      </c>
      <c r="DR20" s="314">
        <v>657837</v>
      </c>
      <c r="DS20" s="316">
        <v>657837</v>
      </c>
      <c r="DT20" s="312">
        <v>0</v>
      </c>
      <c r="DU20" s="313">
        <v>0</v>
      </c>
      <c r="DV20" s="314">
        <v>0</v>
      </c>
      <c r="DW20" s="312">
        <v>0</v>
      </c>
      <c r="DX20" s="313">
        <v>0</v>
      </c>
      <c r="DY20" s="313">
        <v>314160</v>
      </c>
      <c r="DZ20" s="313">
        <v>30973</v>
      </c>
      <c r="EA20" s="313">
        <v>59244</v>
      </c>
      <c r="EB20" s="313">
        <v>253460</v>
      </c>
      <c r="EC20" s="314">
        <v>657837</v>
      </c>
      <c r="ED20" s="316">
        <v>657837</v>
      </c>
      <c r="EE20" s="312">
        <v>0</v>
      </c>
      <c r="EF20" s="317">
        <v>0</v>
      </c>
      <c r="EG20" s="314">
        <v>0</v>
      </c>
      <c r="EH20" s="312">
        <v>0</v>
      </c>
      <c r="EI20" s="313">
        <v>0</v>
      </c>
      <c r="EJ20" s="313">
        <v>0</v>
      </c>
      <c r="EK20" s="313">
        <v>0</v>
      </c>
      <c r="EL20" s="313">
        <v>0</v>
      </c>
      <c r="EM20" s="313">
        <v>0</v>
      </c>
      <c r="EN20" s="317">
        <v>0</v>
      </c>
      <c r="EO20" s="316">
        <v>0</v>
      </c>
      <c r="EP20" s="312">
        <v>0</v>
      </c>
      <c r="EQ20" s="313">
        <v>0</v>
      </c>
      <c r="ER20" s="317">
        <v>0</v>
      </c>
      <c r="ES20" s="318">
        <v>0</v>
      </c>
      <c r="ET20" s="313">
        <v>0</v>
      </c>
      <c r="EU20" s="313">
        <v>0</v>
      </c>
      <c r="EV20" s="313">
        <v>0</v>
      </c>
      <c r="EW20" s="313">
        <v>0</v>
      </c>
      <c r="EX20" s="313">
        <v>0</v>
      </c>
      <c r="EY20" s="314">
        <v>0</v>
      </c>
      <c r="EZ20" s="316">
        <v>0</v>
      </c>
      <c r="FA20" s="312">
        <v>0</v>
      </c>
      <c r="FB20" s="313">
        <v>0</v>
      </c>
      <c r="FC20" s="317">
        <v>0</v>
      </c>
      <c r="FD20" s="318">
        <v>0</v>
      </c>
      <c r="FE20" s="313">
        <v>0</v>
      </c>
      <c r="FF20" s="313">
        <v>0</v>
      </c>
      <c r="FG20" s="313">
        <v>0</v>
      </c>
      <c r="FH20" s="313">
        <v>0</v>
      </c>
      <c r="FI20" s="313">
        <v>0</v>
      </c>
      <c r="FJ20" s="314">
        <v>0</v>
      </c>
      <c r="FK20" s="316">
        <v>0</v>
      </c>
      <c r="FL20" s="312">
        <v>4000</v>
      </c>
      <c r="FM20" s="313">
        <v>26936</v>
      </c>
      <c r="FN20" s="314">
        <v>30936</v>
      </c>
      <c r="FO20" s="312">
        <v>0</v>
      </c>
      <c r="FP20" s="313">
        <v>95795</v>
      </c>
      <c r="FQ20" s="313">
        <v>188528</v>
      </c>
      <c r="FR20" s="313">
        <v>185632</v>
      </c>
      <c r="FS20" s="313">
        <v>167032</v>
      </c>
      <c r="FT20" s="313">
        <v>84467</v>
      </c>
      <c r="FU20" s="314">
        <v>721454</v>
      </c>
      <c r="FV20" s="316">
        <v>752390</v>
      </c>
      <c r="FW20" s="319">
        <v>4000</v>
      </c>
      <c r="FX20" s="313">
        <v>26936</v>
      </c>
      <c r="FY20" s="317">
        <v>30936</v>
      </c>
      <c r="FZ20" s="318">
        <v>0</v>
      </c>
      <c r="GA20" s="313">
        <v>44544</v>
      </c>
      <c r="GB20" s="313">
        <v>188528</v>
      </c>
      <c r="GC20" s="313">
        <v>185632</v>
      </c>
      <c r="GD20" s="313">
        <v>167032</v>
      </c>
      <c r="GE20" s="313">
        <v>60320</v>
      </c>
      <c r="GF20" s="314">
        <v>646056</v>
      </c>
      <c r="GG20" s="320">
        <v>676992</v>
      </c>
      <c r="GH20" s="319">
        <v>0</v>
      </c>
      <c r="GI20" s="313">
        <v>0</v>
      </c>
      <c r="GJ20" s="317">
        <v>0</v>
      </c>
      <c r="GK20" s="318">
        <v>0</v>
      </c>
      <c r="GL20" s="313">
        <v>51251</v>
      </c>
      <c r="GM20" s="313">
        <v>0</v>
      </c>
      <c r="GN20" s="313">
        <v>0</v>
      </c>
      <c r="GO20" s="313">
        <v>0</v>
      </c>
      <c r="GP20" s="313">
        <v>24147</v>
      </c>
      <c r="GQ20" s="314">
        <v>75398</v>
      </c>
      <c r="GR20" s="316">
        <v>75398</v>
      </c>
      <c r="GS20" s="312">
        <v>0</v>
      </c>
      <c r="GT20" s="313">
        <v>0</v>
      </c>
      <c r="GU20" s="314">
        <v>0</v>
      </c>
      <c r="GV20" s="312">
        <v>0</v>
      </c>
      <c r="GW20" s="313">
        <v>0</v>
      </c>
      <c r="GX20" s="313">
        <v>0</v>
      </c>
      <c r="GY20" s="313">
        <v>0</v>
      </c>
      <c r="GZ20" s="313">
        <v>0</v>
      </c>
      <c r="HA20" s="313">
        <v>0</v>
      </c>
      <c r="HB20" s="317">
        <v>0</v>
      </c>
      <c r="HC20" s="316">
        <v>0</v>
      </c>
      <c r="HD20" s="312">
        <v>0</v>
      </c>
      <c r="HE20" s="313">
        <v>388444</v>
      </c>
      <c r="HF20" s="317">
        <v>388444</v>
      </c>
      <c r="HG20" s="318">
        <v>0</v>
      </c>
      <c r="HH20" s="313">
        <v>1356379</v>
      </c>
      <c r="HI20" s="313">
        <v>0</v>
      </c>
      <c r="HJ20" s="313">
        <v>410839</v>
      </c>
      <c r="HK20" s="313">
        <v>104252</v>
      </c>
      <c r="HL20" s="313">
        <v>0</v>
      </c>
      <c r="HM20" s="314">
        <v>1871470</v>
      </c>
      <c r="HN20" s="315">
        <v>2259914</v>
      </c>
      <c r="HO20" s="319">
        <v>0</v>
      </c>
      <c r="HP20" s="313">
        <v>0</v>
      </c>
      <c r="HQ20" s="314">
        <v>0</v>
      </c>
      <c r="HR20" s="312">
        <v>0</v>
      </c>
      <c r="HS20" s="313">
        <v>0</v>
      </c>
      <c r="HT20" s="313">
        <v>0</v>
      </c>
      <c r="HU20" s="313">
        <v>0</v>
      </c>
      <c r="HV20" s="313">
        <v>0</v>
      </c>
      <c r="HW20" s="313">
        <v>0</v>
      </c>
      <c r="HX20" s="317">
        <v>0</v>
      </c>
      <c r="HY20" s="316">
        <v>0</v>
      </c>
      <c r="HZ20" s="344">
        <v>0</v>
      </c>
      <c r="IA20" s="342">
        <v>0</v>
      </c>
      <c r="IB20" s="344">
        <v>0</v>
      </c>
      <c r="IC20" s="341">
        <v>0</v>
      </c>
      <c r="ID20" s="342">
        <v>990853</v>
      </c>
      <c r="IE20" s="343">
        <v>937145</v>
      </c>
      <c r="IF20" s="344">
        <v>815153</v>
      </c>
      <c r="IG20" s="342">
        <v>733557</v>
      </c>
      <c r="IH20" s="344">
        <v>285073</v>
      </c>
      <c r="II20" s="345">
        <v>3761781</v>
      </c>
      <c r="IJ20" s="344">
        <v>3761781</v>
      </c>
      <c r="IK20" s="328">
        <v>0</v>
      </c>
      <c r="IL20" s="329">
        <v>0</v>
      </c>
      <c r="IM20" s="330">
        <v>0</v>
      </c>
      <c r="IN20" s="390">
        <v>0</v>
      </c>
      <c r="IO20" s="331">
        <v>0</v>
      </c>
      <c r="IP20" s="331">
        <v>0</v>
      </c>
      <c r="IQ20" s="331">
        <v>0</v>
      </c>
      <c r="IR20" s="331">
        <v>0</v>
      </c>
      <c r="IS20" s="331">
        <v>0</v>
      </c>
      <c r="IT20" s="332">
        <v>0</v>
      </c>
      <c r="IU20" s="333">
        <v>0</v>
      </c>
      <c r="IV20" s="334">
        <v>0</v>
      </c>
      <c r="IW20" s="331">
        <v>0</v>
      </c>
      <c r="IX20" s="335">
        <v>0</v>
      </c>
      <c r="IY20" s="390">
        <v>0</v>
      </c>
      <c r="IZ20" s="331">
        <v>0</v>
      </c>
      <c r="JA20" s="331">
        <v>0</v>
      </c>
      <c r="JB20" s="331">
        <v>0</v>
      </c>
      <c r="JC20" s="331">
        <v>0</v>
      </c>
      <c r="JD20" s="331">
        <v>0</v>
      </c>
      <c r="JE20" s="335">
        <v>0</v>
      </c>
      <c r="JF20" s="336">
        <v>0</v>
      </c>
      <c r="JG20" s="334">
        <v>0</v>
      </c>
      <c r="JH20" s="331">
        <v>0</v>
      </c>
      <c r="JI20" s="332">
        <v>0</v>
      </c>
      <c r="JJ20" s="337">
        <v>0</v>
      </c>
      <c r="JK20" s="331">
        <v>514776</v>
      </c>
      <c r="JL20" s="331">
        <v>525697</v>
      </c>
      <c r="JM20" s="331">
        <v>48323</v>
      </c>
      <c r="JN20" s="331">
        <v>389471</v>
      </c>
      <c r="JO20" s="331">
        <v>0</v>
      </c>
      <c r="JP20" s="335">
        <v>1478267</v>
      </c>
      <c r="JQ20" s="333">
        <v>1478267</v>
      </c>
      <c r="JR20" s="334">
        <v>0</v>
      </c>
      <c r="JS20" s="331">
        <v>0</v>
      </c>
      <c r="JT20" s="332">
        <v>0</v>
      </c>
      <c r="JU20" s="337">
        <v>0</v>
      </c>
      <c r="JV20" s="331">
        <v>0</v>
      </c>
      <c r="JW20" s="331">
        <v>0</v>
      </c>
      <c r="JX20" s="331">
        <v>0</v>
      </c>
      <c r="JY20" s="331">
        <v>56088</v>
      </c>
      <c r="JZ20" s="331">
        <v>0</v>
      </c>
      <c r="KA20" s="335">
        <v>56088</v>
      </c>
      <c r="KB20" s="333">
        <v>56088</v>
      </c>
      <c r="KC20" s="338">
        <v>0</v>
      </c>
      <c r="KD20" s="339">
        <v>0</v>
      </c>
      <c r="KE20" s="335">
        <v>0</v>
      </c>
      <c r="KF20" s="337">
        <v>0</v>
      </c>
      <c r="KG20" s="331">
        <v>0</v>
      </c>
      <c r="KH20" s="331">
        <v>161937</v>
      </c>
      <c r="KI20" s="331">
        <v>0</v>
      </c>
      <c r="KJ20" s="331">
        <v>0</v>
      </c>
      <c r="KK20" s="331">
        <v>285073</v>
      </c>
      <c r="KL20" s="335">
        <v>447010</v>
      </c>
      <c r="KM20" s="340">
        <v>447010</v>
      </c>
      <c r="KN20" s="328">
        <v>0</v>
      </c>
      <c r="KO20" s="329">
        <v>0</v>
      </c>
      <c r="KP20" s="330">
        <v>0</v>
      </c>
      <c r="KQ20" s="390">
        <v>0</v>
      </c>
      <c r="KR20" s="331">
        <v>476077</v>
      </c>
      <c r="KS20" s="331">
        <v>249511</v>
      </c>
      <c r="KT20" s="331">
        <v>254384</v>
      </c>
      <c r="KU20" s="331">
        <v>0</v>
      </c>
      <c r="KV20" s="331">
        <v>0</v>
      </c>
      <c r="KW20" s="335">
        <v>979972</v>
      </c>
      <c r="KX20" s="333">
        <v>979972</v>
      </c>
      <c r="KY20" s="334">
        <v>0</v>
      </c>
      <c r="KZ20" s="331">
        <v>0</v>
      </c>
      <c r="LA20" s="335">
        <v>0</v>
      </c>
      <c r="LB20" s="390">
        <v>0</v>
      </c>
      <c r="LC20" s="331">
        <v>0</v>
      </c>
      <c r="LD20" s="331">
        <v>0</v>
      </c>
      <c r="LE20" s="331">
        <v>0</v>
      </c>
      <c r="LF20" s="331">
        <v>0</v>
      </c>
      <c r="LG20" s="331">
        <v>0</v>
      </c>
      <c r="LH20" s="335">
        <v>0</v>
      </c>
      <c r="LI20" s="336">
        <v>0</v>
      </c>
      <c r="LJ20" s="334">
        <v>0</v>
      </c>
      <c r="LK20" s="331">
        <v>0</v>
      </c>
      <c r="LL20" s="335">
        <v>0</v>
      </c>
      <c r="LM20" s="390">
        <v>0</v>
      </c>
      <c r="LN20" s="331">
        <v>0</v>
      </c>
      <c r="LO20" s="331">
        <v>0</v>
      </c>
      <c r="LP20" s="331">
        <v>0</v>
      </c>
      <c r="LQ20" s="331">
        <v>0</v>
      </c>
      <c r="LR20" s="331">
        <v>0</v>
      </c>
      <c r="LS20" s="335">
        <v>0</v>
      </c>
      <c r="LT20" s="333">
        <v>0</v>
      </c>
      <c r="LU20" s="334">
        <v>0</v>
      </c>
      <c r="LV20" s="331">
        <v>0</v>
      </c>
      <c r="LW20" s="335">
        <v>0</v>
      </c>
      <c r="LX20" s="390">
        <v>0</v>
      </c>
      <c r="LY20" s="331">
        <v>0</v>
      </c>
      <c r="LZ20" s="331">
        <v>0</v>
      </c>
      <c r="MA20" s="331">
        <v>512446</v>
      </c>
      <c r="MB20" s="331">
        <v>287998</v>
      </c>
      <c r="MC20" s="331">
        <v>0</v>
      </c>
      <c r="MD20" s="335">
        <v>800444</v>
      </c>
      <c r="ME20" s="336">
        <v>800444</v>
      </c>
      <c r="MF20" s="334">
        <v>0</v>
      </c>
      <c r="MG20" s="331">
        <v>0</v>
      </c>
      <c r="MH20" s="335">
        <v>0</v>
      </c>
      <c r="MI20" s="390">
        <v>0</v>
      </c>
      <c r="MJ20" s="331">
        <v>0</v>
      </c>
      <c r="MK20" s="331">
        <v>669002</v>
      </c>
      <c r="ML20" s="331">
        <v>650383</v>
      </c>
      <c r="MM20" s="331">
        <v>3660065</v>
      </c>
      <c r="MN20" s="331">
        <v>1510868</v>
      </c>
      <c r="MO20" s="335">
        <v>6490318</v>
      </c>
      <c r="MP20" s="340">
        <v>6490318</v>
      </c>
      <c r="MQ20" s="334">
        <v>0</v>
      </c>
      <c r="MR20" s="331">
        <v>0</v>
      </c>
      <c r="MS20" s="335">
        <v>0</v>
      </c>
      <c r="MT20" s="390">
        <v>0</v>
      </c>
      <c r="MU20" s="331">
        <v>0</v>
      </c>
      <c r="MV20" s="331">
        <v>0</v>
      </c>
      <c r="MW20" s="331">
        <v>541240</v>
      </c>
      <c r="MX20" s="331">
        <v>2250680</v>
      </c>
      <c r="MY20" s="331">
        <v>581267</v>
      </c>
      <c r="MZ20" s="335">
        <v>3373187</v>
      </c>
      <c r="NA20" s="340">
        <v>3373187</v>
      </c>
      <c r="NB20" s="334">
        <v>0</v>
      </c>
      <c r="NC20" s="331">
        <v>0</v>
      </c>
      <c r="ND20" s="335">
        <v>0</v>
      </c>
      <c r="NE20" s="390">
        <v>0</v>
      </c>
      <c r="NF20" s="331">
        <v>0</v>
      </c>
      <c r="NG20" s="331">
        <v>669002</v>
      </c>
      <c r="NH20" s="331">
        <v>109143</v>
      </c>
      <c r="NI20" s="331">
        <v>1409385</v>
      </c>
      <c r="NJ20" s="331">
        <v>929601</v>
      </c>
      <c r="NK20" s="335">
        <v>3117131</v>
      </c>
      <c r="NL20" s="333">
        <v>3117131</v>
      </c>
      <c r="NM20" s="334">
        <v>0</v>
      </c>
      <c r="NN20" s="331">
        <v>0</v>
      </c>
      <c r="NO20" s="335">
        <v>0</v>
      </c>
      <c r="NP20" s="390">
        <v>0</v>
      </c>
      <c r="NQ20" s="331">
        <v>0</v>
      </c>
      <c r="NR20" s="331">
        <v>0</v>
      </c>
      <c r="NS20" s="331">
        <v>0</v>
      </c>
      <c r="NT20" s="331">
        <v>0</v>
      </c>
      <c r="NU20" s="331">
        <v>0</v>
      </c>
      <c r="NV20" s="335">
        <v>0</v>
      </c>
      <c r="NW20" s="336">
        <v>0</v>
      </c>
      <c r="NX20" s="334">
        <v>0</v>
      </c>
      <c r="NY20" s="331">
        <v>0</v>
      </c>
      <c r="NZ20" s="335">
        <v>0</v>
      </c>
      <c r="OA20" s="390">
        <v>0</v>
      </c>
      <c r="OB20" s="331">
        <v>0</v>
      </c>
      <c r="OC20" s="331">
        <v>0</v>
      </c>
      <c r="OD20" s="331">
        <v>0</v>
      </c>
      <c r="OE20" s="331">
        <v>0</v>
      </c>
      <c r="OF20" s="331">
        <v>0</v>
      </c>
      <c r="OG20" s="335">
        <v>0</v>
      </c>
      <c r="OH20" s="336">
        <v>0</v>
      </c>
      <c r="OI20" s="334">
        <v>4000</v>
      </c>
      <c r="OJ20" s="331">
        <v>469292</v>
      </c>
      <c r="OK20" s="332">
        <v>473292</v>
      </c>
      <c r="OL20" s="337">
        <v>0</v>
      </c>
      <c r="OM20" s="331">
        <v>3094607</v>
      </c>
      <c r="ON20" s="331">
        <v>3202798</v>
      </c>
      <c r="OO20" s="331">
        <v>2729177</v>
      </c>
      <c r="OP20" s="331">
        <v>6319998</v>
      </c>
      <c r="OQ20" s="331">
        <v>2284818</v>
      </c>
      <c r="OR20" s="335">
        <v>17631398</v>
      </c>
      <c r="OS20" s="340">
        <v>18104690</v>
      </c>
    </row>
    <row r="21" spans="2:409" s="56" customFormat="1" ht="21" customHeight="1" x14ac:dyDescent="0.2">
      <c r="B21" s="396" t="s">
        <v>16</v>
      </c>
      <c r="C21" s="312">
        <v>466126</v>
      </c>
      <c r="D21" s="313">
        <v>1018519</v>
      </c>
      <c r="E21" s="314">
        <v>1484645</v>
      </c>
      <c r="F21" s="315">
        <v>0</v>
      </c>
      <c r="G21" s="313">
        <v>4265865</v>
      </c>
      <c r="H21" s="313">
        <v>7072158</v>
      </c>
      <c r="I21" s="313">
        <v>4157184</v>
      </c>
      <c r="J21" s="313">
        <v>4380226</v>
      </c>
      <c r="K21" s="313">
        <v>2547994</v>
      </c>
      <c r="L21" s="315">
        <v>22423427</v>
      </c>
      <c r="M21" s="316">
        <v>23908072</v>
      </c>
      <c r="N21" s="312">
        <v>124722</v>
      </c>
      <c r="O21" s="313">
        <v>184305</v>
      </c>
      <c r="P21" s="314">
        <v>309027</v>
      </c>
      <c r="Q21" s="312">
        <v>0</v>
      </c>
      <c r="R21" s="313">
        <v>1112169</v>
      </c>
      <c r="S21" s="313">
        <v>1603853</v>
      </c>
      <c r="T21" s="313">
        <v>1508133</v>
      </c>
      <c r="U21" s="313">
        <v>994024</v>
      </c>
      <c r="V21" s="313">
        <v>873924</v>
      </c>
      <c r="W21" s="314">
        <v>6092103</v>
      </c>
      <c r="X21" s="316">
        <v>6401130</v>
      </c>
      <c r="Y21" s="312">
        <v>0</v>
      </c>
      <c r="Z21" s="313">
        <v>0</v>
      </c>
      <c r="AA21" s="314">
        <v>0</v>
      </c>
      <c r="AB21" s="312">
        <v>0</v>
      </c>
      <c r="AC21" s="313">
        <v>361694</v>
      </c>
      <c r="AD21" s="313">
        <v>404890</v>
      </c>
      <c r="AE21" s="313">
        <v>1004664</v>
      </c>
      <c r="AF21" s="313">
        <v>242200</v>
      </c>
      <c r="AG21" s="313">
        <v>255255</v>
      </c>
      <c r="AH21" s="314">
        <v>2268703</v>
      </c>
      <c r="AI21" s="316">
        <v>2268703</v>
      </c>
      <c r="AJ21" s="312">
        <v>0</v>
      </c>
      <c r="AK21" s="313">
        <v>0</v>
      </c>
      <c r="AL21" s="314">
        <v>0</v>
      </c>
      <c r="AM21" s="312">
        <v>0</v>
      </c>
      <c r="AN21" s="313">
        <v>0</v>
      </c>
      <c r="AO21" s="313">
        <v>0</v>
      </c>
      <c r="AP21" s="313">
        <v>46180</v>
      </c>
      <c r="AQ21" s="313">
        <v>0</v>
      </c>
      <c r="AR21" s="313">
        <v>0</v>
      </c>
      <c r="AS21" s="314">
        <v>46180</v>
      </c>
      <c r="AT21" s="316">
        <v>46180</v>
      </c>
      <c r="AU21" s="312">
        <v>115794</v>
      </c>
      <c r="AV21" s="313">
        <v>125030</v>
      </c>
      <c r="AW21" s="314">
        <v>240824</v>
      </c>
      <c r="AX21" s="312">
        <v>0</v>
      </c>
      <c r="AY21" s="313">
        <v>509906</v>
      </c>
      <c r="AZ21" s="313">
        <v>780288</v>
      </c>
      <c r="BA21" s="313">
        <v>241553</v>
      </c>
      <c r="BB21" s="313">
        <v>395719</v>
      </c>
      <c r="BC21" s="313">
        <v>390919</v>
      </c>
      <c r="BD21" s="314">
        <v>2318385</v>
      </c>
      <c r="BE21" s="316">
        <v>2559209</v>
      </c>
      <c r="BF21" s="312">
        <v>0</v>
      </c>
      <c r="BG21" s="313">
        <v>37683</v>
      </c>
      <c r="BH21" s="317">
        <v>37683</v>
      </c>
      <c r="BI21" s="318">
        <v>0</v>
      </c>
      <c r="BJ21" s="313">
        <v>39625</v>
      </c>
      <c r="BK21" s="313">
        <v>64003</v>
      </c>
      <c r="BL21" s="313">
        <v>0</v>
      </c>
      <c r="BM21" s="313">
        <v>58905</v>
      </c>
      <c r="BN21" s="313">
        <v>47550</v>
      </c>
      <c r="BO21" s="314">
        <v>210083</v>
      </c>
      <c r="BP21" s="316">
        <v>247766</v>
      </c>
      <c r="BQ21" s="312">
        <v>8928</v>
      </c>
      <c r="BR21" s="313">
        <v>21592</v>
      </c>
      <c r="BS21" s="314">
        <v>30520</v>
      </c>
      <c r="BT21" s="312">
        <v>0</v>
      </c>
      <c r="BU21" s="313">
        <v>200944</v>
      </c>
      <c r="BV21" s="313">
        <v>354672</v>
      </c>
      <c r="BW21" s="313">
        <v>215736</v>
      </c>
      <c r="BX21" s="313">
        <v>297200</v>
      </c>
      <c r="BY21" s="313">
        <v>180200</v>
      </c>
      <c r="BZ21" s="314">
        <v>1248752</v>
      </c>
      <c r="CA21" s="316">
        <v>1279272</v>
      </c>
      <c r="CB21" s="312">
        <v>62573</v>
      </c>
      <c r="CC21" s="313">
        <v>383466</v>
      </c>
      <c r="CD21" s="314">
        <v>446039</v>
      </c>
      <c r="CE21" s="312">
        <v>0</v>
      </c>
      <c r="CF21" s="313">
        <v>1431199</v>
      </c>
      <c r="CG21" s="313">
        <v>2401985</v>
      </c>
      <c r="CH21" s="313">
        <v>1057960</v>
      </c>
      <c r="CI21" s="313">
        <v>661851</v>
      </c>
      <c r="CJ21" s="313">
        <v>607856</v>
      </c>
      <c r="CK21" s="314">
        <v>6160851</v>
      </c>
      <c r="CL21" s="316">
        <v>6606890</v>
      </c>
      <c r="CM21" s="312">
        <v>0</v>
      </c>
      <c r="CN21" s="313">
        <v>0</v>
      </c>
      <c r="CO21" s="314">
        <v>0</v>
      </c>
      <c r="CP21" s="318">
        <v>0</v>
      </c>
      <c r="CQ21" s="313">
        <v>985883</v>
      </c>
      <c r="CR21" s="313">
        <v>1291108</v>
      </c>
      <c r="CS21" s="313">
        <v>719959</v>
      </c>
      <c r="CT21" s="313">
        <v>498109</v>
      </c>
      <c r="CU21" s="313">
        <v>291288</v>
      </c>
      <c r="CV21" s="314">
        <v>3786347</v>
      </c>
      <c r="CW21" s="316">
        <v>3786347</v>
      </c>
      <c r="CX21" s="312">
        <v>62573</v>
      </c>
      <c r="CY21" s="313">
        <v>383466</v>
      </c>
      <c r="CZ21" s="314">
        <v>446039</v>
      </c>
      <c r="DA21" s="312">
        <v>0</v>
      </c>
      <c r="DB21" s="313">
        <v>445316</v>
      </c>
      <c r="DC21" s="313">
        <v>1110877</v>
      </c>
      <c r="DD21" s="313">
        <v>338001</v>
      </c>
      <c r="DE21" s="313">
        <v>163742</v>
      </c>
      <c r="DF21" s="313">
        <v>316568</v>
      </c>
      <c r="DG21" s="314">
        <v>2374504</v>
      </c>
      <c r="DH21" s="316">
        <v>2820543</v>
      </c>
      <c r="DI21" s="312">
        <v>0</v>
      </c>
      <c r="DJ21" s="313">
        <v>0</v>
      </c>
      <c r="DK21" s="317">
        <v>0</v>
      </c>
      <c r="DL21" s="318">
        <v>0</v>
      </c>
      <c r="DM21" s="313">
        <v>84643</v>
      </c>
      <c r="DN21" s="313">
        <v>113889</v>
      </c>
      <c r="DO21" s="313">
        <v>110200</v>
      </c>
      <c r="DP21" s="313">
        <v>69788</v>
      </c>
      <c r="DQ21" s="313">
        <v>13983</v>
      </c>
      <c r="DR21" s="314">
        <v>392503</v>
      </c>
      <c r="DS21" s="316">
        <v>392503</v>
      </c>
      <c r="DT21" s="312">
        <v>0</v>
      </c>
      <c r="DU21" s="313">
        <v>0</v>
      </c>
      <c r="DV21" s="314">
        <v>0</v>
      </c>
      <c r="DW21" s="312">
        <v>0</v>
      </c>
      <c r="DX21" s="313">
        <v>17808</v>
      </c>
      <c r="DY21" s="313">
        <v>0</v>
      </c>
      <c r="DZ21" s="313">
        <v>110200</v>
      </c>
      <c r="EA21" s="313">
        <v>69788</v>
      </c>
      <c r="EB21" s="313">
        <v>0</v>
      </c>
      <c r="EC21" s="314">
        <v>197796</v>
      </c>
      <c r="ED21" s="316">
        <v>197796</v>
      </c>
      <c r="EE21" s="312">
        <v>0</v>
      </c>
      <c r="EF21" s="317">
        <v>0</v>
      </c>
      <c r="EG21" s="314">
        <v>0</v>
      </c>
      <c r="EH21" s="312">
        <v>0</v>
      </c>
      <c r="EI21" s="313">
        <v>66835</v>
      </c>
      <c r="EJ21" s="313">
        <v>113889</v>
      </c>
      <c r="EK21" s="313">
        <v>0</v>
      </c>
      <c r="EL21" s="313">
        <v>0</v>
      </c>
      <c r="EM21" s="313">
        <v>13983</v>
      </c>
      <c r="EN21" s="317">
        <v>194707</v>
      </c>
      <c r="EO21" s="316">
        <v>194707</v>
      </c>
      <c r="EP21" s="312">
        <v>0</v>
      </c>
      <c r="EQ21" s="313">
        <v>0</v>
      </c>
      <c r="ER21" s="317">
        <v>0</v>
      </c>
      <c r="ES21" s="318">
        <v>0</v>
      </c>
      <c r="ET21" s="313">
        <v>0</v>
      </c>
      <c r="EU21" s="313">
        <v>0</v>
      </c>
      <c r="EV21" s="313">
        <v>0</v>
      </c>
      <c r="EW21" s="313">
        <v>0</v>
      </c>
      <c r="EX21" s="313">
        <v>0</v>
      </c>
      <c r="EY21" s="314">
        <v>0</v>
      </c>
      <c r="EZ21" s="316">
        <v>0</v>
      </c>
      <c r="FA21" s="312">
        <v>0</v>
      </c>
      <c r="FB21" s="313">
        <v>0</v>
      </c>
      <c r="FC21" s="317">
        <v>0</v>
      </c>
      <c r="FD21" s="318">
        <v>0</v>
      </c>
      <c r="FE21" s="313">
        <v>0</v>
      </c>
      <c r="FF21" s="313">
        <v>0</v>
      </c>
      <c r="FG21" s="313">
        <v>0</v>
      </c>
      <c r="FH21" s="313">
        <v>0</v>
      </c>
      <c r="FI21" s="313">
        <v>0</v>
      </c>
      <c r="FJ21" s="314">
        <v>0</v>
      </c>
      <c r="FK21" s="316">
        <v>0</v>
      </c>
      <c r="FL21" s="312">
        <v>226192</v>
      </c>
      <c r="FM21" s="313">
        <v>352510</v>
      </c>
      <c r="FN21" s="314">
        <v>578702</v>
      </c>
      <c r="FO21" s="312">
        <v>0</v>
      </c>
      <c r="FP21" s="313">
        <v>209184</v>
      </c>
      <c r="FQ21" s="313">
        <v>645272</v>
      </c>
      <c r="FR21" s="313">
        <v>486176</v>
      </c>
      <c r="FS21" s="313">
        <v>249528</v>
      </c>
      <c r="FT21" s="313">
        <v>126440</v>
      </c>
      <c r="FU21" s="314">
        <v>1716600</v>
      </c>
      <c r="FV21" s="316">
        <v>2295302</v>
      </c>
      <c r="FW21" s="319">
        <v>66192</v>
      </c>
      <c r="FX21" s="313">
        <v>102564</v>
      </c>
      <c r="FY21" s="317">
        <v>168756</v>
      </c>
      <c r="FZ21" s="318">
        <v>0</v>
      </c>
      <c r="GA21" s="313">
        <v>120928</v>
      </c>
      <c r="GB21" s="313">
        <v>610872</v>
      </c>
      <c r="GC21" s="313">
        <v>462736</v>
      </c>
      <c r="GD21" s="313">
        <v>180144</v>
      </c>
      <c r="GE21" s="313">
        <v>126440</v>
      </c>
      <c r="GF21" s="314">
        <v>1501120</v>
      </c>
      <c r="GG21" s="320">
        <v>1669876</v>
      </c>
      <c r="GH21" s="319">
        <v>0</v>
      </c>
      <c r="GI21" s="313">
        <v>30800</v>
      </c>
      <c r="GJ21" s="317">
        <v>30800</v>
      </c>
      <c r="GK21" s="318">
        <v>0</v>
      </c>
      <c r="GL21" s="313">
        <v>41056</v>
      </c>
      <c r="GM21" s="313">
        <v>0</v>
      </c>
      <c r="GN21" s="313">
        <v>23440</v>
      </c>
      <c r="GO21" s="313">
        <v>30184</v>
      </c>
      <c r="GP21" s="313">
        <v>0</v>
      </c>
      <c r="GQ21" s="314">
        <v>94680</v>
      </c>
      <c r="GR21" s="316">
        <v>125480</v>
      </c>
      <c r="GS21" s="312">
        <v>160000</v>
      </c>
      <c r="GT21" s="313">
        <v>219146</v>
      </c>
      <c r="GU21" s="314">
        <v>379146</v>
      </c>
      <c r="GV21" s="312">
        <v>0</v>
      </c>
      <c r="GW21" s="313">
        <v>47200</v>
      </c>
      <c r="GX21" s="313">
        <v>34400</v>
      </c>
      <c r="GY21" s="313">
        <v>0</v>
      </c>
      <c r="GZ21" s="313">
        <v>39200</v>
      </c>
      <c r="HA21" s="313">
        <v>0</v>
      </c>
      <c r="HB21" s="317">
        <v>120800</v>
      </c>
      <c r="HC21" s="316">
        <v>499946</v>
      </c>
      <c r="HD21" s="312">
        <v>52639</v>
      </c>
      <c r="HE21" s="313">
        <v>98238</v>
      </c>
      <c r="HF21" s="317">
        <v>150877</v>
      </c>
      <c r="HG21" s="318">
        <v>0</v>
      </c>
      <c r="HH21" s="313">
        <v>1428670</v>
      </c>
      <c r="HI21" s="313">
        <v>2307159</v>
      </c>
      <c r="HJ21" s="313">
        <v>994715</v>
      </c>
      <c r="HK21" s="313">
        <v>2405035</v>
      </c>
      <c r="HL21" s="313">
        <v>925791</v>
      </c>
      <c r="HM21" s="314">
        <v>8061370</v>
      </c>
      <c r="HN21" s="315">
        <v>8212247</v>
      </c>
      <c r="HO21" s="319">
        <v>0</v>
      </c>
      <c r="HP21" s="313">
        <v>0</v>
      </c>
      <c r="HQ21" s="314">
        <v>0</v>
      </c>
      <c r="HR21" s="312">
        <v>0</v>
      </c>
      <c r="HS21" s="313">
        <v>0</v>
      </c>
      <c r="HT21" s="313">
        <v>0</v>
      </c>
      <c r="HU21" s="313">
        <v>0</v>
      </c>
      <c r="HV21" s="313">
        <v>0</v>
      </c>
      <c r="HW21" s="313">
        <v>0</v>
      </c>
      <c r="HX21" s="317">
        <v>0</v>
      </c>
      <c r="HY21" s="316">
        <v>0</v>
      </c>
      <c r="HZ21" s="321">
        <v>0</v>
      </c>
      <c r="IA21" s="322">
        <v>0</v>
      </c>
      <c r="IB21" s="323">
        <v>0</v>
      </c>
      <c r="IC21" s="324">
        <v>0</v>
      </c>
      <c r="ID21" s="322">
        <v>881501</v>
      </c>
      <c r="IE21" s="325">
        <v>1116303</v>
      </c>
      <c r="IF21" s="323">
        <v>698790</v>
      </c>
      <c r="IG21" s="322">
        <v>1500045</v>
      </c>
      <c r="IH21" s="323">
        <v>271957</v>
      </c>
      <c r="II21" s="326">
        <v>4468596</v>
      </c>
      <c r="IJ21" s="327">
        <v>4468596</v>
      </c>
      <c r="IK21" s="328">
        <v>0</v>
      </c>
      <c r="IL21" s="329">
        <v>0</v>
      </c>
      <c r="IM21" s="330">
        <v>0</v>
      </c>
      <c r="IN21" s="390">
        <v>0</v>
      </c>
      <c r="IO21" s="331">
        <v>0</v>
      </c>
      <c r="IP21" s="331">
        <v>0</v>
      </c>
      <c r="IQ21" s="331">
        <v>0</v>
      </c>
      <c r="IR21" s="331">
        <v>208632</v>
      </c>
      <c r="IS21" s="331">
        <v>0</v>
      </c>
      <c r="IT21" s="332">
        <v>208632</v>
      </c>
      <c r="IU21" s="333">
        <v>208632</v>
      </c>
      <c r="IV21" s="334">
        <v>0</v>
      </c>
      <c r="IW21" s="331">
        <v>0</v>
      </c>
      <c r="IX21" s="335">
        <v>0</v>
      </c>
      <c r="IY21" s="390">
        <v>0</v>
      </c>
      <c r="IZ21" s="331">
        <v>0</v>
      </c>
      <c r="JA21" s="331">
        <v>0</v>
      </c>
      <c r="JB21" s="331">
        <v>0</v>
      </c>
      <c r="JC21" s="331">
        <v>16312</v>
      </c>
      <c r="JD21" s="331">
        <v>0</v>
      </c>
      <c r="JE21" s="335">
        <v>16312</v>
      </c>
      <c r="JF21" s="336">
        <v>16312</v>
      </c>
      <c r="JG21" s="334">
        <v>0</v>
      </c>
      <c r="JH21" s="331">
        <v>0</v>
      </c>
      <c r="JI21" s="332">
        <v>0</v>
      </c>
      <c r="JJ21" s="337">
        <v>0</v>
      </c>
      <c r="JK21" s="331">
        <v>439915</v>
      </c>
      <c r="JL21" s="331">
        <v>451380</v>
      </c>
      <c r="JM21" s="331">
        <v>327485</v>
      </c>
      <c r="JN21" s="331">
        <v>214969</v>
      </c>
      <c r="JO21" s="331">
        <v>0</v>
      </c>
      <c r="JP21" s="335">
        <v>1433749</v>
      </c>
      <c r="JQ21" s="333">
        <v>1433749</v>
      </c>
      <c r="JR21" s="334">
        <v>0</v>
      </c>
      <c r="JS21" s="331">
        <v>0</v>
      </c>
      <c r="JT21" s="332">
        <v>0</v>
      </c>
      <c r="JU21" s="337">
        <v>0</v>
      </c>
      <c r="JV21" s="331">
        <v>0</v>
      </c>
      <c r="JW21" s="331">
        <v>0</v>
      </c>
      <c r="JX21" s="331">
        <v>0</v>
      </c>
      <c r="JY21" s="331">
        <v>0</v>
      </c>
      <c r="JZ21" s="331">
        <v>0</v>
      </c>
      <c r="KA21" s="335">
        <v>0</v>
      </c>
      <c r="KB21" s="333">
        <v>0</v>
      </c>
      <c r="KC21" s="338">
        <v>0</v>
      </c>
      <c r="KD21" s="339">
        <v>0</v>
      </c>
      <c r="KE21" s="335">
        <v>0</v>
      </c>
      <c r="KF21" s="337">
        <v>0</v>
      </c>
      <c r="KG21" s="331">
        <v>211243</v>
      </c>
      <c r="KH21" s="331">
        <v>0</v>
      </c>
      <c r="KI21" s="331">
        <v>0</v>
      </c>
      <c r="KJ21" s="331">
        <v>249142</v>
      </c>
      <c r="KK21" s="331">
        <v>0</v>
      </c>
      <c r="KL21" s="335">
        <v>460385</v>
      </c>
      <c r="KM21" s="340">
        <v>460385</v>
      </c>
      <c r="KN21" s="328">
        <v>0</v>
      </c>
      <c r="KO21" s="329">
        <v>0</v>
      </c>
      <c r="KP21" s="330">
        <v>0</v>
      </c>
      <c r="KQ21" s="390">
        <v>0</v>
      </c>
      <c r="KR21" s="331">
        <v>230343</v>
      </c>
      <c r="KS21" s="331">
        <v>483140</v>
      </c>
      <c r="KT21" s="331">
        <v>124940</v>
      </c>
      <c r="KU21" s="331">
        <v>263872</v>
      </c>
      <c r="KV21" s="331">
        <v>271957</v>
      </c>
      <c r="KW21" s="335">
        <v>1374252</v>
      </c>
      <c r="KX21" s="333">
        <v>1374252</v>
      </c>
      <c r="KY21" s="334">
        <v>0</v>
      </c>
      <c r="KZ21" s="331">
        <v>0</v>
      </c>
      <c r="LA21" s="335">
        <v>0</v>
      </c>
      <c r="LB21" s="390">
        <v>0</v>
      </c>
      <c r="LC21" s="331">
        <v>0</v>
      </c>
      <c r="LD21" s="331">
        <v>0</v>
      </c>
      <c r="LE21" s="331">
        <v>0</v>
      </c>
      <c r="LF21" s="331">
        <v>0</v>
      </c>
      <c r="LG21" s="331">
        <v>0</v>
      </c>
      <c r="LH21" s="335">
        <v>0</v>
      </c>
      <c r="LI21" s="336">
        <v>0</v>
      </c>
      <c r="LJ21" s="334">
        <v>0</v>
      </c>
      <c r="LK21" s="331">
        <v>0</v>
      </c>
      <c r="LL21" s="335">
        <v>0</v>
      </c>
      <c r="LM21" s="390">
        <v>0</v>
      </c>
      <c r="LN21" s="331">
        <v>0</v>
      </c>
      <c r="LO21" s="331">
        <v>0</v>
      </c>
      <c r="LP21" s="331">
        <v>0</v>
      </c>
      <c r="LQ21" s="331">
        <v>547118</v>
      </c>
      <c r="LR21" s="331">
        <v>0</v>
      </c>
      <c r="LS21" s="335">
        <v>547118</v>
      </c>
      <c r="LT21" s="333">
        <v>547118</v>
      </c>
      <c r="LU21" s="334">
        <v>0</v>
      </c>
      <c r="LV21" s="331">
        <v>0</v>
      </c>
      <c r="LW21" s="335">
        <v>0</v>
      </c>
      <c r="LX21" s="390">
        <v>0</v>
      </c>
      <c r="LY21" s="331">
        <v>0</v>
      </c>
      <c r="LZ21" s="331">
        <v>181783</v>
      </c>
      <c r="MA21" s="331">
        <v>246365</v>
      </c>
      <c r="MB21" s="331">
        <v>0</v>
      </c>
      <c r="MC21" s="331">
        <v>0</v>
      </c>
      <c r="MD21" s="335">
        <v>428148</v>
      </c>
      <c r="ME21" s="336">
        <v>428148</v>
      </c>
      <c r="MF21" s="334">
        <v>0</v>
      </c>
      <c r="MG21" s="331">
        <v>0</v>
      </c>
      <c r="MH21" s="335">
        <v>0</v>
      </c>
      <c r="MI21" s="390">
        <v>0</v>
      </c>
      <c r="MJ21" s="331">
        <v>575130</v>
      </c>
      <c r="MK21" s="331">
        <v>1639983</v>
      </c>
      <c r="ML21" s="331">
        <v>2877774</v>
      </c>
      <c r="MM21" s="331">
        <v>5121608</v>
      </c>
      <c r="MN21" s="331">
        <v>2170142</v>
      </c>
      <c r="MO21" s="335">
        <v>12384637</v>
      </c>
      <c r="MP21" s="340">
        <v>12384637</v>
      </c>
      <c r="MQ21" s="334">
        <v>0</v>
      </c>
      <c r="MR21" s="331">
        <v>0</v>
      </c>
      <c r="MS21" s="335">
        <v>0</v>
      </c>
      <c r="MT21" s="390">
        <v>0</v>
      </c>
      <c r="MU21" s="331">
        <v>0</v>
      </c>
      <c r="MV21" s="331">
        <v>0</v>
      </c>
      <c r="MW21" s="331">
        <v>1493339</v>
      </c>
      <c r="MX21" s="331">
        <v>3031529</v>
      </c>
      <c r="MY21" s="331">
        <v>1107877</v>
      </c>
      <c r="MZ21" s="335">
        <v>5632745</v>
      </c>
      <c r="NA21" s="340">
        <v>5632745</v>
      </c>
      <c r="NB21" s="334">
        <v>0</v>
      </c>
      <c r="NC21" s="331">
        <v>0</v>
      </c>
      <c r="ND21" s="335">
        <v>0</v>
      </c>
      <c r="NE21" s="390">
        <v>0</v>
      </c>
      <c r="NF21" s="331">
        <v>575130</v>
      </c>
      <c r="NG21" s="331">
        <v>1639983</v>
      </c>
      <c r="NH21" s="331">
        <v>1384435</v>
      </c>
      <c r="NI21" s="331">
        <v>2090079</v>
      </c>
      <c r="NJ21" s="331">
        <v>664179</v>
      </c>
      <c r="NK21" s="335">
        <v>6353806</v>
      </c>
      <c r="NL21" s="333">
        <v>6353806</v>
      </c>
      <c r="NM21" s="334">
        <v>0</v>
      </c>
      <c r="NN21" s="331">
        <v>0</v>
      </c>
      <c r="NO21" s="335">
        <v>0</v>
      </c>
      <c r="NP21" s="390">
        <v>0</v>
      </c>
      <c r="NQ21" s="331">
        <v>0</v>
      </c>
      <c r="NR21" s="331">
        <v>0</v>
      </c>
      <c r="NS21" s="331">
        <v>0</v>
      </c>
      <c r="NT21" s="331">
        <v>0</v>
      </c>
      <c r="NU21" s="331">
        <v>0</v>
      </c>
      <c r="NV21" s="335">
        <v>0</v>
      </c>
      <c r="NW21" s="336">
        <v>0</v>
      </c>
      <c r="NX21" s="334">
        <v>0</v>
      </c>
      <c r="NY21" s="331">
        <v>0</v>
      </c>
      <c r="NZ21" s="335">
        <v>0</v>
      </c>
      <c r="OA21" s="390">
        <v>0</v>
      </c>
      <c r="OB21" s="331">
        <v>0</v>
      </c>
      <c r="OC21" s="331">
        <v>0</v>
      </c>
      <c r="OD21" s="331">
        <v>0</v>
      </c>
      <c r="OE21" s="331">
        <v>0</v>
      </c>
      <c r="OF21" s="331">
        <v>398086</v>
      </c>
      <c r="OG21" s="335">
        <v>398086</v>
      </c>
      <c r="OH21" s="336">
        <v>398086</v>
      </c>
      <c r="OI21" s="334">
        <v>466126</v>
      </c>
      <c r="OJ21" s="331">
        <v>1018519</v>
      </c>
      <c r="OK21" s="332">
        <v>1484645</v>
      </c>
      <c r="OL21" s="337">
        <v>0</v>
      </c>
      <c r="OM21" s="331">
        <v>5722496</v>
      </c>
      <c r="ON21" s="331">
        <v>9828444</v>
      </c>
      <c r="OO21" s="331">
        <v>7733748</v>
      </c>
      <c r="OP21" s="331">
        <v>11001879</v>
      </c>
      <c r="OQ21" s="331">
        <v>4990093</v>
      </c>
      <c r="OR21" s="335">
        <v>39276660</v>
      </c>
      <c r="OS21" s="340">
        <v>40761305</v>
      </c>
    </row>
    <row r="22" spans="2:409" s="56" customFormat="1" ht="21" customHeight="1" x14ac:dyDescent="0.2">
      <c r="B22" s="396" t="s">
        <v>17</v>
      </c>
      <c r="C22" s="312">
        <v>623431</v>
      </c>
      <c r="D22" s="313">
        <v>561856</v>
      </c>
      <c r="E22" s="314">
        <v>1185287</v>
      </c>
      <c r="F22" s="315">
        <v>0</v>
      </c>
      <c r="G22" s="313">
        <v>4095505</v>
      </c>
      <c r="H22" s="313">
        <v>9767248</v>
      </c>
      <c r="I22" s="313">
        <v>7527192</v>
      </c>
      <c r="J22" s="313">
        <v>2493690</v>
      </c>
      <c r="K22" s="313">
        <v>2762228</v>
      </c>
      <c r="L22" s="315">
        <v>26645863</v>
      </c>
      <c r="M22" s="316">
        <v>27831150</v>
      </c>
      <c r="N22" s="312">
        <v>137617</v>
      </c>
      <c r="O22" s="313">
        <v>139991</v>
      </c>
      <c r="P22" s="314">
        <v>277608</v>
      </c>
      <c r="Q22" s="312">
        <v>0</v>
      </c>
      <c r="R22" s="313">
        <v>1324241</v>
      </c>
      <c r="S22" s="313">
        <v>2703666</v>
      </c>
      <c r="T22" s="313">
        <v>2802961</v>
      </c>
      <c r="U22" s="313">
        <v>1515735</v>
      </c>
      <c r="V22" s="313">
        <v>1744294</v>
      </c>
      <c r="W22" s="314">
        <v>10090897</v>
      </c>
      <c r="X22" s="316">
        <v>10368505</v>
      </c>
      <c r="Y22" s="312">
        <v>0</v>
      </c>
      <c r="Z22" s="313">
        <v>0</v>
      </c>
      <c r="AA22" s="314">
        <v>0</v>
      </c>
      <c r="AB22" s="312">
        <v>0</v>
      </c>
      <c r="AC22" s="313">
        <v>501639</v>
      </c>
      <c r="AD22" s="313">
        <v>1304598</v>
      </c>
      <c r="AE22" s="313">
        <v>1564739</v>
      </c>
      <c r="AF22" s="313">
        <v>972059</v>
      </c>
      <c r="AG22" s="313">
        <v>1387350</v>
      </c>
      <c r="AH22" s="314">
        <v>5730385</v>
      </c>
      <c r="AI22" s="316">
        <v>5730385</v>
      </c>
      <c r="AJ22" s="312">
        <v>0</v>
      </c>
      <c r="AK22" s="313">
        <v>0</v>
      </c>
      <c r="AL22" s="314">
        <v>0</v>
      </c>
      <c r="AM22" s="312">
        <v>0</v>
      </c>
      <c r="AN22" s="313">
        <v>0</v>
      </c>
      <c r="AO22" s="313">
        <v>75395</v>
      </c>
      <c r="AP22" s="313">
        <v>48973</v>
      </c>
      <c r="AQ22" s="313">
        <v>0</v>
      </c>
      <c r="AR22" s="313">
        <v>0</v>
      </c>
      <c r="AS22" s="314">
        <v>124368</v>
      </c>
      <c r="AT22" s="316">
        <v>124368</v>
      </c>
      <c r="AU22" s="312">
        <v>34745</v>
      </c>
      <c r="AV22" s="313">
        <v>55711</v>
      </c>
      <c r="AW22" s="314">
        <v>90456</v>
      </c>
      <c r="AX22" s="312">
        <v>0</v>
      </c>
      <c r="AY22" s="313">
        <v>647076</v>
      </c>
      <c r="AZ22" s="313">
        <v>750051</v>
      </c>
      <c r="BA22" s="313">
        <v>692742</v>
      </c>
      <c r="BB22" s="313">
        <v>323924</v>
      </c>
      <c r="BC22" s="313">
        <v>218680</v>
      </c>
      <c r="BD22" s="314">
        <v>2632473</v>
      </c>
      <c r="BE22" s="316">
        <v>2722929</v>
      </c>
      <c r="BF22" s="312">
        <v>0</v>
      </c>
      <c r="BG22" s="313">
        <v>60248</v>
      </c>
      <c r="BH22" s="317">
        <v>60248</v>
      </c>
      <c r="BI22" s="318">
        <v>0</v>
      </c>
      <c r="BJ22" s="313">
        <v>33614</v>
      </c>
      <c r="BK22" s="313">
        <v>71606</v>
      </c>
      <c r="BL22" s="313">
        <v>68315</v>
      </c>
      <c r="BM22" s="313">
        <v>0</v>
      </c>
      <c r="BN22" s="313">
        <v>36232</v>
      </c>
      <c r="BO22" s="314">
        <v>209767</v>
      </c>
      <c r="BP22" s="316">
        <v>270015</v>
      </c>
      <c r="BQ22" s="312">
        <v>102872</v>
      </c>
      <c r="BR22" s="313">
        <v>24032</v>
      </c>
      <c r="BS22" s="314">
        <v>126904</v>
      </c>
      <c r="BT22" s="312">
        <v>0</v>
      </c>
      <c r="BU22" s="313">
        <v>141912</v>
      </c>
      <c r="BV22" s="313">
        <v>502016</v>
      </c>
      <c r="BW22" s="313">
        <v>428192</v>
      </c>
      <c r="BX22" s="313">
        <v>219752</v>
      </c>
      <c r="BY22" s="313">
        <v>102032</v>
      </c>
      <c r="BZ22" s="314">
        <v>1393904</v>
      </c>
      <c r="CA22" s="316">
        <v>1520808</v>
      </c>
      <c r="CB22" s="312">
        <v>89790</v>
      </c>
      <c r="CC22" s="313">
        <v>162361</v>
      </c>
      <c r="CD22" s="314">
        <v>252151</v>
      </c>
      <c r="CE22" s="312">
        <v>0</v>
      </c>
      <c r="CF22" s="313">
        <v>1350772</v>
      </c>
      <c r="CG22" s="313">
        <v>2580373</v>
      </c>
      <c r="CH22" s="313">
        <v>2369643</v>
      </c>
      <c r="CI22" s="313">
        <v>394133</v>
      </c>
      <c r="CJ22" s="313">
        <v>243861</v>
      </c>
      <c r="CK22" s="314">
        <v>6938782</v>
      </c>
      <c r="CL22" s="316">
        <v>7190933</v>
      </c>
      <c r="CM22" s="312">
        <v>0</v>
      </c>
      <c r="CN22" s="313">
        <v>0</v>
      </c>
      <c r="CO22" s="314">
        <v>0</v>
      </c>
      <c r="CP22" s="318">
        <v>0</v>
      </c>
      <c r="CQ22" s="313">
        <v>1174497</v>
      </c>
      <c r="CR22" s="313">
        <v>1749714</v>
      </c>
      <c r="CS22" s="313">
        <v>1896945</v>
      </c>
      <c r="CT22" s="313">
        <v>147184</v>
      </c>
      <c r="CU22" s="313">
        <v>184626</v>
      </c>
      <c r="CV22" s="314">
        <v>5152966</v>
      </c>
      <c r="CW22" s="316">
        <v>5152966</v>
      </c>
      <c r="CX22" s="312">
        <v>89790</v>
      </c>
      <c r="CY22" s="313">
        <v>162361</v>
      </c>
      <c r="CZ22" s="314">
        <v>252151</v>
      </c>
      <c r="DA22" s="312">
        <v>0</v>
      </c>
      <c r="DB22" s="313">
        <v>176275</v>
      </c>
      <c r="DC22" s="313">
        <v>830659</v>
      </c>
      <c r="DD22" s="313">
        <v>472698</v>
      </c>
      <c r="DE22" s="313">
        <v>246949</v>
      </c>
      <c r="DF22" s="313">
        <v>59235</v>
      </c>
      <c r="DG22" s="314">
        <v>1785816</v>
      </c>
      <c r="DH22" s="316">
        <v>2037967</v>
      </c>
      <c r="DI22" s="312">
        <v>0</v>
      </c>
      <c r="DJ22" s="313">
        <v>29327</v>
      </c>
      <c r="DK22" s="317">
        <v>29327</v>
      </c>
      <c r="DL22" s="318">
        <v>0</v>
      </c>
      <c r="DM22" s="313">
        <v>231437</v>
      </c>
      <c r="DN22" s="313">
        <v>988406</v>
      </c>
      <c r="DO22" s="313">
        <v>647406</v>
      </c>
      <c r="DP22" s="313">
        <v>220359</v>
      </c>
      <c r="DQ22" s="313">
        <v>343862</v>
      </c>
      <c r="DR22" s="314">
        <v>2431470</v>
      </c>
      <c r="DS22" s="316">
        <v>2460797</v>
      </c>
      <c r="DT22" s="312">
        <v>0</v>
      </c>
      <c r="DU22" s="313">
        <v>29327</v>
      </c>
      <c r="DV22" s="314">
        <v>29327</v>
      </c>
      <c r="DW22" s="312">
        <v>0</v>
      </c>
      <c r="DX22" s="313">
        <v>231437</v>
      </c>
      <c r="DY22" s="313">
        <v>940390</v>
      </c>
      <c r="DZ22" s="313">
        <v>518025</v>
      </c>
      <c r="EA22" s="313">
        <v>147556</v>
      </c>
      <c r="EB22" s="313">
        <v>343862</v>
      </c>
      <c r="EC22" s="314">
        <v>2181270</v>
      </c>
      <c r="ED22" s="316">
        <v>2210597</v>
      </c>
      <c r="EE22" s="312">
        <v>0</v>
      </c>
      <c r="EF22" s="317">
        <v>0</v>
      </c>
      <c r="EG22" s="314">
        <v>0</v>
      </c>
      <c r="EH22" s="312">
        <v>0</v>
      </c>
      <c r="EI22" s="313">
        <v>0</v>
      </c>
      <c r="EJ22" s="313">
        <v>48016</v>
      </c>
      <c r="EK22" s="313">
        <v>129381</v>
      </c>
      <c r="EL22" s="313">
        <v>72803</v>
      </c>
      <c r="EM22" s="313">
        <v>0</v>
      </c>
      <c r="EN22" s="317">
        <v>250200</v>
      </c>
      <c r="EO22" s="316">
        <v>250200</v>
      </c>
      <c r="EP22" s="312">
        <v>0</v>
      </c>
      <c r="EQ22" s="313">
        <v>0</v>
      </c>
      <c r="ER22" s="317">
        <v>0</v>
      </c>
      <c r="ES22" s="318">
        <v>0</v>
      </c>
      <c r="ET22" s="313">
        <v>0</v>
      </c>
      <c r="EU22" s="313">
        <v>0</v>
      </c>
      <c r="EV22" s="313">
        <v>0</v>
      </c>
      <c r="EW22" s="313">
        <v>0</v>
      </c>
      <c r="EX22" s="313">
        <v>0</v>
      </c>
      <c r="EY22" s="314">
        <v>0</v>
      </c>
      <c r="EZ22" s="316">
        <v>0</v>
      </c>
      <c r="FA22" s="312">
        <v>0</v>
      </c>
      <c r="FB22" s="313">
        <v>0</v>
      </c>
      <c r="FC22" s="317">
        <v>0</v>
      </c>
      <c r="FD22" s="318">
        <v>0</v>
      </c>
      <c r="FE22" s="313">
        <v>0</v>
      </c>
      <c r="FF22" s="313">
        <v>0</v>
      </c>
      <c r="FG22" s="313">
        <v>0</v>
      </c>
      <c r="FH22" s="313">
        <v>0</v>
      </c>
      <c r="FI22" s="313">
        <v>0</v>
      </c>
      <c r="FJ22" s="314">
        <v>0</v>
      </c>
      <c r="FK22" s="316">
        <v>0</v>
      </c>
      <c r="FL22" s="312">
        <v>176112</v>
      </c>
      <c r="FM22" s="313">
        <v>139472</v>
      </c>
      <c r="FN22" s="314">
        <v>315584</v>
      </c>
      <c r="FO22" s="312">
        <v>0</v>
      </c>
      <c r="FP22" s="313">
        <v>211096</v>
      </c>
      <c r="FQ22" s="313">
        <v>1009768</v>
      </c>
      <c r="FR22" s="313">
        <v>692263</v>
      </c>
      <c r="FS22" s="313">
        <v>132051</v>
      </c>
      <c r="FT22" s="313">
        <v>193432</v>
      </c>
      <c r="FU22" s="314">
        <v>2238610</v>
      </c>
      <c r="FV22" s="316">
        <v>2554194</v>
      </c>
      <c r="FW22" s="319">
        <v>85712</v>
      </c>
      <c r="FX22" s="313">
        <v>139472</v>
      </c>
      <c r="FY22" s="317">
        <v>225184</v>
      </c>
      <c r="FZ22" s="318">
        <v>0</v>
      </c>
      <c r="GA22" s="313">
        <v>123096</v>
      </c>
      <c r="GB22" s="313">
        <v>940168</v>
      </c>
      <c r="GC22" s="313">
        <v>616368</v>
      </c>
      <c r="GD22" s="313">
        <v>123040</v>
      </c>
      <c r="GE22" s="313">
        <v>193432</v>
      </c>
      <c r="GF22" s="314">
        <v>1996104</v>
      </c>
      <c r="GG22" s="320">
        <v>2221288</v>
      </c>
      <c r="GH22" s="319">
        <v>0</v>
      </c>
      <c r="GI22" s="313">
        <v>0</v>
      </c>
      <c r="GJ22" s="317">
        <v>0</v>
      </c>
      <c r="GK22" s="318">
        <v>0</v>
      </c>
      <c r="GL22" s="313">
        <v>0</v>
      </c>
      <c r="GM22" s="313">
        <v>0</v>
      </c>
      <c r="GN22" s="313">
        <v>0</v>
      </c>
      <c r="GO22" s="313">
        <v>9011</v>
      </c>
      <c r="GP22" s="313">
        <v>0</v>
      </c>
      <c r="GQ22" s="314">
        <v>9011</v>
      </c>
      <c r="GR22" s="316">
        <v>9011</v>
      </c>
      <c r="GS22" s="312">
        <v>90400</v>
      </c>
      <c r="GT22" s="313">
        <v>0</v>
      </c>
      <c r="GU22" s="314">
        <v>90400</v>
      </c>
      <c r="GV22" s="312">
        <v>0</v>
      </c>
      <c r="GW22" s="313">
        <v>88000</v>
      </c>
      <c r="GX22" s="313">
        <v>69600</v>
      </c>
      <c r="GY22" s="313">
        <v>75895</v>
      </c>
      <c r="GZ22" s="313">
        <v>0</v>
      </c>
      <c r="HA22" s="313">
        <v>0</v>
      </c>
      <c r="HB22" s="317">
        <v>233495</v>
      </c>
      <c r="HC22" s="316">
        <v>323895</v>
      </c>
      <c r="HD22" s="312">
        <v>219912</v>
      </c>
      <c r="HE22" s="313">
        <v>90705</v>
      </c>
      <c r="HF22" s="317">
        <v>310617</v>
      </c>
      <c r="HG22" s="318">
        <v>0</v>
      </c>
      <c r="HH22" s="313">
        <v>977959</v>
      </c>
      <c r="HI22" s="313">
        <v>2485035</v>
      </c>
      <c r="HJ22" s="313">
        <v>1014919</v>
      </c>
      <c r="HK22" s="313">
        <v>231412</v>
      </c>
      <c r="HL22" s="313">
        <v>236779</v>
      </c>
      <c r="HM22" s="314">
        <v>4946104</v>
      </c>
      <c r="HN22" s="315">
        <v>5256721</v>
      </c>
      <c r="HO22" s="319">
        <v>0</v>
      </c>
      <c r="HP22" s="313">
        <v>0</v>
      </c>
      <c r="HQ22" s="314">
        <v>0</v>
      </c>
      <c r="HR22" s="312">
        <v>0</v>
      </c>
      <c r="HS22" s="313">
        <v>0</v>
      </c>
      <c r="HT22" s="313">
        <v>0</v>
      </c>
      <c r="HU22" s="313">
        <v>0</v>
      </c>
      <c r="HV22" s="313">
        <v>0</v>
      </c>
      <c r="HW22" s="313">
        <v>0</v>
      </c>
      <c r="HX22" s="317">
        <v>0</v>
      </c>
      <c r="HY22" s="316">
        <v>0</v>
      </c>
      <c r="HZ22" s="344">
        <v>0</v>
      </c>
      <c r="IA22" s="342">
        <v>0</v>
      </c>
      <c r="IB22" s="344">
        <v>0</v>
      </c>
      <c r="IC22" s="341">
        <v>0</v>
      </c>
      <c r="ID22" s="342">
        <v>1315502</v>
      </c>
      <c r="IE22" s="343">
        <v>2415681</v>
      </c>
      <c r="IF22" s="344">
        <v>1246716</v>
      </c>
      <c r="IG22" s="342">
        <v>1954042</v>
      </c>
      <c r="IH22" s="344">
        <v>1848251</v>
      </c>
      <c r="II22" s="345">
        <v>8780192</v>
      </c>
      <c r="IJ22" s="344">
        <v>8780192</v>
      </c>
      <c r="IK22" s="328">
        <v>0</v>
      </c>
      <c r="IL22" s="329">
        <v>0</v>
      </c>
      <c r="IM22" s="330">
        <v>0</v>
      </c>
      <c r="IN22" s="390">
        <v>0</v>
      </c>
      <c r="IO22" s="331">
        <v>0</v>
      </c>
      <c r="IP22" s="331">
        <v>0</v>
      </c>
      <c r="IQ22" s="331">
        <v>0</v>
      </c>
      <c r="IR22" s="331">
        <v>0</v>
      </c>
      <c r="IS22" s="331">
        <v>0</v>
      </c>
      <c r="IT22" s="332">
        <v>0</v>
      </c>
      <c r="IU22" s="333">
        <v>0</v>
      </c>
      <c r="IV22" s="334">
        <v>0</v>
      </c>
      <c r="IW22" s="331">
        <v>0</v>
      </c>
      <c r="IX22" s="335">
        <v>0</v>
      </c>
      <c r="IY22" s="390">
        <v>0</v>
      </c>
      <c r="IZ22" s="331">
        <v>0</v>
      </c>
      <c r="JA22" s="331">
        <v>0</v>
      </c>
      <c r="JB22" s="331">
        <v>0</v>
      </c>
      <c r="JC22" s="331">
        <v>0</v>
      </c>
      <c r="JD22" s="331">
        <v>0</v>
      </c>
      <c r="JE22" s="335">
        <v>0</v>
      </c>
      <c r="JF22" s="336">
        <v>0</v>
      </c>
      <c r="JG22" s="334">
        <v>0</v>
      </c>
      <c r="JH22" s="331">
        <v>0</v>
      </c>
      <c r="JI22" s="332">
        <v>0</v>
      </c>
      <c r="JJ22" s="337">
        <v>0</v>
      </c>
      <c r="JK22" s="331">
        <v>837946</v>
      </c>
      <c r="JL22" s="331">
        <v>1493008</v>
      </c>
      <c r="JM22" s="331">
        <v>460099</v>
      </c>
      <c r="JN22" s="331">
        <v>366271</v>
      </c>
      <c r="JO22" s="331">
        <v>306481</v>
      </c>
      <c r="JP22" s="335">
        <v>3463805</v>
      </c>
      <c r="JQ22" s="333">
        <v>3463805</v>
      </c>
      <c r="JR22" s="334">
        <v>0</v>
      </c>
      <c r="JS22" s="331">
        <v>0</v>
      </c>
      <c r="JT22" s="332">
        <v>0</v>
      </c>
      <c r="JU22" s="337">
        <v>0</v>
      </c>
      <c r="JV22" s="331">
        <v>71598</v>
      </c>
      <c r="JW22" s="331">
        <v>138699</v>
      </c>
      <c r="JX22" s="331">
        <v>0</v>
      </c>
      <c r="JY22" s="331">
        <v>0</v>
      </c>
      <c r="JZ22" s="331">
        <v>0</v>
      </c>
      <c r="KA22" s="335">
        <v>210297</v>
      </c>
      <c r="KB22" s="333">
        <v>210297</v>
      </c>
      <c r="KC22" s="338">
        <v>0</v>
      </c>
      <c r="KD22" s="339">
        <v>0</v>
      </c>
      <c r="KE22" s="335">
        <v>0</v>
      </c>
      <c r="KF22" s="337">
        <v>0</v>
      </c>
      <c r="KG22" s="331">
        <v>260291</v>
      </c>
      <c r="KH22" s="331">
        <v>533362</v>
      </c>
      <c r="KI22" s="331">
        <v>252580</v>
      </c>
      <c r="KJ22" s="331">
        <v>268055</v>
      </c>
      <c r="KK22" s="331">
        <v>302520</v>
      </c>
      <c r="KL22" s="335">
        <v>1616808</v>
      </c>
      <c r="KM22" s="340">
        <v>1616808</v>
      </c>
      <c r="KN22" s="328">
        <v>0</v>
      </c>
      <c r="KO22" s="329">
        <v>0</v>
      </c>
      <c r="KP22" s="330">
        <v>0</v>
      </c>
      <c r="KQ22" s="390">
        <v>0</v>
      </c>
      <c r="KR22" s="331">
        <v>0</v>
      </c>
      <c r="KS22" s="331">
        <v>250612</v>
      </c>
      <c r="KT22" s="331">
        <v>265709</v>
      </c>
      <c r="KU22" s="331">
        <v>483128</v>
      </c>
      <c r="KV22" s="331">
        <v>0</v>
      </c>
      <c r="KW22" s="335">
        <v>999449</v>
      </c>
      <c r="KX22" s="333">
        <v>999449</v>
      </c>
      <c r="KY22" s="334">
        <v>0</v>
      </c>
      <c r="KZ22" s="331">
        <v>0</v>
      </c>
      <c r="LA22" s="335">
        <v>0</v>
      </c>
      <c r="LB22" s="390">
        <v>0</v>
      </c>
      <c r="LC22" s="331">
        <v>0</v>
      </c>
      <c r="LD22" s="331">
        <v>0</v>
      </c>
      <c r="LE22" s="331">
        <v>0</v>
      </c>
      <c r="LF22" s="331">
        <v>0</v>
      </c>
      <c r="LG22" s="331">
        <v>0</v>
      </c>
      <c r="LH22" s="335">
        <v>0</v>
      </c>
      <c r="LI22" s="336">
        <v>0</v>
      </c>
      <c r="LJ22" s="334">
        <v>0</v>
      </c>
      <c r="LK22" s="331">
        <v>0</v>
      </c>
      <c r="LL22" s="335">
        <v>0</v>
      </c>
      <c r="LM22" s="390">
        <v>0</v>
      </c>
      <c r="LN22" s="331">
        <v>0</v>
      </c>
      <c r="LO22" s="331">
        <v>0</v>
      </c>
      <c r="LP22" s="331">
        <v>-1390</v>
      </c>
      <c r="LQ22" s="331">
        <v>836588</v>
      </c>
      <c r="LR22" s="331">
        <v>1239250</v>
      </c>
      <c r="LS22" s="335">
        <v>2074448</v>
      </c>
      <c r="LT22" s="333">
        <v>2074448</v>
      </c>
      <c r="LU22" s="334">
        <v>0</v>
      </c>
      <c r="LV22" s="331">
        <v>0</v>
      </c>
      <c r="LW22" s="335">
        <v>0</v>
      </c>
      <c r="LX22" s="390">
        <v>0</v>
      </c>
      <c r="LY22" s="331">
        <v>145667</v>
      </c>
      <c r="LZ22" s="331">
        <v>0</v>
      </c>
      <c r="MA22" s="331">
        <v>269718</v>
      </c>
      <c r="MB22" s="331">
        <v>0</v>
      </c>
      <c r="MC22" s="331">
        <v>0</v>
      </c>
      <c r="MD22" s="335">
        <v>415385</v>
      </c>
      <c r="ME22" s="336">
        <v>415385</v>
      </c>
      <c r="MF22" s="334">
        <v>0</v>
      </c>
      <c r="MG22" s="331">
        <v>0</v>
      </c>
      <c r="MH22" s="335">
        <v>0</v>
      </c>
      <c r="MI22" s="390">
        <v>0</v>
      </c>
      <c r="MJ22" s="331">
        <v>296168</v>
      </c>
      <c r="MK22" s="331">
        <v>1166620</v>
      </c>
      <c r="ML22" s="331">
        <v>2988563</v>
      </c>
      <c r="MM22" s="331">
        <v>2809879</v>
      </c>
      <c r="MN22" s="331">
        <v>4661963</v>
      </c>
      <c r="MO22" s="335">
        <v>11923193</v>
      </c>
      <c r="MP22" s="340">
        <v>11923193</v>
      </c>
      <c r="MQ22" s="334">
        <v>0</v>
      </c>
      <c r="MR22" s="331">
        <v>0</v>
      </c>
      <c r="MS22" s="335">
        <v>0</v>
      </c>
      <c r="MT22" s="390">
        <v>0</v>
      </c>
      <c r="MU22" s="331">
        <v>0</v>
      </c>
      <c r="MV22" s="331">
        <v>0</v>
      </c>
      <c r="MW22" s="331">
        <v>1430798</v>
      </c>
      <c r="MX22" s="331">
        <v>2502868</v>
      </c>
      <c r="MY22" s="331">
        <v>3515491</v>
      </c>
      <c r="MZ22" s="335">
        <v>7449157</v>
      </c>
      <c r="NA22" s="340">
        <v>7449157</v>
      </c>
      <c r="NB22" s="334">
        <v>0</v>
      </c>
      <c r="NC22" s="331">
        <v>0</v>
      </c>
      <c r="ND22" s="335">
        <v>0</v>
      </c>
      <c r="NE22" s="390">
        <v>0</v>
      </c>
      <c r="NF22" s="331">
        <v>296168</v>
      </c>
      <c r="NG22" s="331">
        <v>1166620</v>
      </c>
      <c r="NH22" s="331">
        <v>1557765</v>
      </c>
      <c r="NI22" s="331">
        <v>307011</v>
      </c>
      <c r="NJ22" s="331">
        <v>1146472</v>
      </c>
      <c r="NK22" s="335">
        <v>4474036</v>
      </c>
      <c r="NL22" s="333">
        <v>4474036</v>
      </c>
      <c r="NM22" s="334">
        <v>0</v>
      </c>
      <c r="NN22" s="331">
        <v>0</v>
      </c>
      <c r="NO22" s="335">
        <v>0</v>
      </c>
      <c r="NP22" s="390">
        <v>0</v>
      </c>
      <c r="NQ22" s="331">
        <v>0</v>
      </c>
      <c r="NR22" s="331">
        <v>0</v>
      </c>
      <c r="NS22" s="331">
        <v>0</v>
      </c>
      <c r="NT22" s="331">
        <v>0</v>
      </c>
      <c r="NU22" s="331">
        <v>0</v>
      </c>
      <c r="NV22" s="335">
        <v>0</v>
      </c>
      <c r="NW22" s="336">
        <v>0</v>
      </c>
      <c r="NX22" s="334">
        <v>0</v>
      </c>
      <c r="NY22" s="331">
        <v>0</v>
      </c>
      <c r="NZ22" s="335">
        <v>0</v>
      </c>
      <c r="OA22" s="390">
        <v>0</v>
      </c>
      <c r="OB22" s="331">
        <v>0</v>
      </c>
      <c r="OC22" s="331">
        <v>0</v>
      </c>
      <c r="OD22" s="331">
        <v>0</v>
      </c>
      <c r="OE22" s="331">
        <v>0</v>
      </c>
      <c r="OF22" s="331">
        <v>0</v>
      </c>
      <c r="OG22" s="335">
        <v>0</v>
      </c>
      <c r="OH22" s="336">
        <v>0</v>
      </c>
      <c r="OI22" s="334">
        <v>623431</v>
      </c>
      <c r="OJ22" s="331">
        <v>561856</v>
      </c>
      <c r="OK22" s="332">
        <v>1185287</v>
      </c>
      <c r="OL22" s="337">
        <v>0</v>
      </c>
      <c r="OM22" s="331">
        <v>5707175</v>
      </c>
      <c r="ON22" s="331">
        <v>13349549</v>
      </c>
      <c r="OO22" s="331">
        <v>11762471</v>
      </c>
      <c r="OP22" s="331">
        <v>7257611</v>
      </c>
      <c r="OQ22" s="331">
        <v>9272442</v>
      </c>
      <c r="OR22" s="335">
        <v>47349248</v>
      </c>
      <c r="OS22" s="340">
        <v>48534535</v>
      </c>
    </row>
    <row r="23" spans="2:409" s="56" customFormat="1" ht="21" customHeight="1" x14ac:dyDescent="0.2">
      <c r="B23" s="396" t="s">
        <v>18</v>
      </c>
      <c r="C23" s="312">
        <v>408501</v>
      </c>
      <c r="D23" s="313">
        <v>1119933</v>
      </c>
      <c r="E23" s="314">
        <v>1528434</v>
      </c>
      <c r="F23" s="315">
        <v>0</v>
      </c>
      <c r="G23" s="313">
        <v>9479143</v>
      </c>
      <c r="H23" s="313">
        <v>8354605</v>
      </c>
      <c r="I23" s="313">
        <v>11045608</v>
      </c>
      <c r="J23" s="313">
        <v>7134269</v>
      </c>
      <c r="K23" s="313">
        <v>3841063</v>
      </c>
      <c r="L23" s="315">
        <v>39854688</v>
      </c>
      <c r="M23" s="316">
        <v>41383122</v>
      </c>
      <c r="N23" s="312">
        <v>205928</v>
      </c>
      <c r="O23" s="313">
        <v>413179</v>
      </c>
      <c r="P23" s="314">
        <v>619107</v>
      </c>
      <c r="Q23" s="312">
        <v>0</v>
      </c>
      <c r="R23" s="313">
        <v>2635345</v>
      </c>
      <c r="S23" s="313">
        <v>2816710</v>
      </c>
      <c r="T23" s="313">
        <v>3933531</v>
      </c>
      <c r="U23" s="313">
        <v>2644736</v>
      </c>
      <c r="V23" s="313">
        <v>1998496</v>
      </c>
      <c r="W23" s="314">
        <v>14028818</v>
      </c>
      <c r="X23" s="316">
        <v>14647925</v>
      </c>
      <c r="Y23" s="312">
        <v>0</v>
      </c>
      <c r="Z23" s="313">
        <v>0</v>
      </c>
      <c r="AA23" s="314">
        <v>0</v>
      </c>
      <c r="AB23" s="312">
        <v>0</v>
      </c>
      <c r="AC23" s="313">
        <v>961409</v>
      </c>
      <c r="AD23" s="313">
        <v>1013873</v>
      </c>
      <c r="AE23" s="313">
        <v>2469797</v>
      </c>
      <c r="AF23" s="313">
        <v>1580854</v>
      </c>
      <c r="AG23" s="313">
        <v>1157446</v>
      </c>
      <c r="AH23" s="314">
        <v>7183379</v>
      </c>
      <c r="AI23" s="316">
        <v>7183379</v>
      </c>
      <c r="AJ23" s="312">
        <v>0</v>
      </c>
      <c r="AK23" s="313">
        <v>0</v>
      </c>
      <c r="AL23" s="314">
        <v>0</v>
      </c>
      <c r="AM23" s="312">
        <v>0</v>
      </c>
      <c r="AN23" s="313">
        <v>0</v>
      </c>
      <c r="AO23" s="313">
        <v>0</v>
      </c>
      <c r="AP23" s="313">
        <v>0</v>
      </c>
      <c r="AQ23" s="313">
        <v>252801</v>
      </c>
      <c r="AR23" s="313">
        <v>335382</v>
      </c>
      <c r="AS23" s="314">
        <v>588183</v>
      </c>
      <c r="AT23" s="316">
        <v>588183</v>
      </c>
      <c r="AU23" s="312">
        <v>137896</v>
      </c>
      <c r="AV23" s="313">
        <v>375979</v>
      </c>
      <c r="AW23" s="314">
        <v>513875</v>
      </c>
      <c r="AX23" s="312">
        <v>0</v>
      </c>
      <c r="AY23" s="313">
        <v>866902</v>
      </c>
      <c r="AZ23" s="313">
        <v>1254308</v>
      </c>
      <c r="BA23" s="313">
        <v>635930</v>
      </c>
      <c r="BB23" s="313">
        <v>391433</v>
      </c>
      <c r="BC23" s="313">
        <v>238797</v>
      </c>
      <c r="BD23" s="314">
        <v>3387370</v>
      </c>
      <c r="BE23" s="316">
        <v>3901245</v>
      </c>
      <c r="BF23" s="312">
        <v>0</v>
      </c>
      <c r="BG23" s="313">
        <v>0</v>
      </c>
      <c r="BH23" s="317">
        <v>0</v>
      </c>
      <c r="BI23" s="318">
        <v>0</v>
      </c>
      <c r="BJ23" s="313">
        <v>192050</v>
      </c>
      <c r="BK23" s="313">
        <v>143377</v>
      </c>
      <c r="BL23" s="313">
        <v>207908</v>
      </c>
      <c r="BM23" s="313">
        <v>0</v>
      </c>
      <c r="BN23" s="313">
        <v>27927</v>
      </c>
      <c r="BO23" s="314">
        <v>571262</v>
      </c>
      <c r="BP23" s="316">
        <v>571262</v>
      </c>
      <c r="BQ23" s="312">
        <v>68032</v>
      </c>
      <c r="BR23" s="313">
        <v>37200</v>
      </c>
      <c r="BS23" s="314">
        <v>105232</v>
      </c>
      <c r="BT23" s="312">
        <v>0</v>
      </c>
      <c r="BU23" s="313">
        <v>614984</v>
      </c>
      <c r="BV23" s="313">
        <v>405152</v>
      </c>
      <c r="BW23" s="313">
        <v>619896</v>
      </c>
      <c r="BX23" s="313">
        <v>419648</v>
      </c>
      <c r="BY23" s="313">
        <v>238944</v>
      </c>
      <c r="BZ23" s="314">
        <v>2298624</v>
      </c>
      <c r="CA23" s="316">
        <v>2403856</v>
      </c>
      <c r="CB23" s="312">
        <v>48174</v>
      </c>
      <c r="CC23" s="313">
        <v>396791</v>
      </c>
      <c r="CD23" s="314">
        <v>444965</v>
      </c>
      <c r="CE23" s="312">
        <v>0</v>
      </c>
      <c r="CF23" s="313">
        <v>3398821</v>
      </c>
      <c r="CG23" s="313">
        <v>2520106</v>
      </c>
      <c r="CH23" s="313">
        <v>3097508</v>
      </c>
      <c r="CI23" s="313">
        <v>331846</v>
      </c>
      <c r="CJ23" s="313">
        <v>322562</v>
      </c>
      <c r="CK23" s="314">
        <v>9670843</v>
      </c>
      <c r="CL23" s="316">
        <v>10115808</v>
      </c>
      <c r="CM23" s="312">
        <v>0</v>
      </c>
      <c r="CN23" s="313">
        <v>0</v>
      </c>
      <c r="CO23" s="314">
        <v>0</v>
      </c>
      <c r="CP23" s="318">
        <v>0</v>
      </c>
      <c r="CQ23" s="313">
        <v>2774290</v>
      </c>
      <c r="CR23" s="313">
        <v>2313744</v>
      </c>
      <c r="CS23" s="313">
        <v>2733311</v>
      </c>
      <c r="CT23" s="313">
        <v>234821</v>
      </c>
      <c r="CU23" s="313">
        <v>306442</v>
      </c>
      <c r="CV23" s="314">
        <v>8362608</v>
      </c>
      <c r="CW23" s="316">
        <v>8362608</v>
      </c>
      <c r="CX23" s="312">
        <v>48174</v>
      </c>
      <c r="CY23" s="313">
        <v>396791</v>
      </c>
      <c r="CZ23" s="314">
        <v>444965</v>
      </c>
      <c r="DA23" s="312">
        <v>0</v>
      </c>
      <c r="DB23" s="313">
        <v>624531</v>
      </c>
      <c r="DC23" s="313">
        <v>206362</v>
      </c>
      <c r="DD23" s="313">
        <v>364197</v>
      </c>
      <c r="DE23" s="313">
        <v>97025</v>
      </c>
      <c r="DF23" s="313">
        <v>16120</v>
      </c>
      <c r="DG23" s="314">
        <v>1308235</v>
      </c>
      <c r="DH23" s="316">
        <v>1753200</v>
      </c>
      <c r="DI23" s="312">
        <v>0</v>
      </c>
      <c r="DJ23" s="313">
        <v>112891</v>
      </c>
      <c r="DK23" s="317">
        <v>112891</v>
      </c>
      <c r="DL23" s="318">
        <v>0</v>
      </c>
      <c r="DM23" s="313">
        <v>252071</v>
      </c>
      <c r="DN23" s="313">
        <v>474582</v>
      </c>
      <c r="DO23" s="313">
        <v>904725</v>
      </c>
      <c r="DP23" s="313">
        <v>1573330</v>
      </c>
      <c r="DQ23" s="313">
        <v>565839</v>
      </c>
      <c r="DR23" s="314">
        <v>3770547</v>
      </c>
      <c r="DS23" s="316">
        <v>3883438</v>
      </c>
      <c r="DT23" s="312">
        <v>0</v>
      </c>
      <c r="DU23" s="313">
        <v>112891</v>
      </c>
      <c r="DV23" s="314">
        <v>112891</v>
      </c>
      <c r="DW23" s="312">
        <v>0</v>
      </c>
      <c r="DX23" s="313">
        <v>252071</v>
      </c>
      <c r="DY23" s="313">
        <v>474582</v>
      </c>
      <c r="DZ23" s="313">
        <v>904725</v>
      </c>
      <c r="EA23" s="313">
        <v>1573330</v>
      </c>
      <c r="EB23" s="313">
        <v>565839</v>
      </c>
      <c r="EC23" s="314">
        <v>3770547</v>
      </c>
      <c r="ED23" s="316">
        <v>3883438</v>
      </c>
      <c r="EE23" s="312">
        <v>0</v>
      </c>
      <c r="EF23" s="317">
        <v>0</v>
      </c>
      <c r="EG23" s="314">
        <v>0</v>
      </c>
      <c r="EH23" s="312">
        <v>0</v>
      </c>
      <c r="EI23" s="313">
        <v>0</v>
      </c>
      <c r="EJ23" s="313">
        <v>0</v>
      </c>
      <c r="EK23" s="313">
        <v>0</v>
      </c>
      <c r="EL23" s="313">
        <v>0</v>
      </c>
      <c r="EM23" s="313">
        <v>0</v>
      </c>
      <c r="EN23" s="317">
        <v>0</v>
      </c>
      <c r="EO23" s="316">
        <v>0</v>
      </c>
      <c r="EP23" s="312">
        <v>0</v>
      </c>
      <c r="EQ23" s="313">
        <v>0</v>
      </c>
      <c r="ER23" s="317">
        <v>0</v>
      </c>
      <c r="ES23" s="318">
        <v>0</v>
      </c>
      <c r="ET23" s="313">
        <v>0</v>
      </c>
      <c r="EU23" s="313">
        <v>0</v>
      </c>
      <c r="EV23" s="313">
        <v>0</v>
      </c>
      <c r="EW23" s="313">
        <v>0</v>
      </c>
      <c r="EX23" s="313">
        <v>0</v>
      </c>
      <c r="EY23" s="314">
        <v>0</v>
      </c>
      <c r="EZ23" s="316">
        <v>0</v>
      </c>
      <c r="FA23" s="312">
        <v>0</v>
      </c>
      <c r="FB23" s="313">
        <v>0</v>
      </c>
      <c r="FC23" s="317">
        <v>0</v>
      </c>
      <c r="FD23" s="318">
        <v>0</v>
      </c>
      <c r="FE23" s="313">
        <v>0</v>
      </c>
      <c r="FF23" s="313">
        <v>0</v>
      </c>
      <c r="FG23" s="313">
        <v>0</v>
      </c>
      <c r="FH23" s="313">
        <v>0</v>
      </c>
      <c r="FI23" s="313">
        <v>0</v>
      </c>
      <c r="FJ23" s="314">
        <v>0</v>
      </c>
      <c r="FK23" s="316">
        <v>0</v>
      </c>
      <c r="FL23" s="312">
        <v>47432</v>
      </c>
      <c r="FM23" s="313">
        <v>197072</v>
      </c>
      <c r="FN23" s="314">
        <v>244504</v>
      </c>
      <c r="FO23" s="312">
        <v>0</v>
      </c>
      <c r="FP23" s="313">
        <v>395392</v>
      </c>
      <c r="FQ23" s="313">
        <v>915808</v>
      </c>
      <c r="FR23" s="313">
        <v>667484</v>
      </c>
      <c r="FS23" s="313">
        <v>488320</v>
      </c>
      <c r="FT23" s="313">
        <v>337568</v>
      </c>
      <c r="FU23" s="314">
        <v>2804572</v>
      </c>
      <c r="FV23" s="316">
        <v>3049076</v>
      </c>
      <c r="FW23" s="319">
        <v>29432</v>
      </c>
      <c r="FX23" s="313">
        <v>172432</v>
      </c>
      <c r="FY23" s="317">
        <v>201864</v>
      </c>
      <c r="FZ23" s="318">
        <v>0</v>
      </c>
      <c r="GA23" s="313">
        <v>329792</v>
      </c>
      <c r="GB23" s="313">
        <v>915808</v>
      </c>
      <c r="GC23" s="313">
        <v>667484</v>
      </c>
      <c r="GD23" s="313">
        <v>417760</v>
      </c>
      <c r="GE23" s="313">
        <v>337568</v>
      </c>
      <c r="GF23" s="314">
        <v>2668412</v>
      </c>
      <c r="GG23" s="320">
        <v>2870276</v>
      </c>
      <c r="GH23" s="319">
        <v>18000</v>
      </c>
      <c r="GI23" s="313">
        <v>24640</v>
      </c>
      <c r="GJ23" s="317">
        <v>42640</v>
      </c>
      <c r="GK23" s="318">
        <v>0</v>
      </c>
      <c r="GL23" s="313">
        <v>0</v>
      </c>
      <c r="GM23" s="313">
        <v>0</v>
      </c>
      <c r="GN23" s="313">
        <v>0</v>
      </c>
      <c r="GO23" s="313">
        <v>0</v>
      </c>
      <c r="GP23" s="313">
        <v>0</v>
      </c>
      <c r="GQ23" s="314">
        <v>0</v>
      </c>
      <c r="GR23" s="316">
        <v>42640</v>
      </c>
      <c r="GS23" s="312">
        <v>0</v>
      </c>
      <c r="GT23" s="313">
        <v>0</v>
      </c>
      <c r="GU23" s="314">
        <v>0</v>
      </c>
      <c r="GV23" s="312">
        <v>0</v>
      </c>
      <c r="GW23" s="313">
        <v>65600</v>
      </c>
      <c r="GX23" s="313">
        <v>0</v>
      </c>
      <c r="GY23" s="313">
        <v>0</v>
      </c>
      <c r="GZ23" s="313">
        <v>70560</v>
      </c>
      <c r="HA23" s="313">
        <v>0</v>
      </c>
      <c r="HB23" s="317">
        <v>136160</v>
      </c>
      <c r="HC23" s="316">
        <v>136160</v>
      </c>
      <c r="HD23" s="312">
        <v>106967</v>
      </c>
      <c r="HE23" s="313">
        <v>0</v>
      </c>
      <c r="HF23" s="317">
        <v>106967</v>
      </c>
      <c r="HG23" s="318">
        <v>0</v>
      </c>
      <c r="HH23" s="313">
        <v>2797514</v>
      </c>
      <c r="HI23" s="313">
        <v>1627399</v>
      </c>
      <c r="HJ23" s="313">
        <v>2442360</v>
      </c>
      <c r="HK23" s="313">
        <v>2096037</v>
      </c>
      <c r="HL23" s="313">
        <v>616598</v>
      </c>
      <c r="HM23" s="314">
        <v>9579908</v>
      </c>
      <c r="HN23" s="315">
        <v>9686875</v>
      </c>
      <c r="HO23" s="319">
        <v>0</v>
      </c>
      <c r="HP23" s="313">
        <v>0</v>
      </c>
      <c r="HQ23" s="314">
        <v>0</v>
      </c>
      <c r="HR23" s="312">
        <v>0</v>
      </c>
      <c r="HS23" s="313">
        <v>0</v>
      </c>
      <c r="HT23" s="313">
        <v>0</v>
      </c>
      <c r="HU23" s="313">
        <v>0</v>
      </c>
      <c r="HV23" s="313">
        <v>0</v>
      </c>
      <c r="HW23" s="313">
        <v>0</v>
      </c>
      <c r="HX23" s="317">
        <v>0</v>
      </c>
      <c r="HY23" s="316">
        <v>0</v>
      </c>
      <c r="HZ23" s="321">
        <v>51686</v>
      </c>
      <c r="IA23" s="322">
        <v>0</v>
      </c>
      <c r="IB23" s="323">
        <v>51686</v>
      </c>
      <c r="IC23" s="324">
        <v>0</v>
      </c>
      <c r="ID23" s="322">
        <v>1720469</v>
      </c>
      <c r="IE23" s="325">
        <v>2286951</v>
      </c>
      <c r="IF23" s="323">
        <v>4065689</v>
      </c>
      <c r="IG23" s="322">
        <v>1086066</v>
      </c>
      <c r="IH23" s="323">
        <v>1279171</v>
      </c>
      <c r="II23" s="326">
        <v>10438346</v>
      </c>
      <c r="IJ23" s="327">
        <v>10490032</v>
      </c>
      <c r="IK23" s="328">
        <v>0</v>
      </c>
      <c r="IL23" s="329">
        <v>0</v>
      </c>
      <c r="IM23" s="330">
        <v>0</v>
      </c>
      <c r="IN23" s="390">
        <v>0</v>
      </c>
      <c r="IO23" s="331">
        <v>85436</v>
      </c>
      <c r="IP23" s="331">
        <v>149594</v>
      </c>
      <c r="IQ23" s="331">
        <v>192788</v>
      </c>
      <c r="IR23" s="331">
        <v>0</v>
      </c>
      <c r="IS23" s="331">
        <v>0</v>
      </c>
      <c r="IT23" s="332">
        <v>427818</v>
      </c>
      <c r="IU23" s="333">
        <v>427818</v>
      </c>
      <c r="IV23" s="334">
        <v>0</v>
      </c>
      <c r="IW23" s="331">
        <v>0</v>
      </c>
      <c r="IX23" s="335">
        <v>0</v>
      </c>
      <c r="IY23" s="390">
        <v>0</v>
      </c>
      <c r="IZ23" s="331">
        <v>0</v>
      </c>
      <c r="JA23" s="331">
        <v>0</v>
      </c>
      <c r="JB23" s="331">
        <v>0</v>
      </c>
      <c r="JC23" s="331">
        <v>0</v>
      </c>
      <c r="JD23" s="331">
        <v>0</v>
      </c>
      <c r="JE23" s="335">
        <v>0</v>
      </c>
      <c r="JF23" s="336">
        <v>0</v>
      </c>
      <c r="JG23" s="334">
        <v>0</v>
      </c>
      <c r="JH23" s="331">
        <v>0</v>
      </c>
      <c r="JI23" s="332">
        <v>0</v>
      </c>
      <c r="JJ23" s="337">
        <v>0</v>
      </c>
      <c r="JK23" s="331">
        <v>862444</v>
      </c>
      <c r="JL23" s="331">
        <v>769963</v>
      </c>
      <c r="JM23" s="331">
        <v>495713</v>
      </c>
      <c r="JN23" s="331">
        <v>14487</v>
      </c>
      <c r="JO23" s="331">
        <v>0</v>
      </c>
      <c r="JP23" s="335">
        <v>2142607</v>
      </c>
      <c r="JQ23" s="333">
        <v>2142607</v>
      </c>
      <c r="JR23" s="334">
        <v>0</v>
      </c>
      <c r="JS23" s="331">
        <v>0</v>
      </c>
      <c r="JT23" s="332">
        <v>0</v>
      </c>
      <c r="JU23" s="337">
        <v>0</v>
      </c>
      <c r="JV23" s="331">
        <v>36916</v>
      </c>
      <c r="JW23" s="331">
        <v>41896</v>
      </c>
      <c r="JX23" s="331">
        <v>344570</v>
      </c>
      <c r="JY23" s="331">
        <v>0</v>
      </c>
      <c r="JZ23" s="331">
        <v>286291</v>
      </c>
      <c r="KA23" s="335">
        <v>709673</v>
      </c>
      <c r="KB23" s="333">
        <v>709673</v>
      </c>
      <c r="KC23" s="338">
        <v>51686</v>
      </c>
      <c r="KD23" s="339">
        <v>0</v>
      </c>
      <c r="KE23" s="335">
        <v>51686</v>
      </c>
      <c r="KF23" s="337">
        <v>0</v>
      </c>
      <c r="KG23" s="331">
        <v>497105</v>
      </c>
      <c r="KH23" s="331">
        <v>366007</v>
      </c>
      <c r="KI23" s="331">
        <v>999175</v>
      </c>
      <c r="KJ23" s="331">
        <v>490979</v>
      </c>
      <c r="KK23" s="331">
        <v>0</v>
      </c>
      <c r="KL23" s="335">
        <v>2353266</v>
      </c>
      <c r="KM23" s="340">
        <v>2404952</v>
      </c>
      <c r="KN23" s="328">
        <v>0</v>
      </c>
      <c r="KO23" s="329">
        <v>0</v>
      </c>
      <c r="KP23" s="330">
        <v>0</v>
      </c>
      <c r="KQ23" s="390">
        <v>0</v>
      </c>
      <c r="KR23" s="331">
        <v>238568</v>
      </c>
      <c r="KS23" s="331">
        <v>959491</v>
      </c>
      <c r="KT23" s="331">
        <v>1274527</v>
      </c>
      <c r="KU23" s="331">
        <v>258708</v>
      </c>
      <c r="KV23" s="331">
        <v>751812</v>
      </c>
      <c r="KW23" s="335">
        <v>3483106</v>
      </c>
      <c r="KX23" s="333">
        <v>3483106</v>
      </c>
      <c r="KY23" s="334">
        <v>0</v>
      </c>
      <c r="KZ23" s="331">
        <v>0</v>
      </c>
      <c r="LA23" s="335">
        <v>0</v>
      </c>
      <c r="LB23" s="390">
        <v>0</v>
      </c>
      <c r="LC23" s="331">
        <v>0</v>
      </c>
      <c r="LD23" s="331">
        <v>0</v>
      </c>
      <c r="LE23" s="331">
        <v>0</v>
      </c>
      <c r="LF23" s="331">
        <v>0</v>
      </c>
      <c r="LG23" s="331">
        <v>0</v>
      </c>
      <c r="LH23" s="335">
        <v>0</v>
      </c>
      <c r="LI23" s="336">
        <v>0</v>
      </c>
      <c r="LJ23" s="334">
        <v>0</v>
      </c>
      <c r="LK23" s="331">
        <v>0</v>
      </c>
      <c r="LL23" s="335">
        <v>0</v>
      </c>
      <c r="LM23" s="390">
        <v>0</v>
      </c>
      <c r="LN23" s="331">
        <v>0</v>
      </c>
      <c r="LO23" s="331">
        <v>0</v>
      </c>
      <c r="LP23" s="331">
        <v>272309</v>
      </c>
      <c r="LQ23" s="331">
        <v>0</v>
      </c>
      <c r="LR23" s="331">
        <v>241068</v>
      </c>
      <c r="LS23" s="335">
        <v>513377</v>
      </c>
      <c r="LT23" s="333">
        <v>513377</v>
      </c>
      <c r="LU23" s="334">
        <v>0</v>
      </c>
      <c r="LV23" s="331">
        <v>0</v>
      </c>
      <c r="LW23" s="335">
        <v>0</v>
      </c>
      <c r="LX23" s="390">
        <v>0</v>
      </c>
      <c r="LY23" s="331">
        <v>0</v>
      </c>
      <c r="LZ23" s="331">
        <v>0</v>
      </c>
      <c r="MA23" s="331">
        <v>486607</v>
      </c>
      <c r="MB23" s="331">
        <v>321892</v>
      </c>
      <c r="MC23" s="331">
        <v>0</v>
      </c>
      <c r="MD23" s="335">
        <v>808499</v>
      </c>
      <c r="ME23" s="336">
        <v>808499</v>
      </c>
      <c r="MF23" s="334">
        <v>0</v>
      </c>
      <c r="MG23" s="331">
        <v>0</v>
      </c>
      <c r="MH23" s="335">
        <v>0</v>
      </c>
      <c r="MI23" s="390">
        <v>0</v>
      </c>
      <c r="MJ23" s="331">
        <v>534997</v>
      </c>
      <c r="MK23" s="331">
        <v>1087007</v>
      </c>
      <c r="ML23" s="331">
        <v>4531829</v>
      </c>
      <c r="MM23" s="331">
        <v>5427511</v>
      </c>
      <c r="MN23" s="331">
        <v>2109369</v>
      </c>
      <c r="MO23" s="335">
        <v>13690713</v>
      </c>
      <c r="MP23" s="340">
        <v>13690713</v>
      </c>
      <c r="MQ23" s="334">
        <v>0</v>
      </c>
      <c r="MR23" s="331">
        <v>0</v>
      </c>
      <c r="MS23" s="335">
        <v>0</v>
      </c>
      <c r="MT23" s="390">
        <v>0</v>
      </c>
      <c r="MU23" s="331">
        <v>0</v>
      </c>
      <c r="MV23" s="331">
        <v>0</v>
      </c>
      <c r="MW23" s="331">
        <v>1964944</v>
      </c>
      <c r="MX23" s="331">
        <v>4303404</v>
      </c>
      <c r="MY23" s="331">
        <v>1203651</v>
      </c>
      <c r="MZ23" s="335">
        <v>7471999</v>
      </c>
      <c r="NA23" s="340">
        <v>7471999</v>
      </c>
      <c r="NB23" s="334">
        <v>0</v>
      </c>
      <c r="NC23" s="331">
        <v>0</v>
      </c>
      <c r="ND23" s="335">
        <v>0</v>
      </c>
      <c r="NE23" s="390">
        <v>0</v>
      </c>
      <c r="NF23" s="331">
        <v>534997</v>
      </c>
      <c r="NG23" s="331">
        <v>1087007</v>
      </c>
      <c r="NH23" s="331">
        <v>2566885</v>
      </c>
      <c r="NI23" s="331">
        <v>1124107</v>
      </c>
      <c r="NJ23" s="331">
        <v>525248</v>
      </c>
      <c r="NK23" s="335">
        <v>5838244</v>
      </c>
      <c r="NL23" s="333">
        <v>5838244</v>
      </c>
      <c r="NM23" s="334">
        <v>0</v>
      </c>
      <c r="NN23" s="331">
        <v>0</v>
      </c>
      <c r="NO23" s="335">
        <v>0</v>
      </c>
      <c r="NP23" s="390">
        <v>0</v>
      </c>
      <c r="NQ23" s="331">
        <v>0</v>
      </c>
      <c r="NR23" s="331">
        <v>0</v>
      </c>
      <c r="NS23" s="331">
        <v>0</v>
      </c>
      <c r="NT23" s="331">
        <v>0</v>
      </c>
      <c r="NU23" s="331">
        <v>0</v>
      </c>
      <c r="NV23" s="335">
        <v>0</v>
      </c>
      <c r="NW23" s="336">
        <v>0</v>
      </c>
      <c r="NX23" s="334">
        <v>0</v>
      </c>
      <c r="NY23" s="331">
        <v>0</v>
      </c>
      <c r="NZ23" s="335">
        <v>0</v>
      </c>
      <c r="OA23" s="390">
        <v>0</v>
      </c>
      <c r="OB23" s="331">
        <v>0</v>
      </c>
      <c r="OC23" s="331">
        <v>0</v>
      </c>
      <c r="OD23" s="331">
        <v>0</v>
      </c>
      <c r="OE23" s="331">
        <v>0</v>
      </c>
      <c r="OF23" s="331">
        <v>380470</v>
      </c>
      <c r="OG23" s="335">
        <v>380470</v>
      </c>
      <c r="OH23" s="336">
        <v>380470</v>
      </c>
      <c r="OI23" s="334">
        <v>460187</v>
      </c>
      <c r="OJ23" s="331">
        <v>1119933</v>
      </c>
      <c r="OK23" s="332">
        <v>1580120</v>
      </c>
      <c r="OL23" s="337">
        <v>0</v>
      </c>
      <c r="OM23" s="331">
        <v>11734609</v>
      </c>
      <c r="ON23" s="331">
        <v>11728563</v>
      </c>
      <c r="OO23" s="331">
        <v>19643126</v>
      </c>
      <c r="OP23" s="331">
        <v>13647846</v>
      </c>
      <c r="OQ23" s="331">
        <v>7229603</v>
      </c>
      <c r="OR23" s="335">
        <v>63983747</v>
      </c>
      <c r="OS23" s="340">
        <v>65563867</v>
      </c>
    </row>
    <row r="24" spans="2:409" s="56" customFormat="1" ht="21" customHeight="1" x14ac:dyDescent="0.2">
      <c r="B24" s="396" t="s">
        <v>19</v>
      </c>
      <c r="C24" s="312">
        <v>319605</v>
      </c>
      <c r="D24" s="313">
        <v>599797</v>
      </c>
      <c r="E24" s="314">
        <v>919402</v>
      </c>
      <c r="F24" s="315">
        <v>0</v>
      </c>
      <c r="G24" s="313">
        <v>4050869</v>
      </c>
      <c r="H24" s="313">
        <v>3537343</v>
      </c>
      <c r="I24" s="313">
        <v>2091571</v>
      </c>
      <c r="J24" s="313">
        <v>2120993</v>
      </c>
      <c r="K24" s="313">
        <v>3312456</v>
      </c>
      <c r="L24" s="315">
        <v>15113232</v>
      </c>
      <c r="M24" s="316">
        <v>16032634</v>
      </c>
      <c r="N24" s="312">
        <v>105522</v>
      </c>
      <c r="O24" s="313">
        <v>196059</v>
      </c>
      <c r="P24" s="314">
        <v>301581</v>
      </c>
      <c r="Q24" s="312">
        <v>0</v>
      </c>
      <c r="R24" s="313">
        <v>1234732</v>
      </c>
      <c r="S24" s="313">
        <v>755680</v>
      </c>
      <c r="T24" s="313">
        <v>690253</v>
      </c>
      <c r="U24" s="313">
        <v>1154782</v>
      </c>
      <c r="V24" s="313">
        <v>1427394</v>
      </c>
      <c r="W24" s="314">
        <v>5262841</v>
      </c>
      <c r="X24" s="316">
        <v>5564422</v>
      </c>
      <c r="Y24" s="312">
        <v>0</v>
      </c>
      <c r="Z24" s="313">
        <v>0</v>
      </c>
      <c r="AA24" s="314">
        <v>0</v>
      </c>
      <c r="AB24" s="312">
        <v>0</v>
      </c>
      <c r="AC24" s="313">
        <v>370885</v>
      </c>
      <c r="AD24" s="313">
        <v>230901</v>
      </c>
      <c r="AE24" s="313">
        <v>242134</v>
      </c>
      <c r="AF24" s="313">
        <v>514774</v>
      </c>
      <c r="AG24" s="313">
        <v>667786</v>
      </c>
      <c r="AH24" s="314">
        <v>2026480</v>
      </c>
      <c r="AI24" s="316">
        <v>2026480</v>
      </c>
      <c r="AJ24" s="312">
        <v>0</v>
      </c>
      <c r="AK24" s="313">
        <v>0</v>
      </c>
      <c r="AL24" s="314">
        <v>0</v>
      </c>
      <c r="AM24" s="312">
        <v>0</v>
      </c>
      <c r="AN24" s="313">
        <v>0</v>
      </c>
      <c r="AO24" s="313">
        <v>0</v>
      </c>
      <c r="AP24" s="313">
        <v>122433</v>
      </c>
      <c r="AQ24" s="313">
        <v>134675</v>
      </c>
      <c r="AR24" s="313">
        <v>248579</v>
      </c>
      <c r="AS24" s="314">
        <v>505687</v>
      </c>
      <c r="AT24" s="316">
        <v>505687</v>
      </c>
      <c r="AU24" s="312">
        <v>83794</v>
      </c>
      <c r="AV24" s="313">
        <v>127107</v>
      </c>
      <c r="AW24" s="314">
        <v>210901</v>
      </c>
      <c r="AX24" s="312">
        <v>0</v>
      </c>
      <c r="AY24" s="313">
        <v>471305</v>
      </c>
      <c r="AZ24" s="313">
        <v>333373</v>
      </c>
      <c r="BA24" s="313">
        <v>194934</v>
      </c>
      <c r="BB24" s="313">
        <v>328492</v>
      </c>
      <c r="BC24" s="313">
        <v>290489</v>
      </c>
      <c r="BD24" s="314">
        <v>1618593</v>
      </c>
      <c r="BE24" s="316">
        <v>1829494</v>
      </c>
      <c r="BF24" s="312">
        <v>0</v>
      </c>
      <c r="BG24" s="313">
        <v>0</v>
      </c>
      <c r="BH24" s="317">
        <v>0</v>
      </c>
      <c r="BI24" s="318">
        <v>0</v>
      </c>
      <c r="BJ24" s="313">
        <v>35878</v>
      </c>
      <c r="BK24" s="313">
        <v>35878</v>
      </c>
      <c r="BL24" s="313">
        <v>0</v>
      </c>
      <c r="BM24" s="313">
        <v>60033</v>
      </c>
      <c r="BN24" s="313">
        <v>31700</v>
      </c>
      <c r="BO24" s="314">
        <v>163489</v>
      </c>
      <c r="BP24" s="316">
        <v>163489</v>
      </c>
      <c r="BQ24" s="312">
        <v>21728</v>
      </c>
      <c r="BR24" s="313">
        <v>68952</v>
      </c>
      <c r="BS24" s="314">
        <v>90680</v>
      </c>
      <c r="BT24" s="312">
        <v>0</v>
      </c>
      <c r="BU24" s="313">
        <v>356664</v>
      </c>
      <c r="BV24" s="313">
        <v>155528</v>
      </c>
      <c r="BW24" s="313">
        <v>130752</v>
      </c>
      <c r="BX24" s="313">
        <v>116808</v>
      </c>
      <c r="BY24" s="313">
        <v>188840</v>
      </c>
      <c r="BZ24" s="314">
        <v>948592</v>
      </c>
      <c r="CA24" s="316">
        <v>1039272</v>
      </c>
      <c r="CB24" s="312">
        <v>61315</v>
      </c>
      <c r="CC24" s="313">
        <v>80087</v>
      </c>
      <c r="CD24" s="314">
        <v>141402</v>
      </c>
      <c r="CE24" s="312">
        <v>0</v>
      </c>
      <c r="CF24" s="313">
        <v>1238685</v>
      </c>
      <c r="CG24" s="313">
        <v>1313421</v>
      </c>
      <c r="CH24" s="313">
        <v>565099</v>
      </c>
      <c r="CI24" s="313">
        <v>94865</v>
      </c>
      <c r="CJ24" s="313">
        <v>578725</v>
      </c>
      <c r="CK24" s="314">
        <v>3790795</v>
      </c>
      <c r="CL24" s="316">
        <v>3932197</v>
      </c>
      <c r="CM24" s="312">
        <v>0</v>
      </c>
      <c r="CN24" s="313">
        <v>0</v>
      </c>
      <c r="CO24" s="314">
        <v>0</v>
      </c>
      <c r="CP24" s="318">
        <v>0</v>
      </c>
      <c r="CQ24" s="313">
        <v>768432</v>
      </c>
      <c r="CR24" s="313">
        <v>740500</v>
      </c>
      <c r="CS24" s="313">
        <v>268361</v>
      </c>
      <c r="CT24" s="313">
        <v>0</v>
      </c>
      <c r="CU24" s="313">
        <v>458819</v>
      </c>
      <c r="CV24" s="314">
        <v>2236112</v>
      </c>
      <c r="CW24" s="316">
        <v>2236112</v>
      </c>
      <c r="CX24" s="312">
        <v>61315</v>
      </c>
      <c r="CY24" s="313">
        <v>80087</v>
      </c>
      <c r="CZ24" s="314">
        <v>141402</v>
      </c>
      <c r="DA24" s="312">
        <v>0</v>
      </c>
      <c r="DB24" s="313">
        <v>470253</v>
      </c>
      <c r="DC24" s="313">
        <v>572921</v>
      </c>
      <c r="DD24" s="313">
        <v>296738</v>
      </c>
      <c r="DE24" s="313">
        <v>94865</v>
      </c>
      <c r="DF24" s="313">
        <v>119906</v>
      </c>
      <c r="DG24" s="314">
        <v>1554683</v>
      </c>
      <c r="DH24" s="316">
        <v>1696085</v>
      </c>
      <c r="DI24" s="312">
        <v>0</v>
      </c>
      <c r="DJ24" s="313">
        <v>0</v>
      </c>
      <c r="DK24" s="317">
        <v>0</v>
      </c>
      <c r="DL24" s="318">
        <v>0</v>
      </c>
      <c r="DM24" s="313">
        <v>59940</v>
      </c>
      <c r="DN24" s="313">
        <v>191985</v>
      </c>
      <c r="DO24" s="313">
        <v>271741</v>
      </c>
      <c r="DP24" s="313">
        <v>119796</v>
      </c>
      <c r="DQ24" s="313">
        <v>0</v>
      </c>
      <c r="DR24" s="314">
        <v>643462</v>
      </c>
      <c r="DS24" s="316">
        <v>643462</v>
      </c>
      <c r="DT24" s="312">
        <v>0</v>
      </c>
      <c r="DU24" s="313">
        <v>0</v>
      </c>
      <c r="DV24" s="314">
        <v>0</v>
      </c>
      <c r="DW24" s="312">
        <v>0</v>
      </c>
      <c r="DX24" s="313">
        <v>59940</v>
      </c>
      <c r="DY24" s="313">
        <v>157910</v>
      </c>
      <c r="DZ24" s="313">
        <v>80189</v>
      </c>
      <c r="EA24" s="313">
        <v>119796</v>
      </c>
      <c r="EB24" s="313">
        <v>0</v>
      </c>
      <c r="EC24" s="314">
        <v>417835</v>
      </c>
      <c r="ED24" s="316">
        <v>417835</v>
      </c>
      <c r="EE24" s="312">
        <v>0</v>
      </c>
      <c r="EF24" s="317">
        <v>0</v>
      </c>
      <c r="EG24" s="314">
        <v>0</v>
      </c>
      <c r="EH24" s="312">
        <v>0</v>
      </c>
      <c r="EI24" s="313">
        <v>0</v>
      </c>
      <c r="EJ24" s="313">
        <v>34075</v>
      </c>
      <c r="EK24" s="313">
        <v>191552</v>
      </c>
      <c r="EL24" s="313">
        <v>0</v>
      </c>
      <c r="EM24" s="313">
        <v>0</v>
      </c>
      <c r="EN24" s="317">
        <v>225627</v>
      </c>
      <c r="EO24" s="316">
        <v>225627</v>
      </c>
      <c r="EP24" s="312">
        <v>0</v>
      </c>
      <c r="EQ24" s="313">
        <v>0</v>
      </c>
      <c r="ER24" s="317">
        <v>0</v>
      </c>
      <c r="ES24" s="318">
        <v>0</v>
      </c>
      <c r="ET24" s="313">
        <v>0</v>
      </c>
      <c r="EU24" s="313">
        <v>0</v>
      </c>
      <c r="EV24" s="313">
        <v>0</v>
      </c>
      <c r="EW24" s="313">
        <v>0</v>
      </c>
      <c r="EX24" s="313">
        <v>0</v>
      </c>
      <c r="EY24" s="314">
        <v>0</v>
      </c>
      <c r="EZ24" s="316">
        <v>0</v>
      </c>
      <c r="FA24" s="312">
        <v>0</v>
      </c>
      <c r="FB24" s="313">
        <v>0</v>
      </c>
      <c r="FC24" s="317">
        <v>0</v>
      </c>
      <c r="FD24" s="318">
        <v>0</v>
      </c>
      <c r="FE24" s="313">
        <v>0</v>
      </c>
      <c r="FF24" s="313">
        <v>0</v>
      </c>
      <c r="FG24" s="313">
        <v>0</v>
      </c>
      <c r="FH24" s="313">
        <v>0</v>
      </c>
      <c r="FI24" s="313">
        <v>0</v>
      </c>
      <c r="FJ24" s="314">
        <v>0</v>
      </c>
      <c r="FK24" s="316">
        <v>0</v>
      </c>
      <c r="FL24" s="312">
        <v>38960</v>
      </c>
      <c r="FM24" s="313">
        <v>49568</v>
      </c>
      <c r="FN24" s="314">
        <v>88528</v>
      </c>
      <c r="FO24" s="312">
        <v>0</v>
      </c>
      <c r="FP24" s="313">
        <v>380488</v>
      </c>
      <c r="FQ24" s="313">
        <v>374912</v>
      </c>
      <c r="FR24" s="313">
        <v>167296</v>
      </c>
      <c r="FS24" s="313">
        <v>110128</v>
      </c>
      <c r="FT24" s="313">
        <v>348840</v>
      </c>
      <c r="FU24" s="314">
        <v>1381664</v>
      </c>
      <c r="FV24" s="316">
        <v>1470192</v>
      </c>
      <c r="FW24" s="319">
        <v>38960</v>
      </c>
      <c r="FX24" s="313">
        <v>49568</v>
      </c>
      <c r="FY24" s="317">
        <v>88528</v>
      </c>
      <c r="FZ24" s="318">
        <v>0</v>
      </c>
      <c r="GA24" s="313">
        <v>256088</v>
      </c>
      <c r="GB24" s="313">
        <v>374912</v>
      </c>
      <c r="GC24" s="313">
        <v>167296</v>
      </c>
      <c r="GD24" s="313">
        <v>110128</v>
      </c>
      <c r="GE24" s="313">
        <v>348840</v>
      </c>
      <c r="GF24" s="314">
        <v>1257264</v>
      </c>
      <c r="GG24" s="320">
        <v>1345792</v>
      </c>
      <c r="GH24" s="319">
        <v>0</v>
      </c>
      <c r="GI24" s="313">
        <v>0</v>
      </c>
      <c r="GJ24" s="317">
        <v>0</v>
      </c>
      <c r="GK24" s="318">
        <v>0</v>
      </c>
      <c r="GL24" s="313">
        <v>30800</v>
      </c>
      <c r="GM24" s="313">
        <v>0</v>
      </c>
      <c r="GN24" s="313">
        <v>0</v>
      </c>
      <c r="GO24" s="313">
        <v>0</v>
      </c>
      <c r="GP24" s="313">
        <v>0</v>
      </c>
      <c r="GQ24" s="314">
        <v>30800</v>
      </c>
      <c r="GR24" s="316">
        <v>30800</v>
      </c>
      <c r="GS24" s="312">
        <v>0</v>
      </c>
      <c r="GT24" s="313">
        <v>0</v>
      </c>
      <c r="GU24" s="314">
        <v>0</v>
      </c>
      <c r="GV24" s="312">
        <v>0</v>
      </c>
      <c r="GW24" s="313">
        <v>93600</v>
      </c>
      <c r="GX24" s="313">
        <v>0</v>
      </c>
      <c r="GY24" s="313">
        <v>0</v>
      </c>
      <c r="GZ24" s="313">
        <v>0</v>
      </c>
      <c r="HA24" s="313">
        <v>0</v>
      </c>
      <c r="HB24" s="317">
        <v>93600</v>
      </c>
      <c r="HC24" s="316">
        <v>93600</v>
      </c>
      <c r="HD24" s="312">
        <v>113808</v>
      </c>
      <c r="HE24" s="313">
        <v>274083</v>
      </c>
      <c r="HF24" s="317">
        <v>387891</v>
      </c>
      <c r="HG24" s="318">
        <v>0</v>
      </c>
      <c r="HH24" s="313">
        <v>1137024</v>
      </c>
      <c r="HI24" s="313">
        <v>901345</v>
      </c>
      <c r="HJ24" s="313">
        <v>397182</v>
      </c>
      <c r="HK24" s="313">
        <v>641422</v>
      </c>
      <c r="HL24" s="313">
        <v>957497</v>
      </c>
      <c r="HM24" s="314">
        <v>4034470</v>
      </c>
      <c r="HN24" s="315">
        <v>4422361</v>
      </c>
      <c r="HO24" s="319">
        <v>0</v>
      </c>
      <c r="HP24" s="313">
        <v>0</v>
      </c>
      <c r="HQ24" s="314">
        <v>0</v>
      </c>
      <c r="HR24" s="312">
        <v>0</v>
      </c>
      <c r="HS24" s="313">
        <v>0</v>
      </c>
      <c r="HT24" s="313">
        <v>0</v>
      </c>
      <c r="HU24" s="313">
        <v>0</v>
      </c>
      <c r="HV24" s="313">
        <v>0</v>
      </c>
      <c r="HW24" s="313">
        <v>0</v>
      </c>
      <c r="HX24" s="317">
        <v>0</v>
      </c>
      <c r="HY24" s="316">
        <v>0</v>
      </c>
      <c r="HZ24" s="344">
        <v>0</v>
      </c>
      <c r="IA24" s="342">
        <v>0</v>
      </c>
      <c r="IB24" s="344">
        <v>0</v>
      </c>
      <c r="IC24" s="341">
        <v>0</v>
      </c>
      <c r="ID24" s="342">
        <v>1311464</v>
      </c>
      <c r="IE24" s="343">
        <v>1269678</v>
      </c>
      <c r="IF24" s="344">
        <v>1525399</v>
      </c>
      <c r="IG24" s="342">
        <v>67646</v>
      </c>
      <c r="IH24" s="344">
        <v>1636657</v>
      </c>
      <c r="II24" s="345">
        <v>5810844</v>
      </c>
      <c r="IJ24" s="344">
        <v>5810844</v>
      </c>
      <c r="IK24" s="328">
        <v>0</v>
      </c>
      <c r="IL24" s="329">
        <v>0</v>
      </c>
      <c r="IM24" s="330">
        <v>0</v>
      </c>
      <c r="IN24" s="390">
        <v>0</v>
      </c>
      <c r="IO24" s="331">
        <v>0</v>
      </c>
      <c r="IP24" s="331">
        <v>0</v>
      </c>
      <c r="IQ24" s="331">
        <v>0</v>
      </c>
      <c r="IR24" s="331">
        <v>0</v>
      </c>
      <c r="IS24" s="331">
        <v>0</v>
      </c>
      <c r="IT24" s="332">
        <v>0</v>
      </c>
      <c r="IU24" s="333">
        <v>0</v>
      </c>
      <c r="IV24" s="334">
        <v>0</v>
      </c>
      <c r="IW24" s="331">
        <v>0</v>
      </c>
      <c r="IX24" s="335">
        <v>0</v>
      </c>
      <c r="IY24" s="390">
        <v>0</v>
      </c>
      <c r="IZ24" s="331">
        <v>0</v>
      </c>
      <c r="JA24" s="331">
        <v>0</v>
      </c>
      <c r="JB24" s="331">
        <v>0</v>
      </c>
      <c r="JC24" s="331">
        <v>0</v>
      </c>
      <c r="JD24" s="331">
        <v>0</v>
      </c>
      <c r="JE24" s="335">
        <v>0</v>
      </c>
      <c r="JF24" s="336">
        <v>0</v>
      </c>
      <c r="JG24" s="334">
        <v>0</v>
      </c>
      <c r="JH24" s="331">
        <v>0</v>
      </c>
      <c r="JI24" s="332">
        <v>0</v>
      </c>
      <c r="JJ24" s="337">
        <v>0</v>
      </c>
      <c r="JK24" s="331">
        <v>329404</v>
      </c>
      <c r="JL24" s="331">
        <v>235300</v>
      </c>
      <c r="JM24" s="331">
        <v>0</v>
      </c>
      <c r="JN24" s="331">
        <v>0</v>
      </c>
      <c r="JO24" s="331">
        <v>0</v>
      </c>
      <c r="JP24" s="335">
        <v>564704</v>
      </c>
      <c r="JQ24" s="333">
        <v>564704</v>
      </c>
      <c r="JR24" s="334">
        <v>0</v>
      </c>
      <c r="JS24" s="331">
        <v>0</v>
      </c>
      <c r="JT24" s="332">
        <v>0</v>
      </c>
      <c r="JU24" s="337">
        <v>0</v>
      </c>
      <c r="JV24" s="331">
        <v>102494</v>
      </c>
      <c r="JW24" s="331">
        <v>227313</v>
      </c>
      <c r="JX24" s="331">
        <v>0</v>
      </c>
      <c r="JY24" s="331">
        <v>67646</v>
      </c>
      <c r="JZ24" s="331">
        <v>0</v>
      </c>
      <c r="KA24" s="335">
        <v>397453</v>
      </c>
      <c r="KB24" s="333">
        <v>397453</v>
      </c>
      <c r="KC24" s="338">
        <v>0</v>
      </c>
      <c r="KD24" s="339">
        <v>0</v>
      </c>
      <c r="KE24" s="335">
        <v>0</v>
      </c>
      <c r="KF24" s="337">
        <v>0</v>
      </c>
      <c r="KG24" s="331">
        <v>650720</v>
      </c>
      <c r="KH24" s="331">
        <v>562929</v>
      </c>
      <c r="KI24" s="331">
        <v>958789</v>
      </c>
      <c r="KJ24" s="331">
        <v>0</v>
      </c>
      <c r="KK24" s="331">
        <v>0</v>
      </c>
      <c r="KL24" s="335">
        <v>2172438</v>
      </c>
      <c r="KM24" s="340">
        <v>2172438</v>
      </c>
      <c r="KN24" s="328">
        <v>0</v>
      </c>
      <c r="KO24" s="329">
        <v>0</v>
      </c>
      <c r="KP24" s="330">
        <v>0</v>
      </c>
      <c r="KQ24" s="390">
        <v>0</v>
      </c>
      <c r="KR24" s="331">
        <v>228846</v>
      </c>
      <c r="KS24" s="331">
        <v>244136</v>
      </c>
      <c r="KT24" s="331">
        <v>260965</v>
      </c>
      <c r="KU24" s="331">
        <v>0</v>
      </c>
      <c r="KV24" s="331">
        <v>177950</v>
      </c>
      <c r="KW24" s="335">
        <v>911897</v>
      </c>
      <c r="KX24" s="333">
        <v>911897</v>
      </c>
      <c r="KY24" s="334">
        <v>0</v>
      </c>
      <c r="KZ24" s="331">
        <v>0</v>
      </c>
      <c r="LA24" s="335">
        <v>0</v>
      </c>
      <c r="LB24" s="390">
        <v>0</v>
      </c>
      <c r="LC24" s="331">
        <v>0</v>
      </c>
      <c r="LD24" s="331">
        <v>0</v>
      </c>
      <c r="LE24" s="331">
        <v>0</v>
      </c>
      <c r="LF24" s="331">
        <v>0</v>
      </c>
      <c r="LG24" s="331">
        <v>0</v>
      </c>
      <c r="LH24" s="335">
        <v>0</v>
      </c>
      <c r="LI24" s="336">
        <v>0</v>
      </c>
      <c r="LJ24" s="334">
        <v>0</v>
      </c>
      <c r="LK24" s="331">
        <v>0</v>
      </c>
      <c r="LL24" s="335">
        <v>0</v>
      </c>
      <c r="LM24" s="390">
        <v>0</v>
      </c>
      <c r="LN24" s="331">
        <v>0</v>
      </c>
      <c r="LO24" s="331">
        <v>0</v>
      </c>
      <c r="LP24" s="331">
        <v>0</v>
      </c>
      <c r="LQ24" s="331">
        <v>0</v>
      </c>
      <c r="LR24" s="331">
        <v>0</v>
      </c>
      <c r="LS24" s="335">
        <v>0</v>
      </c>
      <c r="LT24" s="333">
        <v>0</v>
      </c>
      <c r="LU24" s="334">
        <v>0</v>
      </c>
      <c r="LV24" s="331">
        <v>0</v>
      </c>
      <c r="LW24" s="335">
        <v>0</v>
      </c>
      <c r="LX24" s="390">
        <v>0</v>
      </c>
      <c r="LY24" s="331">
        <v>0</v>
      </c>
      <c r="LZ24" s="331">
        <v>0</v>
      </c>
      <c r="MA24" s="331">
        <v>305645</v>
      </c>
      <c r="MB24" s="331">
        <v>0</v>
      </c>
      <c r="MC24" s="331">
        <v>1458707</v>
      </c>
      <c r="MD24" s="335">
        <v>1764352</v>
      </c>
      <c r="ME24" s="336">
        <v>1764352</v>
      </c>
      <c r="MF24" s="334">
        <v>0</v>
      </c>
      <c r="MG24" s="331">
        <v>0</v>
      </c>
      <c r="MH24" s="335">
        <v>0</v>
      </c>
      <c r="MI24" s="390">
        <v>0</v>
      </c>
      <c r="MJ24" s="331">
        <v>390467</v>
      </c>
      <c r="MK24" s="331">
        <v>704644</v>
      </c>
      <c r="ML24" s="331">
        <v>2138566</v>
      </c>
      <c r="MM24" s="331">
        <v>2213389</v>
      </c>
      <c r="MN24" s="331">
        <v>1479103</v>
      </c>
      <c r="MO24" s="335">
        <v>6926169</v>
      </c>
      <c r="MP24" s="340">
        <v>6926169</v>
      </c>
      <c r="MQ24" s="334">
        <v>0</v>
      </c>
      <c r="MR24" s="331">
        <v>0</v>
      </c>
      <c r="MS24" s="335">
        <v>0</v>
      </c>
      <c r="MT24" s="390">
        <v>0</v>
      </c>
      <c r="MU24" s="331">
        <v>0</v>
      </c>
      <c r="MV24" s="331">
        <v>0</v>
      </c>
      <c r="MW24" s="331">
        <v>754622</v>
      </c>
      <c r="MX24" s="331">
        <v>1356966</v>
      </c>
      <c r="MY24" s="331">
        <v>1479103</v>
      </c>
      <c r="MZ24" s="335">
        <v>3590691</v>
      </c>
      <c r="NA24" s="340">
        <v>3590691</v>
      </c>
      <c r="NB24" s="334">
        <v>0</v>
      </c>
      <c r="NC24" s="331">
        <v>0</v>
      </c>
      <c r="ND24" s="335">
        <v>0</v>
      </c>
      <c r="NE24" s="390">
        <v>0</v>
      </c>
      <c r="NF24" s="331">
        <v>390467</v>
      </c>
      <c r="NG24" s="331">
        <v>704644</v>
      </c>
      <c r="NH24" s="331">
        <v>1383944</v>
      </c>
      <c r="NI24" s="331">
        <v>856423</v>
      </c>
      <c r="NJ24" s="331">
        <v>0</v>
      </c>
      <c r="NK24" s="335">
        <v>3335478</v>
      </c>
      <c r="NL24" s="333">
        <v>3335478</v>
      </c>
      <c r="NM24" s="334">
        <v>0</v>
      </c>
      <c r="NN24" s="331">
        <v>0</v>
      </c>
      <c r="NO24" s="335">
        <v>0</v>
      </c>
      <c r="NP24" s="390">
        <v>0</v>
      </c>
      <c r="NQ24" s="331">
        <v>0</v>
      </c>
      <c r="NR24" s="331">
        <v>0</v>
      </c>
      <c r="NS24" s="331">
        <v>0</v>
      </c>
      <c r="NT24" s="331">
        <v>0</v>
      </c>
      <c r="NU24" s="331">
        <v>0</v>
      </c>
      <c r="NV24" s="335">
        <v>0</v>
      </c>
      <c r="NW24" s="336">
        <v>0</v>
      </c>
      <c r="NX24" s="334">
        <v>0</v>
      </c>
      <c r="NY24" s="331">
        <v>0</v>
      </c>
      <c r="NZ24" s="335">
        <v>0</v>
      </c>
      <c r="OA24" s="390">
        <v>0</v>
      </c>
      <c r="OB24" s="331">
        <v>0</v>
      </c>
      <c r="OC24" s="331">
        <v>0</v>
      </c>
      <c r="OD24" s="331">
        <v>0</v>
      </c>
      <c r="OE24" s="331">
        <v>0</v>
      </c>
      <c r="OF24" s="331">
        <v>0</v>
      </c>
      <c r="OG24" s="335">
        <v>0</v>
      </c>
      <c r="OH24" s="336">
        <v>0</v>
      </c>
      <c r="OI24" s="334">
        <v>319605</v>
      </c>
      <c r="OJ24" s="331">
        <v>599797</v>
      </c>
      <c r="OK24" s="332">
        <v>919402</v>
      </c>
      <c r="OL24" s="337">
        <v>0</v>
      </c>
      <c r="OM24" s="331">
        <v>5752800</v>
      </c>
      <c r="ON24" s="331">
        <v>5511665</v>
      </c>
      <c r="OO24" s="331">
        <v>5755536</v>
      </c>
      <c r="OP24" s="331">
        <v>4402028</v>
      </c>
      <c r="OQ24" s="331">
        <v>6428216</v>
      </c>
      <c r="OR24" s="335">
        <v>27850245</v>
      </c>
      <c r="OS24" s="340">
        <v>28769647</v>
      </c>
    </row>
    <row r="25" spans="2:409" s="56" customFormat="1" ht="21" customHeight="1" x14ac:dyDescent="0.2">
      <c r="B25" s="396" t="s">
        <v>20</v>
      </c>
      <c r="C25" s="312">
        <v>446986</v>
      </c>
      <c r="D25" s="313">
        <v>849728</v>
      </c>
      <c r="E25" s="314">
        <v>1296714</v>
      </c>
      <c r="F25" s="312">
        <v>0</v>
      </c>
      <c r="G25" s="313">
        <v>6252727</v>
      </c>
      <c r="H25" s="313">
        <v>5432775</v>
      </c>
      <c r="I25" s="313">
        <v>4486646</v>
      </c>
      <c r="J25" s="313">
        <v>5006120</v>
      </c>
      <c r="K25" s="313">
        <v>1700430</v>
      </c>
      <c r="L25" s="353">
        <v>22878698</v>
      </c>
      <c r="M25" s="316">
        <v>24175412</v>
      </c>
      <c r="N25" s="312">
        <v>135376</v>
      </c>
      <c r="O25" s="313">
        <v>344484</v>
      </c>
      <c r="P25" s="314">
        <v>479860</v>
      </c>
      <c r="Q25" s="312">
        <v>0</v>
      </c>
      <c r="R25" s="313">
        <v>1623076</v>
      </c>
      <c r="S25" s="313">
        <v>2054373</v>
      </c>
      <c r="T25" s="313">
        <v>1437215</v>
      </c>
      <c r="U25" s="313">
        <v>1279669</v>
      </c>
      <c r="V25" s="313">
        <v>1002650</v>
      </c>
      <c r="W25" s="314">
        <v>7396983</v>
      </c>
      <c r="X25" s="316">
        <v>7876843</v>
      </c>
      <c r="Y25" s="312">
        <v>0</v>
      </c>
      <c r="Z25" s="313">
        <v>0</v>
      </c>
      <c r="AA25" s="314">
        <v>0</v>
      </c>
      <c r="AB25" s="312">
        <v>0</v>
      </c>
      <c r="AC25" s="313">
        <v>580989</v>
      </c>
      <c r="AD25" s="313">
        <v>743583</v>
      </c>
      <c r="AE25" s="313">
        <v>544367</v>
      </c>
      <c r="AF25" s="313">
        <v>520607</v>
      </c>
      <c r="AG25" s="313">
        <v>424787</v>
      </c>
      <c r="AH25" s="314">
        <v>2814333</v>
      </c>
      <c r="AI25" s="316">
        <v>2814333</v>
      </c>
      <c r="AJ25" s="312">
        <v>0</v>
      </c>
      <c r="AK25" s="313">
        <v>0</v>
      </c>
      <c r="AL25" s="314">
        <v>0</v>
      </c>
      <c r="AM25" s="312">
        <v>0</v>
      </c>
      <c r="AN25" s="313">
        <v>0</v>
      </c>
      <c r="AO25" s="313">
        <v>0</v>
      </c>
      <c r="AP25" s="313">
        <v>0</v>
      </c>
      <c r="AQ25" s="313">
        <v>133047</v>
      </c>
      <c r="AR25" s="313">
        <v>145058</v>
      </c>
      <c r="AS25" s="314">
        <v>278105</v>
      </c>
      <c r="AT25" s="316">
        <v>278105</v>
      </c>
      <c r="AU25" s="312">
        <v>80834</v>
      </c>
      <c r="AV25" s="313">
        <v>160521</v>
      </c>
      <c r="AW25" s="314">
        <v>241355</v>
      </c>
      <c r="AX25" s="312">
        <v>0</v>
      </c>
      <c r="AY25" s="313">
        <v>688611</v>
      </c>
      <c r="AZ25" s="313">
        <v>784978</v>
      </c>
      <c r="BA25" s="313">
        <v>386079</v>
      </c>
      <c r="BB25" s="313">
        <v>283783</v>
      </c>
      <c r="BC25" s="313">
        <v>323517</v>
      </c>
      <c r="BD25" s="314">
        <v>2466968</v>
      </c>
      <c r="BE25" s="316">
        <v>2708323</v>
      </c>
      <c r="BF25" s="312">
        <v>39022</v>
      </c>
      <c r="BG25" s="313">
        <v>101139</v>
      </c>
      <c r="BH25" s="317">
        <v>140161</v>
      </c>
      <c r="BI25" s="318">
        <v>0</v>
      </c>
      <c r="BJ25" s="313">
        <v>79188</v>
      </c>
      <c r="BK25" s="313">
        <v>258084</v>
      </c>
      <c r="BL25" s="313">
        <v>233113</v>
      </c>
      <c r="BM25" s="313">
        <v>99056</v>
      </c>
      <c r="BN25" s="313">
        <v>0</v>
      </c>
      <c r="BO25" s="314">
        <v>669441</v>
      </c>
      <c r="BP25" s="316">
        <v>809602</v>
      </c>
      <c r="BQ25" s="312">
        <v>15520</v>
      </c>
      <c r="BR25" s="313">
        <v>82824</v>
      </c>
      <c r="BS25" s="314">
        <v>98344</v>
      </c>
      <c r="BT25" s="312">
        <v>0</v>
      </c>
      <c r="BU25" s="313">
        <v>274288</v>
      </c>
      <c r="BV25" s="313">
        <v>267728</v>
      </c>
      <c r="BW25" s="313">
        <v>273656</v>
      </c>
      <c r="BX25" s="313">
        <v>243176</v>
      </c>
      <c r="BY25" s="313">
        <v>109288</v>
      </c>
      <c r="BZ25" s="314">
        <v>1168136</v>
      </c>
      <c r="CA25" s="316">
        <v>1266480</v>
      </c>
      <c r="CB25" s="312">
        <v>42621</v>
      </c>
      <c r="CC25" s="313">
        <v>0</v>
      </c>
      <c r="CD25" s="314">
        <v>42621</v>
      </c>
      <c r="CE25" s="312">
        <v>0</v>
      </c>
      <c r="CF25" s="313">
        <v>2756718</v>
      </c>
      <c r="CG25" s="313">
        <v>1842697</v>
      </c>
      <c r="CH25" s="313">
        <v>1504176</v>
      </c>
      <c r="CI25" s="313">
        <v>593318</v>
      </c>
      <c r="CJ25" s="313">
        <v>17004</v>
      </c>
      <c r="CK25" s="314">
        <v>6713913</v>
      </c>
      <c r="CL25" s="316">
        <v>6756534</v>
      </c>
      <c r="CM25" s="312">
        <v>0</v>
      </c>
      <c r="CN25" s="313">
        <v>0</v>
      </c>
      <c r="CO25" s="314">
        <v>0</v>
      </c>
      <c r="CP25" s="318">
        <v>0</v>
      </c>
      <c r="CQ25" s="313">
        <v>2014897</v>
      </c>
      <c r="CR25" s="313">
        <v>1433443</v>
      </c>
      <c r="CS25" s="313">
        <v>1180847</v>
      </c>
      <c r="CT25" s="313">
        <v>504738</v>
      </c>
      <c r="CU25" s="313">
        <v>0</v>
      </c>
      <c r="CV25" s="314">
        <v>5133925</v>
      </c>
      <c r="CW25" s="316">
        <v>5133925</v>
      </c>
      <c r="CX25" s="312">
        <v>42621</v>
      </c>
      <c r="CY25" s="313">
        <v>0</v>
      </c>
      <c r="CZ25" s="314">
        <v>42621</v>
      </c>
      <c r="DA25" s="312">
        <v>0</v>
      </c>
      <c r="DB25" s="313">
        <v>741821</v>
      </c>
      <c r="DC25" s="313">
        <v>409254</v>
      </c>
      <c r="DD25" s="313">
        <v>323329</v>
      </c>
      <c r="DE25" s="313">
        <v>88580</v>
      </c>
      <c r="DF25" s="313">
        <v>17004</v>
      </c>
      <c r="DG25" s="314">
        <v>1579988</v>
      </c>
      <c r="DH25" s="316">
        <v>1622609</v>
      </c>
      <c r="DI25" s="312">
        <v>0</v>
      </c>
      <c r="DJ25" s="313">
        <v>0</v>
      </c>
      <c r="DK25" s="317">
        <v>0</v>
      </c>
      <c r="DL25" s="318">
        <v>0</v>
      </c>
      <c r="DM25" s="313">
        <v>406088</v>
      </c>
      <c r="DN25" s="313">
        <v>455519</v>
      </c>
      <c r="DO25" s="313">
        <v>343822</v>
      </c>
      <c r="DP25" s="313">
        <v>143921</v>
      </c>
      <c r="DQ25" s="313">
        <v>64394</v>
      </c>
      <c r="DR25" s="314">
        <v>1413744</v>
      </c>
      <c r="DS25" s="316">
        <v>1413744</v>
      </c>
      <c r="DT25" s="312">
        <v>0</v>
      </c>
      <c r="DU25" s="313">
        <v>0</v>
      </c>
      <c r="DV25" s="314">
        <v>0</v>
      </c>
      <c r="DW25" s="312">
        <v>0</v>
      </c>
      <c r="DX25" s="313">
        <v>370885</v>
      </c>
      <c r="DY25" s="313">
        <v>455519</v>
      </c>
      <c r="DZ25" s="313">
        <v>283711</v>
      </c>
      <c r="EA25" s="313">
        <v>58135</v>
      </c>
      <c r="EB25" s="313">
        <v>64394</v>
      </c>
      <c r="EC25" s="314">
        <v>1232644</v>
      </c>
      <c r="ED25" s="316">
        <v>1232644</v>
      </c>
      <c r="EE25" s="312">
        <v>0</v>
      </c>
      <c r="EF25" s="317">
        <v>0</v>
      </c>
      <c r="EG25" s="314">
        <v>0</v>
      </c>
      <c r="EH25" s="312">
        <v>0</v>
      </c>
      <c r="EI25" s="313">
        <v>35203</v>
      </c>
      <c r="EJ25" s="313">
        <v>0</v>
      </c>
      <c r="EK25" s="313">
        <v>60111</v>
      </c>
      <c r="EL25" s="313">
        <v>85786</v>
      </c>
      <c r="EM25" s="313">
        <v>0</v>
      </c>
      <c r="EN25" s="317">
        <v>181100</v>
      </c>
      <c r="EO25" s="316">
        <v>181100</v>
      </c>
      <c r="EP25" s="312">
        <v>0</v>
      </c>
      <c r="EQ25" s="313">
        <v>0</v>
      </c>
      <c r="ER25" s="317">
        <v>0</v>
      </c>
      <c r="ES25" s="318">
        <v>0</v>
      </c>
      <c r="ET25" s="313">
        <v>0</v>
      </c>
      <c r="EU25" s="313">
        <v>0</v>
      </c>
      <c r="EV25" s="313">
        <v>0</v>
      </c>
      <c r="EW25" s="313">
        <v>0</v>
      </c>
      <c r="EX25" s="313">
        <v>0</v>
      </c>
      <c r="EY25" s="314">
        <v>0</v>
      </c>
      <c r="EZ25" s="316">
        <v>0</v>
      </c>
      <c r="FA25" s="312">
        <v>0</v>
      </c>
      <c r="FB25" s="313">
        <v>0</v>
      </c>
      <c r="FC25" s="317">
        <v>0</v>
      </c>
      <c r="FD25" s="318">
        <v>0</v>
      </c>
      <c r="FE25" s="313">
        <v>0</v>
      </c>
      <c r="FF25" s="313">
        <v>0</v>
      </c>
      <c r="FG25" s="313">
        <v>0</v>
      </c>
      <c r="FH25" s="313">
        <v>0</v>
      </c>
      <c r="FI25" s="313">
        <v>0</v>
      </c>
      <c r="FJ25" s="314">
        <v>0</v>
      </c>
      <c r="FK25" s="316">
        <v>0</v>
      </c>
      <c r="FL25" s="312">
        <v>216088</v>
      </c>
      <c r="FM25" s="313">
        <v>134144</v>
      </c>
      <c r="FN25" s="314">
        <v>350232</v>
      </c>
      <c r="FO25" s="312">
        <v>0</v>
      </c>
      <c r="FP25" s="313">
        <v>573632</v>
      </c>
      <c r="FQ25" s="313">
        <v>539848</v>
      </c>
      <c r="FR25" s="313">
        <v>344328</v>
      </c>
      <c r="FS25" s="313">
        <v>227672</v>
      </c>
      <c r="FT25" s="313">
        <v>145600</v>
      </c>
      <c r="FU25" s="314">
        <v>1831080</v>
      </c>
      <c r="FV25" s="316">
        <v>2181312</v>
      </c>
      <c r="FW25" s="319">
        <v>56088</v>
      </c>
      <c r="FX25" s="313">
        <v>105344</v>
      </c>
      <c r="FY25" s="317">
        <v>161432</v>
      </c>
      <c r="FZ25" s="318">
        <v>0</v>
      </c>
      <c r="GA25" s="313">
        <v>467264</v>
      </c>
      <c r="GB25" s="313">
        <v>509048</v>
      </c>
      <c r="GC25" s="313">
        <v>344328</v>
      </c>
      <c r="GD25" s="313">
        <v>206072</v>
      </c>
      <c r="GE25" s="313">
        <v>145600</v>
      </c>
      <c r="GF25" s="314">
        <v>1672312</v>
      </c>
      <c r="GG25" s="320">
        <v>1833744</v>
      </c>
      <c r="GH25" s="319">
        <v>0</v>
      </c>
      <c r="GI25" s="313">
        <v>28800</v>
      </c>
      <c r="GJ25" s="317">
        <v>28800</v>
      </c>
      <c r="GK25" s="318">
        <v>0</v>
      </c>
      <c r="GL25" s="313">
        <v>57968</v>
      </c>
      <c r="GM25" s="313">
        <v>30800</v>
      </c>
      <c r="GN25" s="313">
        <v>0</v>
      </c>
      <c r="GO25" s="313">
        <v>21600</v>
      </c>
      <c r="GP25" s="313">
        <v>0</v>
      </c>
      <c r="GQ25" s="314">
        <v>110368</v>
      </c>
      <c r="GR25" s="316">
        <v>139168</v>
      </c>
      <c r="GS25" s="312">
        <v>160000</v>
      </c>
      <c r="GT25" s="313">
        <v>0</v>
      </c>
      <c r="GU25" s="314">
        <v>160000</v>
      </c>
      <c r="GV25" s="312">
        <v>0</v>
      </c>
      <c r="GW25" s="313">
        <v>48400</v>
      </c>
      <c r="GX25" s="313">
        <v>0</v>
      </c>
      <c r="GY25" s="313">
        <v>0</v>
      </c>
      <c r="GZ25" s="313">
        <v>0</v>
      </c>
      <c r="HA25" s="313">
        <v>0</v>
      </c>
      <c r="HB25" s="317">
        <v>48400</v>
      </c>
      <c r="HC25" s="316">
        <v>208400</v>
      </c>
      <c r="HD25" s="312">
        <v>52901</v>
      </c>
      <c r="HE25" s="313">
        <v>371100</v>
      </c>
      <c r="HF25" s="317">
        <v>424001</v>
      </c>
      <c r="HG25" s="318">
        <v>0</v>
      </c>
      <c r="HH25" s="313">
        <v>893213</v>
      </c>
      <c r="HI25" s="313">
        <v>540338</v>
      </c>
      <c r="HJ25" s="313">
        <v>857105</v>
      </c>
      <c r="HK25" s="313">
        <v>2761540</v>
      </c>
      <c r="HL25" s="313">
        <v>470782</v>
      </c>
      <c r="HM25" s="314">
        <v>5522978</v>
      </c>
      <c r="HN25" s="315">
        <v>5946979</v>
      </c>
      <c r="HO25" s="319">
        <v>0</v>
      </c>
      <c r="HP25" s="313">
        <v>0</v>
      </c>
      <c r="HQ25" s="314">
        <v>0</v>
      </c>
      <c r="HR25" s="312">
        <v>0</v>
      </c>
      <c r="HS25" s="313">
        <v>0</v>
      </c>
      <c r="HT25" s="313">
        <v>0</v>
      </c>
      <c r="HU25" s="313">
        <v>0</v>
      </c>
      <c r="HV25" s="313">
        <v>0</v>
      </c>
      <c r="HW25" s="313">
        <v>0</v>
      </c>
      <c r="HX25" s="317">
        <v>0</v>
      </c>
      <c r="HY25" s="316">
        <v>0</v>
      </c>
      <c r="HZ25" s="321">
        <v>0</v>
      </c>
      <c r="IA25" s="322">
        <v>0</v>
      </c>
      <c r="IB25" s="323">
        <v>0</v>
      </c>
      <c r="IC25" s="324">
        <v>0</v>
      </c>
      <c r="ID25" s="322">
        <v>1368850</v>
      </c>
      <c r="IE25" s="325">
        <v>1125872</v>
      </c>
      <c r="IF25" s="323">
        <v>2171493</v>
      </c>
      <c r="IG25" s="322">
        <v>140540</v>
      </c>
      <c r="IH25" s="323">
        <v>47176</v>
      </c>
      <c r="II25" s="326">
        <v>4853931</v>
      </c>
      <c r="IJ25" s="327">
        <v>4853931</v>
      </c>
      <c r="IK25" s="328">
        <v>0</v>
      </c>
      <c r="IL25" s="329">
        <v>0</v>
      </c>
      <c r="IM25" s="330">
        <v>0</v>
      </c>
      <c r="IN25" s="390">
        <v>0</v>
      </c>
      <c r="IO25" s="331">
        <v>0</v>
      </c>
      <c r="IP25" s="331">
        <v>0</v>
      </c>
      <c r="IQ25" s="331">
        <v>0</v>
      </c>
      <c r="IR25" s="331">
        <v>0</v>
      </c>
      <c r="IS25" s="331">
        <v>0</v>
      </c>
      <c r="IT25" s="332">
        <v>0</v>
      </c>
      <c r="IU25" s="333">
        <v>0</v>
      </c>
      <c r="IV25" s="334">
        <v>0</v>
      </c>
      <c r="IW25" s="331">
        <v>0</v>
      </c>
      <c r="IX25" s="335">
        <v>0</v>
      </c>
      <c r="IY25" s="390">
        <v>0</v>
      </c>
      <c r="IZ25" s="331">
        <v>0</v>
      </c>
      <c r="JA25" s="331">
        <v>0</v>
      </c>
      <c r="JB25" s="331">
        <v>0</v>
      </c>
      <c r="JC25" s="331">
        <v>0</v>
      </c>
      <c r="JD25" s="331">
        <v>0</v>
      </c>
      <c r="JE25" s="335">
        <v>0</v>
      </c>
      <c r="JF25" s="336">
        <v>0</v>
      </c>
      <c r="JG25" s="334">
        <v>0</v>
      </c>
      <c r="JH25" s="331">
        <v>0</v>
      </c>
      <c r="JI25" s="332">
        <v>0</v>
      </c>
      <c r="JJ25" s="337">
        <v>0</v>
      </c>
      <c r="JK25" s="331">
        <v>700927</v>
      </c>
      <c r="JL25" s="331">
        <v>880412</v>
      </c>
      <c r="JM25" s="331">
        <v>400222</v>
      </c>
      <c r="JN25" s="331">
        <v>140540</v>
      </c>
      <c r="JO25" s="331">
        <v>0</v>
      </c>
      <c r="JP25" s="335">
        <v>2122101</v>
      </c>
      <c r="JQ25" s="333">
        <v>2122101</v>
      </c>
      <c r="JR25" s="334">
        <v>0</v>
      </c>
      <c r="JS25" s="331">
        <v>0</v>
      </c>
      <c r="JT25" s="332">
        <v>0</v>
      </c>
      <c r="JU25" s="337">
        <v>0</v>
      </c>
      <c r="JV25" s="331">
        <v>0</v>
      </c>
      <c r="JW25" s="331">
        <v>0</v>
      </c>
      <c r="JX25" s="331">
        <v>58212</v>
      </c>
      <c r="JY25" s="331">
        <v>0</v>
      </c>
      <c r="JZ25" s="331">
        <v>47176</v>
      </c>
      <c r="KA25" s="335">
        <v>105388</v>
      </c>
      <c r="KB25" s="333">
        <v>105388</v>
      </c>
      <c r="KC25" s="338">
        <v>0</v>
      </c>
      <c r="KD25" s="339">
        <v>0</v>
      </c>
      <c r="KE25" s="335">
        <v>0</v>
      </c>
      <c r="KF25" s="337">
        <v>0</v>
      </c>
      <c r="KG25" s="331">
        <v>431524</v>
      </c>
      <c r="KH25" s="331">
        <v>245460</v>
      </c>
      <c r="KI25" s="331">
        <v>498408</v>
      </c>
      <c r="KJ25" s="331">
        <v>0</v>
      </c>
      <c r="KK25" s="331">
        <v>0</v>
      </c>
      <c r="KL25" s="335">
        <v>1175392</v>
      </c>
      <c r="KM25" s="340">
        <v>1175392</v>
      </c>
      <c r="KN25" s="328">
        <v>0</v>
      </c>
      <c r="KO25" s="329">
        <v>0</v>
      </c>
      <c r="KP25" s="330">
        <v>0</v>
      </c>
      <c r="KQ25" s="390">
        <v>0</v>
      </c>
      <c r="KR25" s="331">
        <v>236399</v>
      </c>
      <c r="KS25" s="331">
        <v>0</v>
      </c>
      <c r="KT25" s="331">
        <v>1214651</v>
      </c>
      <c r="KU25" s="331">
        <v>0</v>
      </c>
      <c r="KV25" s="331">
        <v>0</v>
      </c>
      <c r="KW25" s="335">
        <v>1451050</v>
      </c>
      <c r="KX25" s="333">
        <v>1451050</v>
      </c>
      <c r="KY25" s="334">
        <v>0</v>
      </c>
      <c r="KZ25" s="331">
        <v>0</v>
      </c>
      <c r="LA25" s="335">
        <v>0</v>
      </c>
      <c r="LB25" s="390">
        <v>0</v>
      </c>
      <c r="LC25" s="331">
        <v>0</v>
      </c>
      <c r="LD25" s="331">
        <v>0</v>
      </c>
      <c r="LE25" s="331">
        <v>0</v>
      </c>
      <c r="LF25" s="331">
        <v>0</v>
      </c>
      <c r="LG25" s="331">
        <v>0</v>
      </c>
      <c r="LH25" s="335">
        <v>0</v>
      </c>
      <c r="LI25" s="336">
        <v>0</v>
      </c>
      <c r="LJ25" s="334">
        <v>0</v>
      </c>
      <c r="LK25" s="331">
        <v>0</v>
      </c>
      <c r="LL25" s="335">
        <v>0</v>
      </c>
      <c r="LM25" s="390">
        <v>0</v>
      </c>
      <c r="LN25" s="331">
        <v>0</v>
      </c>
      <c r="LO25" s="331">
        <v>0</v>
      </c>
      <c r="LP25" s="331">
        <v>0</v>
      </c>
      <c r="LQ25" s="331">
        <v>0</v>
      </c>
      <c r="LR25" s="331">
        <v>0</v>
      </c>
      <c r="LS25" s="335">
        <v>0</v>
      </c>
      <c r="LT25" s="333">
        <v>0</v>
      </c>
      <c r="LU25" s="334">
        <v>0</v>
      </c>
      <c r="LV25" s="331">
        <v>0</v>
      </c>
      <c r="LW25" s="335">
        <v>0</v>
      </c>
      <c r="LX25" s="390">
        <v>0</v>
      </c>
      <c r="LY25" s="331">
        <v>0</v>
      </c>
      <c r="LZ25" s="331">
        <v>0</v>
      </c>
      <c r="MA25" s="331">
        <v>0</v>
      </c>
      <c r="MB25" s="331">
        <v>0</v>
      </c>
      <c r="MC25" s="331">
        <v>0</v>
      </c>
      <c r="MD25" s="335">
        <v>0</v>
      </c>
      <c r="ME25" s="336">
        <v>0</v>
      </c>
      <c r="MF25" s="334">
        <v>0</v>
      </c>
      <c r="MG25" s="331">
        <v>0</v>
      </c>
      <c r="MH25" s="335">
        <v>0</v>
      </c>
      <c r="MI25" s="390">
        <v>0</v>
      </c>
      <c r="MJ25" s="331">
        <v>210538</v>
      </c>
      <c r="MK25" s="331">
        <v>1022770</v>
      </c>
      <c r="ML25" s="331">
        <v>1896719</v>
      </c>
      <c r="MM25" s="331">
        <v>3117694</v>
      </c>
      <c r="MN25" s="331">
        <v>1812429</v>
      </c>
      <c r="MO25" s="335">
        <v>8060150</v>
      </c>
      <c r="MP25" s="340">
        <v>8060150</v>
      </c>
      <c r="MQ25" s="334">
        <v>0</v>
      </c>
      <c r="MR25" s="331">
        <v>0</v>
      </c>
      <c r="MS25" s="335">
        <v>0</v>
      </c>
      <c r="MT25" s="390">
        <v>0</v>
      </c>
      <c r="MU25" s="331">
        <v>210538</v>
      </c>
      <c r="MV25" s="331">
        <v>474087</v>
      </c>
      <c r="MW25" s="331">
        <v>1307155</v>
      </c>
      <c r="MX25" s="331">
        <v>2160811</v>
      </c>
      <c r="MY25" s="331">
        <v>1434365</v>
      </c>
      <c r="MZ25" s="335">
        <v>5586956</v>
      </c>
      <c r="NA25" s="340">
        <v>5586956</v>
      </c>
      <c r="NB25" s="334">
        <v>0</v>
      </c>
      <c r="NC25" s="331">
        <v>0</v>
      </c>
      <c r="ND25" s="335">
        <v>0</v>
      </c>
      <c r="NE25" s="390">
        <v>0</v>
      </c>
      <c r="NF25" s="331">
        <v>0</v>
      </c>
      <c r="NG25" s="331">
        <v>548683</v>
      </c>
      <c r="NH25" s="331">
        <v>589564</v>
      </c>
      <c r="NI25" s="331">
        <v>956883</v>
      </c>
      <c r="NJ25" s="331">
        <v>0</v>
      </c>
      <c r="NK25" s="335">
        <v>2095130</v>
      </c>
      <c r="NL25" s="333">
        <v>2095130</v>
      </c>
      <c r="NM25" s="334">
        <v>0</v>
      </c>
      <c r="NN25" s="331">
        <v>0</v>
      </c>
      <c r="NO25" s="335">
        <v>0</v>
      </c>
      <c r="NP25" s="390">
        <v>0</v>
      </c>
      <c r="NQ25" s="331">
        <v>0</v>
      </c>
      <c r="NR25" s="331">
        <v>0</v>
      </c>
      <c r="NS25" s="331">
        <v>0</v>
      </c>
      <c r="NT25" s="331">
        <v>0</v>
      </c>
      <c r="NU25" s="331">
        <v>0</v>
      </c>
      <c r="NV25" s="335">
        <v>0</v>
      </c>
      <c r="NW25" s="336">
        <v>0</v>
      </c>
      <c r="NX25" s="334">
        <v>0</v>
      </c>
      <c r="NY25" s="331">
        <v>0</v>
      </c>
      <c r="NZ25" s="335">
        <v>0</v>
      </c>
      <c r="OA25" s="390">
        <v>0</v>
      </c>
      <c r="OB25" s="331">
        <v>0</v>
      </c>
      <c r="OC25" s="331">
        <v>0</v>
      </c>
      <c r="OD25" s="331">
        <v>0</v>
      </c>
      <c r="OE25" s="331">
        <v>0</v>
      </c>
      <c r="OF25" s="331">
        <v>378064</v>
      </c>
      <c r="OG25" s="335">
        <v>378064</v>
      </c>
      <c r="OH25" s="336">
        <v>378064</v>
      </c>
      <c r="OI25" s="334">
        <v>446986</v>
      </c>
      <c r="OJ25" s="331">
        <v>849728</v>
      </c>
      <c r="OK25" s="332">
        <v>1296714</v>
      </c>
      <c r="OL25" s="337">
        <v>0</v>
      </c>
      <c r="OM25" s="331">
        <v>7832115</v>
      </c>
      <c r="ON25" s="331">
        <v>7581417</v>
      </c>
      <c r="OO25" s="331">
        <v>8554858</v>
      </c>
      <c r="OP25" s="331">
        <v>8264354</v>
      </c>
      <c r="OQ25" s="331">
        <v>3560035</v>
      </c>
      <c r="OR25" s="335">
        <v>35792779</v>
      </c>
      <c r="OS25" s="340">
        <v>37089493</v>
      </c>
    </row>
    <row r="26" spans="2:409" s="56" customFormat="1" ht="21" customHeight="1" x14ac:dyDescent="0.2">
      <c r="B26" s="396" t="s">
        <v>21</v>
      </c>
      <c r="C26" s="312">
        <v>179139</v>
      </c>
      <c r="D26" s="313">
        <v>748334</v>
      </c>
      <c r="E26" s="314">
        <v>927473</v>
      </c>
      <c r="F26" s="315">
        <v>0</v>
      </c>
      <c r="G26" s="313">
        <v>3653747</v>
      </c>
      <c r="H26" s="313">
        <v>5790243</v>
      </c>
      <c r="I26" s="313">
        <v>3779505</v>
      </c>
      <c r="J26" s="313">
        <v>4314031</v>
      </c>
      <c r="K26" s="313">
        <v>1943623</v>
      </c>
      <c r="L26" s="353">
        <v>19481149</v>
      </c>
      <c r="M26" s="316">
        <v>20408622</v>
      </c>
      <c r="N26" s="312">
        <v>81649</v>
      </c>
      <c r="O26" s="313">
        <v>170904</v>
      </c>
      <c r="P26" s="314">
        <v>252553</v>
      </c>
      <c r="Q26" s="312">
        <v>0</v>
      </c>
      <c r="R26" s="313">
        <v>1112037</v>
      </c>
      <c r="S26" s="313">
        <v>1793761</v>
      </c>
      <c r="T26" s="313">
        <v>1251537</v>
      </c>
      <c r="U26" s="313">
        <v>1270616</v>
      </c>
      <c r="V26" s="313">
        <v>776798</v>
      </c>
      <c r="W26" s="314">
        <v>6204749</v>
      </c>
      <c r="X26" s="316">
        <v>6457302</v>
      </c>
      <c r="Y26" s="312">
        <v>0</v>
      </c>
      <c r="Z26" s="313">
        <v>0</v>
      </c>
      <c r="AA26" s="314">
        <v>0</v>
      </c>
      <c r="AB26" s="312">
        <v>0</v>
      </c>
      <c r="AC26" s="313">
        <v>463338</v>
      </c>
      <c r="AD26" s="313">
        <v>456431</v>
      </c>
      <c r="AE26" s="313">
        <v>350197</v>
      </c>
      <c r="AF26" s="313">
        <v>538265</v>
      </c>
      <c r="AG26" s="313">
        <v>505678</v>
      </c>
      <c r="AH26" s="314">
        <v>2313909</v>
      </c>
      <c r="AI26" s="316">
        <v>2313909</v>
      </c>
      <c r="AJ26" s="312">
        <v>0</v>
      </c>
      <c r="AK26" s="313">
        <v>0</v>
      </c>
      <c r="AL26" s="314">
        <v>0</v>
      </c>
      <c r="AM26" s="312">
        <v>0</v>
      </c>
      <c r="AN26" s="313">
        <v>0</v>
      </c>
      <c r="AO26" s="313">
        <v>0</v>
      </c>
      <c r="AP26" s="313">
        <v>97208</v>
      </c>
      <c r="AQ26" s="313">
        <v>0</v>
      </c>
      <c r="AR26" s="313">
        <v>35566</v>
      </c>
      <c r="AS26" s="314">
        <v>132774</v>
      </c>
      <c r="AT26" s="316">
        <v>132774</v>
      </c>
      <c r="AU26" s="312">
        <v>30369</v>
      </c>
      <c r="AV26" s="313">
        <v>137499</v>
      </c>
      <c r="AW26" s="314">
        <v>167868</v>
      </c>
      <c r="AX26" s="312">
        <v>0</v>
      </c>
      <c r="AY26" s="313">
        <v>392405</v>
      </c>
      <c r="AZ26" s="313">
        <v>862151</v>
      </c>
      <c r="BA26" s="313">
        <v>549928</v>
      </c>
      <c r="BB26" s="313">
        <v>430171</v>
      </c>
      <c r="BC26" s="313">
        <v>145826</v>
      </c>
      <c r="BD26" s="314">
        <v>2380481</v>
      </c>
      <c r="BE26" s="316">
        <v>2548349</v>
      </c>
      <c r="BF26" s="312">
        <v>0</v>
      </c>
      <c r="BG26" s="313">
        <v>20525</v>
      </c>
      <c r="BH26" s="317">
        <v>20525</v>
      </c>
      <c r="BI26" s="318">
        <v>0</v>
      </c>
      <c r="BJ26" s="313">
        <v>43550</v>
      </c>
      <c r="BK26" s="313">
        <v>83627</v>
      </c>
      <c r="BL26" s="313">
        <v>68828</v>
      </c>
      <c r="BM26" s="313">
        <v>31716</v>
      </c>
      <c r="BN26" s="313">
        <v>0</v>
      </c>
      <c r="BO26" s="314">
        <v>227721</v>
      </c>
      <c r="BP26" s="316">
        <v>248246</v>
      </c>
      <c r="BQ26" s="312">
        <v>51280</v>
      </c>
      <c r="BR26" s="313">
        <v>12880</v>
      </c>
      <c r="BS26" s="314">
        <v>64160</v>
      </c>
      <c r="BT26" s="312">
        <v>0</v>
      </c>
      <c r="BU26" s="313">
        <v>212744</v>
      </c>
      <c r="BV26" s="313">
        <v>391552</v>
      </c>
      <c r="BW26" s="313">
        <v>185376</v>
      </c>
      <c r="BX26" s="313">
        <v>270464</v>
      </c>
      <c r="BY26" s="313">
        <v>89728</v>
      </c>
      <c r="BZ26" s="314">
        <v>1149864</v>
      </c>
      <c r="CA26" s="316">
        <v>1214024</v>
      </c>
      <c r="CB26" s="312">
        <v>39362</v>
      </c>
      <c r="CC26" s="313">
        <v>79372</v>
      </c>
      <c r="CD26" s="314">
        <v>118734</v>
      </c>
      <c r="CE26" s="312">
        <v>0</v>
      </c>
      <c r="CF26" s="313">
        <v>1477820</v>
      </c>
      <c r="CG26" s="313">
        <v>1570516</v>
      </c>
      <c r="CH26" s="313">
        <v>803545</v>
      </c>
      <c r="CI26" s="313">
        <v>97250</v>
      </c>
      <c r="CJ26" s="313">
        <v>31312</v>
      </c>
      <c r="CK26" s="314">
        <v>3980443</v>
      </c>
      <c r="CL26" s="316">
        <v>4099177</v>
      </c>
      <c r="CM26" s="312">
        <v>0</v>
      </c>
      <c r="CN26" s="313">
        <v>0</v>
      </c>
      <c r="CO26" s="314">
        <v>0</v>
      </c>
      <c r="CP26" s="318">
        <v>0</v>
      </c>
      <c r="CQ26" s="313">
        <v>1112399</v>
      </c>
      <c r="CR26" s="313">
        <v>1408535</v>
      </c>
      <c r="CS26" s="313">
        <v>713203</v>
      </c>
      <c r="CT26" s="313">
        <v>97250</v>
      </c>
      <c r="CU26" s="313">
        <v>0</v>
      </c>
      <c r="CV26" s="314">
        <v>3331387</v>
      </c>
      <c r="CW26" s="316">
        <v>3331387</v>
      </c>
      <c r="CX26" s="312">
        <v>39362</v>
      </c>
      <c r="CY26" s="313">
        <v>79372</v>
      </c>
      <c r="CZ26" s="314">
        <v>118734</v>
      </c>
      <c r="DA26" s="312">
        <v>0</v>
      </c>
      <c r="DB26" s="313">
        <v>365421</v>
      </c>
      <c r="DC26" s="313">
        <v>161981</v>
      </c>
      <c r="DD26" s="313">
        <v>90342</v>
      </c>
      <c r="DE26" s="313">
        <v>0</v>
      </c>
      <c r="DF26" s="313">
        <v>31312</v>
      </c>
      <c r="DG26" s="314">
        <v>649056</v>
      </c>
      <c r="DH26" s="316">
        <v>767790</v>
      </c>
      <c r="DI26" s="312">
        <v>0</v>
      </c>
      <c r="DJ26" s="313">
        <v>31202</v>
      </c>
      <c r="DK26" s="317">
        <v>31202</v>
      </c>
      <c r="DL26" s="318">
        <v>0</v>
      </c>
      <c r="DM26" s="313">
        <v>-59020</v>
      </c>
      <c r="DN26" s="313">
        <v>338768</v>
      </c>
      <c r="DO26" s="313">
        <v>108697</v>
      </c>
      <c r="DP26" s="313">
        <v>467311</v>
      </c>
      <c r="DQ26" s="313">
        <v>71781</v>
      </c>
      <c r="DR26" s="314">
        <v>927537</v>
      </c>
      <c r="DS26" s="316">
        <v>958739</v>
      </c>
      <c r="DT26" s="312">
        <v>0</v>
      </c>
      <c r="DU26" s="313">
        <v>31202</v>
      </c>
      <c r="DV26" s="314">
        <v>31202</v>
      </c>
      <c r="DW26" s="312">
        <v>0</v>
      </c>
      <c r="DX26" s="313">
        <v>-59020</v>
      </c>
      <c r="DY26" s="313">
        <v>338768</v>
      </c>
      <c r="DZ26" s="313">
        <v>108697</v>
      </c>
      <c r="EA26" s="313">
        <v>467311</v>
      </c>
      <c r="EB26" s="313">
        <v>71781</v>
      </c>
      <c r="EC26" s="314">
        <v>927537</v>
      </c>
      <c r="ED26" s="316">
        <v>958739</v>
      </c>
      <c r="EE26" s="312">
        <v>0</v>
      </c>
      <c r="EF26" s="317">
        <v>0</v>
      </c>
      <c r="EG26" s="314">
        <v>0</v>
      </c>
      <c r="EH26" s="312">
        <v>0</v>
      </c>
      <c r="EI26" s="313">
        <v>0</v>
      </c>
      <c r="EJ26" s="313">
        <v>0</v>
      </c>
      <c r="EK26" s="313">
        <v>0</v>
      </c>
      <c r="EL26" s="313">
        <v>0</v>
      </c>
      <c r="EM26" s="313">
        <v>0</v>
      </c>
      <c r="EN26" s="317">
        <v>0</v>
      </c>
      <c r="EO26" s="316">
        <v>0</v>
      </c>
      <c r="EP26" s="312">
        <v>0</v>
      </c>
      <c r="EQ26" s="313">
        <v>0</v>
      </c>
      <c r="ER26" s="317">
        <v>0</v>
      </c>
      <c r="ES26" s="318">
        <v>0</v>
      </c>
      <c r="ET26" s="313">
        <v>0</v>
      </c>
      <c r="EU26" s="313">
        <v>0</v>
      </c>
      <c r="EV26" s="313">
        <v>0</v>
      </c>
      <c r="EW26" s="313">
        <v>0</v>
      </c>
      <c r="EX26" s="313">
        <v>0</v>
      </c>
      <c r="EY26" s="314">
        <v>0</v>
      </c>
      <c r="EZ26" s="316">
        <v>0</v>
      </c>
      <c r="FA26" s="312">
        <v>0</v>
      </c>
      <c r="FB26" s="313">
        <v>0</v>
      </c>
      <c r="FC26" s="317">
        <v>0</v>
      </c>
      <c r="FD26" s="318">
        <v>0</v>
      </c>
      <c r="FE26" s="313">
        <v>0</v>
      </c>
      <c r="FF26" s="313">
        <v>0</v>
      </c>
      <c r="FG26" s="313">
        <v>0</v>
      </c>
      <c r="FH26" s="313">
        <v>0</v>
      </c>
      <c r="FI26" s="313">
        <v>0</v>
      </c>
      <c r="FJ26" s="314">
        <v>0</v>
      </c>
      <c r="FK26" s="316">
        <v>0</v>
      </c>
      <c r="FL26" s="312">
        <v>58128</v>
      </c>
      <c r="FM26" s="313">
        <v>466856</v>
      </c>
      <c r="FN26" s="314">
        <v>524984</v>
      </c>
      <c r="FO26" s="312">
        <v>0</v>
      </c>
      <c r="FP26" s="313">
        <v>310344</v>
      </c>
      <c r="FQ26" s="313">
        <v>453428</v>
      </c>
      <c r="FR26" s="313">
        <v>513640</v>
      </c>
      <c r="FS26" s="313">
        <v>168856</v>
      </c>
      <c r="FT26" s="313">
        <v>89560</v>
      </c>
      <c r="FU26" s="314">
        <v>1535828</v>
      </c>
      <c r="FV26" s="316">
        <v>2060812</v>
      </c>
      <c r="FW26" s="319">
        <v>58128</v>
      </c>
      <c r="FX26" s="313">
        <v>139240</v>
      </c>
      <c r="FY26" s="317">
        <v>197368</v>
      </c>
      <c r="FZ26" s="318">
        <v>0</v>
      </c>
      <c r="GA26" s="313">
        <v>142184</v>
      </c>
      <c r="GB26" s="313">
        <v>453428</v>
      </c>
      <c r="GC26" s="313">
        <v>330120</v>
      </c>
      <c r="GD26" s="313">
        <v>168856</v>
      </c>
      <c r="GE26" s="313">
        <v>89560</v>
      </c>
      <c r="GF26" s="314">
        <v>1184148</v>
      </c>
      <c r="GG26" s="320">
        <v>1381516</v>
      </c>
      <c r="GH26" s="319">
        <v>0</v>
      </c>
      <c r="GI26" s="313">
        <v>0</v>
      </c>
      <c r="GJ26" s="317">
        <v>0</v>
      </c>
      <c r="GK26" s="318">
        <v>0</v>
      </c>
      <c r="GL26" s="313">
        <v>24960</v>
      </c>
      <c r="GM26" s="313">
        <v>0</v>
      </c>
      <c r="GN26" s="313">
        <v>23520</v>
      </c>
      <c r="GO26" s="313">
        <v>0</v>
      </c>
      <c r="GP26" s="313">
        <v>0</v>
      </c>
      <c r="GQ26" s="314">
        <v>48480</v>
      </c>
      <c r="GR26" s="316">
        <v>48480</v>
      </c>
      <c r="GS26" s="312">
        <v>0</v>
      </c>
      <c r="GT26" s="313">
        <v>327616</v>
      </c>
      <c r="GU26" s="314">
        <v>327616</v>
      </c>
      <c r="GV26" s="312">
        <v>0</v>
      </c>
      <c r="GW26" s="313">
        <v>143200</v>
      </c>
      <c r="GX26" s="313">
        <v>0</v>
      </c>
      <c r="GY26" s="313">
        <v>160000</v>
      </c>
      <c r="GZ26" s="313">
        <v>0</v>
      </c>
      <c r="HA26" s="313">
        <v>0</v>
      </c>
      <c r="HB26" s="317">
        <v>303200</v>
      </c>
      <c r="HC26" s="316">
        <v>630816</v>
      </c>
      <c r="HD26" s="312">
        <v>0</v>
      </c>
      <c r="HE26" s="313">
        <v>0</v>
      </c>
      <c r="HF26" s="317">
        <v>0</v>
      </c>
      <c r="HG26" s="318">
        <v>0</v>
      </c>
      <c r="HH26" s="313">
        <v>812566</v>
      </c>
      <c r="HI26" s="313">
        <v>1633770</v>
      </c>
      <c r="HJ26" s="313">
        <v>1102086</v>
      </c>
      <c r="HK26" s="313">
        <v>2309998</v>
      </c>
      <c r="HL26" s="313">
        <v>974172</v>
      </c>
      <c r="HM26" s="314">
        <v>6832592</v>
      </c>
      <c r="HN26" s="315">
        <v>6832592</v>
      </c>
      <c r="HO26" s="319">
        <v>0</v>
      </c>
      <c r="HP26" s="313">
        <v>0</v>
      </c>
      <c r="HQ26" s="314">
        <v>0</v>
      </c>
      <c r="HR26" s="312">
        <v>0</v>
      </c>
      <c r="HS26" s="313">
        <v>0</v>
      </c>
      <c r="HT26" s="313">
        <v>0</v>
      </c>
      <c r="HU26" s="313">
        <v>0</v>
      </c>
      <c r="HV26" s="313">
        <v>0</v>
      </c>
      <c r="HW26" s="313">
        <v>0</v>
      </c>
      <c r="HX26" s="317">
        <v>0</v>
      </c>
      <c r="HY26" s="316">
        <v>0</v>
      </c>
      <c r="HZ26" s="344">
        <v>0</v>
      </c>
      <c r="IA26" s="342">
        <v>0</v>
      </c>
      <c r="IB26" s="344">
        <v>0</v>
      </c>
      <c r="IC26" s="341">
        <v>0</v>
      </c>
      <c r="ID26" s="342">
        <v>1397364</v>
      </c>
      <c r="IE26" s="343">
        <v>1102240</v>
      </c>
      <c r="IF26" s="344">
        <v>446015</v>
      </c>
      <c r="IG26" s="342">
        <v>303683</v>
      </c>
      <c r="IH26" s="344">
        <v>0</v>
      </c>
      <c r="II26" s="345">
        <v>3249302</v>
      </c>
      <c r="IJ26" s="344">
        <v>3249302</v>
      </c>
      <c r="IK26" s="328">
        <v>0</v>
      </c>
      <c r="IL26" s="329">
        <v>0</v>
      </c>
      <c r="IM26" s="330">
        <v>0</v>
      </c>
      <c r="IN26" s="390">
        <v>0</v>
      </c>
      <c r="IO26" s="331">
        <v>66380</v>
      </c>
      <c r="IP26" s="331">
        <v>0</v>
      </c>
      <c r="IQ26" s="331">
        <v>0</v>
      </c>
      <c r="IR26" s="331">
        <v>0</v>
      </c>
      <c r="IS26" s="331">
        <v>0</v>
      </c>
      <c r="IT26" s="332">
        <v>66380</v>
      </c>
      <c r="IU26" s="333">
        <v>66380</v>
      </c>
      <c r="IV26" s="334">
        <v>0</v>
      </c>
      <c r="IW26" s="331">
        <v>0</v>
      </c>
      <c r="IX26" s="335">
        <v>0</v>
      </c>
      <c r="IY26" s="390">
        <v>0</v>
      </c>
      <c r="IZ26" s="331">
        <v>0</v>
      </c>
      <c r="JA26" s="331">
        <v>0</v>
      </c>
      <c r="JB26" s="331">
        <v>0</v>
      </c>
      <c r="JC26" s="331">
        <v>0</v>
      </c>
      <c r="JD26" s="331">
        <v>0</v>
      </c>
      <c r="JE26" s="335">
        <v>0</v>
      </c>
      <c r="JF26" s="336">
        <v>0</v>
      </c>
      <c r="JG26" s="334">
        <v>0</v>
      </c>
      <c r="JH26" s="331">
        <v>0</v>
      </c>
      <c r="JI26" s="332">
        <v>0</v>
      </c>
      <c r="JJ26" s="337">
        <v>0</v>
      </c>
      <c r="JK26" s="331">
        <v>852769</v>
      </c>
      <c r="JL26" s="331">
        <v>360686</v>
      </c>
      <c r="JM26" s="331">
        <v>209248</v>
      </c>
      <c r="JN26" s="331">
        <v>89041</v>
      </c>
      <c r="JO26" s="331">
        <v>0</v>
      </c>
      <c r="JP26" s="335">
        <v>1511744</v>
      </c>
      <c r="JQ26" s="333">
        <v>1511744</v>
      </c>
      <c r="JR26" s="334">
        <v>0</v>
      </c>
      <c r="JS26" s="331">
        <v>0</v>
      </c>
      <c r="JT26" s="332">
        <v>0</v>
      </c>
      <c r="JU26" s="337">
        <v>0</v>
      </c>
      <c r="JV26" s="331">
        <v>0</v>
      </c>
      <c r="JW26" s="331">
        <v>0</v>
      </c>
      <c r="JX26" s="331">
        <v>0</v>
      </c>
      <c r="JY26" s="331">
        <v>0</v>
      </c>
      <c r="JZ26" s="331">
        <v>0</v>
      </c>
      <c r="KA26" s="335">
        <v>0</v>
      </c>
      <c r="KB26" s="333">
        <v>0</v>
      </c>
      <c r="KC26" s="338">
        <v>0</v>
      </c>
      <c r="KD26" s="339">
        <v>0</v>
      </c>
      <c r="KE26" s="335">
        <v>0</v>
      </c>
      <c r="KF26" s="337">
        <v>0</v>
      </c>
      <c r="KG26" s="331">
        <v>0</v>
      </c>
      <c r="KH26" s="331">
        <v>0</v>
      </c>
      <c r="KI26" s="331">
        <v>236767</v>
      </c>
      <c r="KJ26" s="331">
        <v>0</v>
      </c>
      <c r="KK26" s="331">
        <v>0</v>
      </c>
      <c r="KL26" s="335">
        <v>236767</v>
      </c>
      <c r="KM26" s="340">
        <v>236767</v>
      </c>
      <c r="KN26" s="328">
        <v>0</v>
      </c>
      <c r="KO26" s="329">
        <v>0</v>
      </c>
      <c r="KP26" s="330">
        <v>0</v>
      </c>
      <c r="KQ26" s="390">
        <v>0</v>
      </c>
      <c r="KR26" s="331">
        <v>478215</v>
      </c>
      <c r="KS26" s="331">
        <v>741554</v>
      </c>
      <c r="KT26" s="331">
        <v>0</v>
      </c>
      <c r="KU26" s="331">
        <v>214642</v>
      </c>
      <c r="KV26" s="331">
        <v>0</v>
      </c>
      <c r="KW26" s="335">
        <v>1434411</v>
      </c>
      <c r="KX26" s="333">
        <v>1434411</v>
      </c>
      <c r="KY26" s="334">
        <v>0</v>
      </c>
      <c r="KZ26" s="331">
        <v>0</v>
      </c>
      <c r="LA26" s="335">
        <v>0</v>
      </c>
      <c r="LB26" s="390">
        <v>0</v>
      </c>
      <c r="LC26" s="331">
        <v>0</v>
      </c>
      <c r="LD26" s="331">
        <v>0</v>
      </c>
      <c r="LE26" s="331">
        <v>0</v>
      </c>
      <c r="LF26" s="331">
        <v>0</v>
      </c>
      <c r="LG26" s="331">
        <v>0</v>
      </c>
      <c r="LH26" s="335">
        <v>0</v>
      </c>
      <c r="LI26" s="336">
        <v>0</v>
      </c>
      <c r="LJ26" s="334">
        <v>0</v>
      </c>
      <c r="LK26" s="331">
        <v>0</v>
      </c>
      <c r="LL26" s="335">
        <v>0</v>
      </c>
      <c r="LM26" s="390">
        <v>0</v>
      </c>
      <c r="LN26" s="331">
        <v>0</v>
      </c>
      <c r="LO26" s="331">
        <v>0</v>
      </c>
      <c r="LP26" s="331">
        <v>0</v>
      </c>
      <c r="LQ26" s="331">
        <v>0</v>
      </c>
      <c r="LR26" s="331">
        <v>0</v>
      </c>
      <c r="LS26" s="335">
        <v>0</v>
      </c>
      <c r="LT26" s="333">
        <v>0</v>
      </c>
      <c r="LU26" s="334">
        <v>0</v>
      </c>
      <c r="LV26" s="331">
        <v>0</v>
      </c>
      <c r="LW26" s="335">
        <v>0</v>
      </c>
      <c r="LX26" s="390">
        <v>0</v>
      </c>
      <c r="LY26" s="331">
        <v>0</v>
      </c>
      <c r="LZ26" s="331">
        <v>0</v>
      </c>
      <c r="MA26" s="331">
        <v>0</v>
      </c>
      <c r="MB26" s="331">
        <v>0</v>
      </c>
      <c r="MC26" s="331">
        <v>0</v>
      </c>
      <c r="MD26" s="335">
        <v>0</v>
      </c>
      <c r="ME26" s="336">
        <v>0</v>
      </c>
      <c r="MF26" s="334">
        <v>0</v>
      </c>
      <c r="MG26" s="331">
        <v>0</v>
      </c>
      <c r="MH26" s="335">
        <v>0</v>
      </c>
      <c r="MI26" s="390">
        <v>0</v>
      </c>
      <c r="MJ26" s="331">
        <v>543069</v>
      </c>
      <c r="MK26" s="331">
        <v>0</v>
      </c>
      <c r="ML26" s="331">
        <v>1619030</v>
      </c>
      <c r="MM26" s="331">
        <v>2347472</v>
      </c>
      <c r="MN26" s="331">
        <v>1755795</v>
      </c>
      <c r="MO26" s="335">
        <v>6265366</v>
      </c>
      <c r="MP26" s="340">
        <v>6265366</v>
      </c>
      <c r="MQ26" s="334">
        <v>0</v>
      </c>
      <c r="MR26" s="331">
        <v>0</v>
      </c>
      <c r="MS26" s="335">
        <v>0</v>
      </c>
      <c r="MT26" s="390">
        <v>0</v>
      </c>
      <c r="MU26" s="331">
        <v>0</v>
      </c>
      <c r="MV26" s="331">
        <v>0</v>
      </c>
      <c r="MW26" s="331">
        <v>989595</v>
      </c>
      <c r="MX26" s="331">
        <v>1960672</v>
      </c>
      <c r="MY26" s="331">
        <v>1216576</v>
      </c>
      <c r="MZ26" s="335">
        <v>4166843</v>
      </c>
      <c r="NA26" s="340">
        <v>4166843</v>
      </c>
      <c r="NB26" s="334">
        <v>0</v>
      </c>
      <c r="NC26" s="331">
        <v>0</v>
      </c>
      <c r="ND26" s="335">
        <v>0</v>
      </c>
      <c r="NE26" s="390">
        <v>0</v>
      </c>
      <c r="NF26" s="331">
        <v>543069</v>
      </c>
      <c r="NG26" s="331">
        <v>0</v>
      </c>
      <c r="NH26" s="331">
        <v>629435</v>
      </c>
      <c r="NI26" s="331">
        <v>386800</v>
      </c>
      <c r="NJ26" s="331">
        <v>169474</v>
      </c>
      <c r="NK26" s="335">
        <v>1728778</v>
      </c>
      <c r="NL26" s="333">
        <v>1728778</v>
      </c>
      <c r="NM26" s="334">
        <v>0</v>
      </c>
      <c r="NN26" s="331">
        <v>0</v>
      </c>
      <c r="NO26" s="335">
        <v>0</v>
      </c>
      <c r="NP26" s="390">
        <v>0</v>
      </c>
      <c r="NQ26" s="331">
        <v>0</v>
      </c>
      <c r="NR26" s="331">
        <v>0</v>
      </c>
      <c r="NS26" s="331">
        <v>0</v>
      </c>
      <c r="NT26" s="331">
        <v>0</v>
      </c>
      <c r="NU26" s="331">
        <v>0</v>
      </c>
      <c r="NV26" s="335">
        <v>0</v>
      </c>
      <c r="NW26" s="336">
        <v>0</v>
      </c>
      <c r="NX26" s="334">
        <v>0</v>
      </c>
      <c r="NY26" s="331">
        <v>0</v>
      </c>
      <c r="NZ26" s="335">
        <v>0</v>
      </c>
      <c r="OA26" s="390">
        <v>0</v>
      </c>
      <c r="OB26" s="331">
        <v>0</v>
      </c>
      <c r="OC26" s="331">
        <v>0</v>
      </c>
      <c r="OD26" s="331">
        <v>0</v>
      </c>
      <c r="OE26" s="331">
        <v>0</v>
      </c>
      <c r="OF26" s="331">
        <v>369745</v>
      </c>
      <c r="OG26" s="335">
        <v>369745</v>
      </c>
      <c r="OH26" s="336">
        <v>369745</v>
      </c>
      <c r="OI26" s="334">
        <v>179139</v>
      </c>
      <c r="OJ26" s="331">
        <v>748334</v>
      </c>
      <c r="OK26" s="332">
        <v>927473</v>
      </c>
      <c r="OL26" s="337">
        <v>0</v>
      </c>
      <c r="OM26" s="331">
        <v>5594180</v>
      </c>
      <c r="ON26" s="331">
        <v>6892483</v>
      </c>
      <c r="OO26" s="331">
        <v>5844550</v>
      </c>
      <c r="OP26" s="331">
        <v>6965186</v>
      </c>
      <c r="OQ26" s="331">
        <v>3699418</v>
      </c>
      <c r="OR26" s="335">
        <v>28995817</v>
      </c>
      <c r="OS26" s="340">
        <v>29923290</v>
      </c>
    </row>
    <row r="27" spans="2:409" s="56" customFormat="1" ht="21" customHeight="1" x14ac:dyDescent="0.2">
      <c r="B27" s="396" t="s">
        <v>22</v>
      </c>
      <c r="C27" s="312">
        <v>97845</v>
      </c>
      <c r="D27" s="313">
        <v>100228</v>
      </c>
      <c r="E27" s="314">
        <v>198073</v>
      </c>
      <c r="F27" s="315">
        <v>0</v>
      </c>
      <c r="G27" s="313">
        <v>2568168</v>
      </c>
      <c r="H27" s="313">
        <v>2062208</v>
      </c>
      <c r="I27" s="313">
        <v>2358092</v>
      </c>
      <c r="J27" s="313">
        <v>1419674</v>
      </c>
      <c r="K27" s="313">
        <v>660184</v>
      </c>
      <c r="L27" s="353">
        <v>9068326</v>
      </c>
      <c r="M27" s="316">
        <v>9266399</v>
      </c>
      <c r="N27" s="312">
        <v>44964</v>
      </c>
      <c r="O27" s="313">
        <v>0</v>
      </c>
      <c r="P27" s="314">
        <v>44964</v>
      </c>
      <c r="Q27" s="312">
        <v>0</v>
      </c>
      <c r="R27" s="313">
        <v>782104</v>
      </c>
      <c r="S27" s="313">
        <v>674842</v>
      </c>
      <c r="T27" s="313">
        <v>543773</v>
      </c>
      <c r="U27" s="313">
        <v>353303</v>
      </c>
      <c r="V27" s="313">
        <v>303614</v>
      </c>
      <c r="W27" s="314">
        <v>2657636</v>
      </c>
      <c r="X27" s="316">
        <v>2702600</v>
      </c>
      <c r="Y27" s="312">
        <v>0</v>
      </c>
      <c r="Z27" s="313">
        <v>0</v>
      </c>
      <c r="AA27" s="314">
        <v>0</v>
      </c>
      <c r="AB27" s="312">
        <v>0</v>
      </c>
      <c r="AC27" s="313">
        <v>538305</v>
      </c>
      <c r="AD27" s="313">
        <v>335912</v>
      </c>
      <c r="AE27" s="313">
        <v>293733</v>
      </c>
      <c r="AF27" s="313">
        <v>139304</v>
      </c>
      <c r="AG27" s="313">
        <v>152270</v>
      </c>
      <c r="AH27" s="314">
        <v>1459524</v>
      </c>
      <c r="AI27" s="316">
        <v>1459524</v>
      </c>
      <c r="AJ27" s="312">
        <v>0</v>
      </c>
      <c r="AK27" s="313">
        <v>0</v>
      </c>
      <c r="AL27" s="314">
        <v>0</v>
      </c>
      <c r="AM27" s="312">
        <v>0</v>
      </c>
      <c r="AN27" s="313">
        <v>0</v>
      </c>
      <c r="AO27" s="313">
        <v>0</v>
      </c>
      <c r="AP27" s="313">
        <v>0</v>
      </c>
      <c r="AQ27" s="313">
        <v>0</v>
      </c>
      <c r="AR27" s="313">
        <v>25336</v>
      </c>
      <c r="AS27" s="314">
        <v>25336</v>
      </c>
      <c r="AT27" s="316">
        <v>25336</v>
      </c>
      <c r="AU27" s="312">
        <v>0</v>
      </c>
      <c r="AV27" s="313">
        <v>0</v>
      </c>
      <c r="AW27" s="314">
        <v>0</v>
      </c>
      <c r="AX27" s="312">
        <v>0</v>
      </c>
      <c r="AY27" s="313">
        <v>132630</v>
      </c>
      <c r="AZ27" s="313">
        <v>241586</v>
      </c>
      <c r="BA27" s="313">
        <v>156064</v>
      </c>
      <c r="BB27" s="313">
        <v>63634</v>
      </c>
      <c r="BC27" s="313">
        <v>94328</v>
      </c>
      <c r="BD27" s="314">
        <v>688242</v>
      </c>
      <c r="BE27" s="316">
        <v>688242</v>
      </c>
      <c r="BF27" s="312">
        <v>22260</v>
      </c>
      <c r="BG27" s="313">
        <v>0</v>
      </c>
      <c r="BH27" s="317">
        <v>22260</v>
      </c>
      <c r="BI27" s="318">
        <v>0</v>
      </c>
      <c r="BJ27" s="313">
        <v>31209</v>
      </c>
      <c r="BK27" s="313">
        <v>0</v>
      </c>
      <c r="BL27" s="313">
        <v>0</v>
      </c>
      <c r="BM27" s="313">
        <v>44621</v>
      </c>
      <c r="BN27" s="313">
        <v>0</v>
      </c>
      <c r="BO27" s="314">
        <v>75830</v>
      </c>
      <c r="BP27" s="316">
        <v>98090</v>
      </c>
      <c r="BQ27" s="312">
        <v>22704</v>
      </c>
      <c r="BR27" s="313">
        <v>0</v>
      </c>
      <c r="BS27" s="314">
        <v>22704</v>
      </c>
      <c r="BT27" s="312">
        <v>0</v>
      </c>
      <c r="BU27" s="313">
        <v>79960</v>
      </c>
      <c r="BV27" s="313">
        <v>97344</v>
      </c>
      <c r="BW27" s="313">
        <v>93976</v>
      </c>
      <c r="BX27" s="313">
        <v>105744</v>
      </c>
      <c r="BY27" s="313">
        <v>31680</v>
      </c>
      <c r="BZ27" s="314">
        <v>408704</v>
      </c>
      <c r="CA27" s="316">
        <v>431408</v>
      </c>
      <c r="CB27" s="312">
        <v>0</v>
      </c>
      <c r="CC27" s="313">
        <v>38608</v>
      </c>
      <c r="CD27" s="314">
        <v>38608</v>
      </c>
      <c r="CE27" s="312">
        <v>0</v>
      </c>
      <c r="CF27" s="313">
        <v>809163</v>
      </c>
      <c r="CG27" s="313">
        <v>740197</v>
      </c>
      <c r="CH27" s="313">
        <v>963966</v>
      </c>
      <c r="CI27" s="313">
        <v>0</v>
      </c>
      <c r="CJ27" s="313">
        <v>104180</v>
      </c>
      <c r="CK27" s="314">
        <v>2617506</v>
      </c>
      <c r="CL27" s="316">
        <v>2656114</v>
      </c>
      <c r="CM27" s="312">
        <v>0</v>
      </c>
      <c r="CN27" s="313">
        <v>0</v>
      </c>
      <c r="CO27" s="314">
        <v>0</v>
      </c>
      <c r="CP27" s="318">
        <v>0</v>
      </c>
      <c r="CQ27" s="313">
        <v>634798</v>
      </c>
      <c r="CR27" s="313">
        <v>696469</v>
      </c>
      <c r="CS27" s="313">
        <v>963966</v>
      </c>
      <c r="CT27" s="313">
        <v>0</v>
      </c>
      <c r="CU27" s="313">
        <v>0</v>
      </c>
      <c r="CV27" s="314">
        <v>2295233</v>
      </c>
      <c r="CW27" s="316">
        <v>2295233</v>
      </c>
      <c r="CX27" s="312">
        <v>0</v>
      </c>
      <c r="CY27" s="313">
        <v>38608</v>
      </c>
      <c r="CZ27" s="314">
        <v>38608</v>
      </c>
      <c r="DA27" s="312">
        <v>0</v>
      </c>
      <c r="DB27" s="313">
        <v>174365</v>
      </c>
      <c r="DC27" s="313">
        <v>43728</v>
      </c>
      <c r="DD27" s="313">
        <v>0</v>
      </c>
      <c r="DE27" s="313">
        <v>0</v>
      </c>
      <c r="DF27" s="313">
        <v>104180</v>
      </c>
      <c r="DG27" s="314">
        <v>322273</v>
      </c>
      <c r="DH27" s="316">
        <v>360881</v>
      </c>
      <c r="DI27" s="312">
        <v>0</v>
      </c>
      <c r="DJ27" s="313">
        <v>0</v>
      </c>
      <c r="DK27" s="317">
        <v>0</v>
      </c>
      <c r="DL27" s="318">
        <v>0</v>
      </c>
      <c r="DM27" s="313">
        <v>51535</v>
      </c>
      <c r="DN27" s="313">
        <v>133352</v>
      </c>
      <c r="DO27" s="313">
        <v>130980</v>
      </c>
      <c r="DP27" s="313">
        <v>217108</v>
      </c>
      <c r="DQ27" s="313">
        <v>0</v>
      </c>
      <c r="DR27" s="314">
        <v>532975</v>
      </c>
      <c r="DS27" s="316">
        <v>532975</v>
      </c>
      <c r="DT27" s="312">
        <v>0</v>
      </c>
      <c r="DU27" s="313">
        <v>0</v>
      </c>
      <c r="DV27" s="314">
        <v>0</v>
      </c>
      <c r="DW27" s="312">
        <v>0</v>
      </c>
      <c r="DX27" s="313">
        <v>0</v>
      </c>
      <c r="DY27" s="313">
        <v>59964</v>
      </c>
      <c r="DZ27" s="313">
        <v>130980</v>
      </c>
      <c r="EA27" s="313">
        <v>217108</v>
      </c>
      <c r="EB27" s="313">
        <v>0</v>
      </c>
      <c r="EC27" s="314">
        <v>408052</v>
      </c>
      <c r="ED27" s="316">
        <v>408052</v>
      </c>
      <c r="EE27" s="312">
        <v>0</v>
      </c>
      <c r="EF27" s="317">
        <v>0</v>
      </c>
      <c r="EG27" s="314">
        <v>0</v>
      </c>
      <c r="EH27" s="312">
        <v>0</v>
      </c>
      <c r="EI27" s="313">
        <v>51535</v>
      </c>
      <c r="EJ27" s="313">
        <v>73388</v>
      </c>
      <c r="EK27" s="313">
        <v>0</v>
      </c>
      <c r="EL27" s="313">
        <v>0</v>
      </c>
      <c r="EM27" s="313">
        <v>0</v>
      </c>
      <c r="EN27" s="317">
        <v>124923</v>
      </c>
      <c r="EO27" s="316">
        <v>124923</v>
      </c>
      <c r="EP27" s="312">
        <v>0</v>
      </c>
      <c r="EQ27" s="313">
        <v>0</v>
      </c>
      <c r="ER27" s="317">
        <v>0</v>
      </c>
      <c r="ES27" s="318">
        <v>0</v>
      </c>
      <c r="ET27" s="313">
        <v>0</v>
      </c>
      <c r="EU27" s="313">
        <v>0</v>
      </c>
      <c r="EV27" s="313">
        <v>0</v>
      </c>
      <c r="EW27" s="313">
        <v>0</v>
      </c>
      <c r="EX27" s="313">
        <v>0</v>
      </c>
      <c r="EY27" s="314">
        <v>0</v>
      </c>
      <c r="EZ27" s="316">
        <v>0</v>
      </c>
      <c r="FA27" s="312">
        <v>0</v>
      </c>
      <c r="FB27" s="313">
        <v>0</v>
      </c>
      <c r="FC27" s="317">
        <v>0</v>
      </c>
      <c r="FD27" s="318">
        <v>0</v>
      </c>
      <c r="FE27" s="313">
        <v>0</v>
      </c>
      <c r="FF27" s="313">
        <v>0</v>
      </c>
      <c r="FG27" s="313">
        <v>0</v>
      </c>
      <c r="FH27" s="313">
        <v>0</v>
      </c>
      <c r="FI27" s="313">
        <v>0</v>
      </c>
      <c r="FJ27" s="314">
        <v>0</v>
      </c>
      <c r="FK27" s="316">
        <v>0</v>
      </c>
      <c r="FL27" s="312">
        <v>0</v>
      </c>
      <c r="FM27" s="313">
        <v>33840</v>
      </c>
      <c r="FN27" s="314">
        <v>33840</v>
      </c>
      <c r="FO27" s="312">
        <v>0</v>
      </c>
      <c r="FP27" s="313">
        <v>137264</v>
      </c>
      <c r="FQ27" s="313">
        <v>342160</v>
      </c>
      <c r="FR27" s="313">
        <v>193872</v>
      </c>
      <c r="FS27" s="313">
        <v>38384</v>
      </c>
      <c r="FT27" s="313">
        <v>96320</v>
      </c>
      <c r="FU27" s="314">
        <v>808000</v>
      </c>
      <c r="FV27" s="316">
        <v>841840</v>
      </c>
      <c r="FW27" s="319">
        <v>0</v>
      </c>
      <c r="FX27" s="313">
        <v>33840</v>
      </c>
      <c r="FY27" s="317">
        <v>33840</v>
      </c>
      <c r="FZ27" s="318">
        <v>0</v>
      </c>
      <c r="GA27" s="313">
        <v>137264</v>
      </c>
      <c r="GB27" s="313">
        <v>259840</v>
      </c>
      <c r="GC27" s="313">
        <v>193872</v>
      </c>
      <c r="GD27" s="313">
        <v>38384</v>
      </c>
      <c r="GE27" s="313">
        <v>96320</v>
      </c>
      <c r="GF27" s="314">
        <v>725680</v>
      </c>
      <c r="GG27" s="320">
        <v>759520</v>
      </c>
      <c r="GH27" s="319">
        <v>0</v>
      </c>
      <c r="GI27" s="313">
        <v>0</v>
      </c>
      <c r="GJ27" s="317">
        <v>0</v>
      </c>
      <c r="GK27" s="318">
        <v>0</v>
      </c>
      <c r="GL27" s="313">
        <v>0</v>
      </c>
      <c r="GM27" s="313">
        <v>0</v>
      </c>
      <c r="GN27" s="313">
        <v>0</v>
      </c>
      <c r="GO27" s="313">
        <v>0</v>
      </c>
      <c r="GP27" s="313">
        <v>0</v>
      </c>
      <c r="GQ27" s="314">
        <v>0</v>
      </c>
      <c r="GR27" s="316">
        <v>0</v>
      </c>
      <c r="GS27" s="312">
        <v>0</v>
      </c>
      <c r="GT27" s="313">
        <v>0</v>
      </c>
      <c r="GU27" s="314">
        <v>0</v>
      </c>
      <c r="GV27" s="312">
        <v>0</v>
      </c>
      <c r="GW27" s="313">
        <v>0</v>
      </c>
      <c r="GX27" s="313">
        <v>82320</v>
      </c>
      <c r="GY27" s="313">
        <v>0</v>
      </c>
      <c r="GZ27" s="313">
        <v>0</v>
      </c>
      <c r="HA27" s="313">
        <v>0</v>
      </c>
      <c r="HB27" s="317">
        <v>82320</v>
      </c>
      <c r="HC27" s="316">
        <v>82320</v>
      </c>
      <c r="HD27" s="312">
        <v>52881</v>
      </c>
      <c r="HE27" s="313">
        <v>27780</v>
      </c>
      <c r="HF27" s="317">
        <v>80661</v>
      </c>
      <c r="HG27" s="318">
        <v>0</v>
      </c>
      <c r="HH27" s="313">
        <v>788102</v>
      </c>
      <c r="HI27" s="313">
        <v>171657</v>
      </c>
      <c r="HJ27" s="313">
        <v>525501</v>
      </c>
      <c r="HK27" s="313">
        <v>810879</v>
      </c>
      <c r="HL27" s="313">
        <v>156070</v>
      </c>
      <c r="HM27" s="314">
        <v>2452209</v>
      </c>
      <c r="HN27" s="315">
        <v>2532870</v>
      </c>
      <c r="HO27" s="319">
        <v>0</v>
      </c>
      <c r="HP27" s="313">
        <v>0</v>
      </c>
      <c r="HQ27" s="314">
        <v>0</v>
      </c>
      <c r="HR27" s="312">
        <v>0</v>
      </c>
      <c r="HS27" s="313">
        <v>0</v>
      </c>
      <c r="HT27" s="313">
        <v>0</v>
      </c>
      <c r="HU27" s="313">
        <v>0</v>
      </c>
      <c r="HV27" s="313">
        <v>0</v>
      </c>
      <c r="HW27" s="313">
        <v>0</v>
      </c>
      <c r="HX27" s="317">
        <v>0</v>
      </c>
      <c r="HY27" s="316">
        <v>0</v>
      </c>
      <c r="HZ27" s="321">
        <v>0</v>
      </c>
      <c r="IA27" s="322">
        <v>0</v>
      </c>
      <c r="IB27" s="323">
        <v>0</v>
      </c>
      <c r="IC27" s="324">
        <v>0</v>
      </c>
      <c r="ID27" s="322">
        <v>651274</v>
      </c>
      <c r="IE27" s="325">
        <v>1279388</v>
      </c>
      <c r="IF27" s="323">
        <v>1396146</v>
      </c>
      <c r="IG27" s="322">
        <v>1360169</v>
      </c>
      <c r="IH27" s="323">
        <v>238564</v>
      </c>
      <c r="II27" s="326">
        <v>4925541</v>
      </c>
      <c r="IJ27" s="327">
        <v>4925541</v>
      </c>
      <c r="IK27" s="328">
        <v>0</v>
      </c>
      <c r="IL27" s="329">
        <v>0</v>
      </c>
      <c r="IM27" s="330">
        <v>0</v>
      </c>
      <c r="IN27" s="390">
        <v>0</v>
      </c>
      <c r="IO27" s="331">
        <v>0</v>
      </c>
      <c r="IP27" s="331">
        <v>109160</v>
      </c>
      <c r="IQ27" s="331">
        <v>322384</v>
      </c>
      <c r="IR27" s="331">
        <v>0</v>
      </c>
      <c r="IS27" s="331">
        <v>0</v>
      </c>
      <c r="IT27" s="332">
        <v>431544</v>
      </c>
      <c r="IU27" s="333">
        <v>431544</v>
      </c>
      <c r="IV27" s="334">
        <v>0</v>
      </c>
      <c r="IW27" s="331">
        <v>0</v>
      </c>
      <c r="IX27" s="335">
        <v>0</v>
      </c>
      <c r="IY27" s="390">
        <v>0</v>
      </c>
      <c r="IZ27" s="331">
        <v>0</v>
      </c>
      <c r="JA27" s="331">
        <v>0</v>
      </c>
      <c r="JB27" s="331">
        <v>0</v>
      </c>
      <c r="JC27" s="331">
        <v>0</v>
      </c>
      <c r="JD27" s="331">
        <v>0</v>
      </c>
      <c r="JE27" s="335">
        <v>0</v>
      </c>
      <c r="JF27" s="336">
        <v>0</v>
      </c>
      <c r="JG27" s="334">
        <v>0</v>
      </c>
      <c r="JH27" s="331">
        <v>0</v>
      </c>
      <c r="JI27" s="332">
        <v>0</v>
      </c>
      <c r="JJ27" s="337">
        <v>0</v>
      </c>
      <c r="JK27" s="331">
        <v>300422</v>
      </c>
      <c r="JL27" s="331">
        <v>199395</v>
      </c>
      <c r="JM27" s="331">
        <v>159959</v>
      </c>
      <c r="JN27" s="331">
        <v>0</v>
      </c>
      <c r="JO27" s="331">
        <v>238564</v>
      </c>
      <c r="JP27" s="335">
        <v>898340</v>
      </c>
      <c r="JQ27" s="333">
        <v>898340</v>
      </c>
      <c r="JR27" s="334">
        <v>0</v>
      </c>
      <c r="JS27" s="331">
        <v>0</v>
      </c>
      <c r="JT27" s="332">
        <v>0</v>
      </c>
      <c r="JU27" s="337">
        <v>0</v>
      </c>
      <c r="JV27" s="331">
        <v>0</v>
      </c>
      <c r="JW27" s="331">
        <v>0</v>
      </c>
      <c r="JX27" s="331">
        <v>193042</v>
      </c>
      <c r="JY27" s="331">
        <v>0</v>
      </c>
      <c r="JZ27" s="331">
        <v>0</v>
      </c>
      <c r="KA27" s="335">
        <v>193042</v>
      </c>
      <c r="KB27" s="333">
        <v>193042</v>
      </c>
      <c r="KC27" s="338">
        <v>0</v>
      </c>
      <c r="KD27" s="339">
        <v>0</v>
      </c>
      <c r="KE27" s="335">
        <v>0</v>
      </c>
      <c r="KF27" s="337">
        <v>0</v>
      </c>
      <c r="KG27" s="331">
        <v>123992</v>
      </c>
      <c r="KH27" s="331">
        <v>0</v>
      </c>
      <c r="KI27" s="331">
        <v>476988</v>
      </c>
      <c r="KJ27" s="331">
        <v>0</v>
      </c>
      <c r="KK27" s="331">
        <v>0</v>
      </c>
      <c r="KL27" s="335">
        <v>600980</v>
      </c>
      <c r="KM27" s="340">
        <v>600980</v>
      </c>
      <c r="KN27" s="328">
        <v>0</v>
      </c>
      <c r="KO27" s="329">
        <v>0</v>
      </c>
      <c r="KP27" s="330">
        <v>0</v>
      </c>
      <c r="KQ27" s="390">
        <v>0</v>
      </c>
      <c r="KR27" s="331">
        <v>226860</v>
      </c>
      <c r="KS27" s="331">
        <v>739074</v>
      </c>
      <c r="KT27" s="331">
        <v>243773</v>
      </c>
      <c r="KU27" s="331">
        <v>251033</v>
      </c>
      <c r="KV27" s="331">
        <v>0</v>
      </c>
      <c r="KW27" s="335">
        <v>1460740</v>
      </c>
      <c r="KX27" s="333">
        <v>1460740</v>
      </c>
      <c r="KY27" s="334">
        <v>0</v>
      </c>
      <c r="KZ27" s="331">
        <v>0</v>
      </c>
      <c r="LA27" s="335">
        <v>0</v>
      </c>
      <c r="LB27" s="390">
        <v>0</v>
      </c>
      <c r="LC27" s="331">
        <v>0</v>
      </c>
      <c r="LD27" s="331">
        <v>0</v>
      </c>
      <c r="LE27" s="331">
        <v>0</v>
      </c>
      <c r="LF27" s="331">
        <v>0</v>
      </c>
      <c r="LG27" s="331">
        <v>0</v>
      </c>
      <c r="LH27" s="335">
        <v>0</v>
      </c>
      <c r="LI27" s="336">
        <v>0</v>
      </c>
      <c r="LJ27" s="334">
        <v>0</v>
      </c>
      <c r="LK27" s="331">
        <v>0</v>
      </c>
      <c r="LL27" s="335">
        <v>0</v>
      </c>
      <c r="LM27" s="390">
        <v>0</v>
      </c>
      <c r="LN27" s="331">
        <v>0</v>
      </c>
      <c r="LO27" s="331">
        <v>231759</v>
      </c>
      <c r="LP27" s="331">
        <v>0</v>
      </c>
      <c r="LQ27" s="331">
        <v>1109136</v>
      </c>
      <c r="LR27" s="331">
        <v>0</v>
      </c>
      <c r="LS27" s="335">
        <v>1340895</v>
      </c>
      <c r="LT27" s="333">
        <v>1340895</v>
      </c>
      <c r="LU27" s="334">
        <v>0</v>
      </c>
      <c r="LV27" s="331">
        <v>0</v>
      </c>
      <c r="LW27" s="335">
        <v>0</v>
      </c>
      <c r="LX27" s="390">
        <v>0</v>
      </c>
      <c r="LY27" s="331">
        <v>0</v>
      </c>
      <c r="LZ27" s="331">
        <v>0</v>
      </c>
      <c r="MA27" s="331">
        <v>0</v>
      </c>
      <c r="MB27" s="331">
        <v>0</v>
      </c>
      <c r="MC27" s="331">
        <v>0</v>
      </c>
      <c r="MD27" s="335">
        <v>0</v>
      </c>
      <c r="ME27" s="336">
        <v>0</v>
      </c>
      <c r="MF27" s="334">
        <v>0</v>
      </c>
      <c r="MG27" s="331">
        <v>0</v>
      </c>
      <c r="MH27" s="335">
        <v>0</v>
      </c>
      <c r="MI27" s="390">
        <v>0</v>
      </c>
      <c r="MJ27" s="331">
        <v>0</v>
      </c>
      <c r="MK27" s="331">
        <v>385359</v>
      </c>
      <c r="ML27" s="331">
        <v>1550716</v>
      </c>
      <c r="MM27" s="331">
        <v>1911469</v>
      </c>
      <c r="MN27" s="331">
        <v>275679</v>
      </c>
      <c r="MO27" s="335">
        <v>4123223</v>
      </c>
      <c r="MP27" s="340">
        <v>4123223</v>
      </c>
      <c r="MQ27" s="334">
        <v>0</v>
      </c>
      <c r="MR27" s="331">
        <v>0</v>
      </c>
      <c r="MS27" s="335">
        <v>0</v>
      </c>
      <c r="MT27" s="390">
        <v>0</v>
      </c>
      <c r="MU27" s="331">
        <v>0</v>
      </c>
      <c r="MV27" s="331">
        <v>0</v>
      </c>
      <c r="MW27" s="331">
        <v>993944</v>
      </c>
      <c r="MX27" s="331">
        <v>548837</v>
      </c>
      <c r="MY27" s="331">
        <v>275679</v>
      </c>
      <c r="MZ27" s="335">
        <v>1818460</v>
      </c>
      <c r="NA27" s="340">
        <v>1818460</v>
      </c>
      <c r="NB27" s="334">
        <v>0</v>
      </c>
      <c r="NC27" s="331">
        <v>0</v>
      </c>
      <c r="ND27" s="335">
        <v>0</v>
      </c>
      <c r="NE27" s="390">
        <v>0</v>
      </c>
      <c r="NF27" s="331">
        <v>0</v>
      </c>
      <c r="NG27" s="331">
        <v>385359</v>
      </c>
      <c r="NH27" s="331">
        <v>556772</v>
      </c>
      <c r="NI27" s="331">
        <v>689388</v>
      </c>
      <c r="NJ27" s="331">
        <v>0</v>
      </c>
      <c r="NK27" s="335">
        <v>1631519</v>
      </c>
      <c r="NL27" s="333">
        <v>1631519</v>
      </c>
      <c r="NM27" s="334">
        <v>0</v>
      </c>
      <c r="NN27" s="331">
        <v>0</v>
      </c>
      <c r="NO27" s="335">
        <v>0</v>
      </c>
      <c r="NP27" s="390">
        <v>0</v>
      </c>
      <c r="NQ27" s="331">
        <v>0</v>
      </c>
      <c r="NR27" s="331">
        <v>0</v>
      </c>
      <c r="NS27" s="331">
        <v>0</v>
      </c>
      <c r="NT27" s="331">
        <v>0</v>
      </c>
      <c r="NU27" s="331">
        <v>0</v>
      </c>
      <c r="NV27" s="335">
        <v>0</v>
      </c>
      <c r="NW27" s="336">
        <v>0</v>
      </c>
      <c r="NX27" s="334">
        <v>0</v>
      </c>
      <c r="NY27" s="331">
        <v>0</v>
      </c>
      <c r="NZ27" s="335">
        <v>0</v>
      </c>
      <c r="OA27" s="390">
        <v>0</v>
      </c>
      <c r="OB27" s="331">
        <v>0</v>
      </c>
      <c r="OC27" s="331">
        <v>0</v>
      </c>
      <c r="OD27" s="331">
        <v>0</v>
      </c>
      <c r="OE27" s="331">
        <v>673244</v>
      </c>
      <c r="OF27" s="331">
        <v>0</v>
      </c>
      <c r="OG27" s="335">
        <v>673244</v>
      </c>
      <c r="OH27" s="336">
        <v>673244</v>
      </c>
      <c r="OI27" s="334">
        <v>97845</v>
      </c>
      <c r="OJ27" s="331">
        <v>100228</v>
      </c>
      <c r="OK27" s="332">
        <v>198073</v>
      </c>
      <c r="OL27" s="337">
        <v>0</v>
      </c>
      <c r="OM27" s="331">
        <v>3219442</v>
      </c>
      <c r="ON27" s="331">
        <v>3726955</v>
      </c>
      <c r="OO27" s="331">
        <v>5304954</v>
      </c>
      <c r="OP27" s="331">
        <v>4691312</v>
      </c>
      <c r="OQ27" s="331">
        <v>1174427</v>
      </c>
      <c r="OR27" s="335">
        <v>18117090</v>
      </c>
      <c r="OS27" s="340">
        <v>18315163</v>
      </c>
    </row>
    <row r="28" spans="2:409" s="56" customFormat="1" ht="21" customHeight="1" x14ac:dyDescent="0.2">
      <c r="B28" s="396" t="s">
        <v>23</v>
      </c>
      <c r="C28" s="312">
        <v>215219</v>
      </c>
      <c r="D28" s="313">
        <v>244170</v>
      </c>
      <c r="E28" s="314">
        <v>459389</v>
      </c>
      <c r="F28" s="315">
        <v>0</v>
      </c>
      <c r="G28" s="313">
        <v>2558063</v>
      </c>
      <c r="H28" s="313">
        <v>2827459</v>
      </c>
      <c r="I28" s="313">
        <v>1448396</v>
      </c>
      <c r="J28" s="313">
        <v>3194057</v>
      </c>
      <c r="K28" s="313">
        <v>1204670</v>
      </c>
      <c r="L28" s="353">
        <v>11232645</v>
      </c>
      <c r="M28" s="316">
        <v>11692034</v>
      </c>
      <c r="N28" s="312">
        <v>97772</v>
      </c>
      <c r="O28" s="313">
        <v>67322</v>
      </c>
      <c r="P28" s="314">
        <v>165094</v>
      </c>
      <c r="Q28" s="312">
        <v>0</v>
      </c>
      <c r="R28" s="313">
        <v>952867</v>
      </c>
      <c r="S28" s="313">
        <v>954489</v>
      </c>
      <c r="T28" s="313">
        <v>343589</v>
      </c>
      <c r="U28" s="313">
        <v>385815</v>
      </c>
      <c r="V28" s="313">
        <v>378777</v>
      </c>
      <c r="W28" s="314">
        <v>3015537</v>
      </c>
      <c r="X28" s="316">
        <v>3180631</v>
      </c>
      <c r="Y28" s="312">
        <v>0</v>
      </c>
      <c r="Z28" s="313">
        <v>0</v>
      </c>
      <c r="AA28" s="314">
        <v>0</v>
      </c>
      <c r="AB28" s="312">
        <v>0</v>
      </c>
      <c r="AC28" s="313">
        <v>403730</v>
      </c>
      <c r="AD28" s="313">
        <v>213062</v>
      </c>
      <c r="AE28" s="313">
        <v>0</v>
      </c>
      <c r="AF28" s="313">
        <v>177964</v>
      </c>
      <c r="AG28" s="313">
        <v>221583</v>
      </c>
      <c r="AH28" s="314">
        <v>1016339</v>
      </c>
      <c r="AI28" s="316">
        <v>1016339</v>
      </c>
      <c r="AJ28" s="312">
        <v>0</v>
      </c>
      <c r="AK28" s="313">
        <v>0</v>
      </c>
      <c r="AL28" s="314">
        <v>0</v>
      </c>
      <c r="AM28" s="312">
        <v>0</v>
      </c>
      <c r="AN28" s="313">
        <v>0</v>
      </c>
      <c r="AO28" s="313">
        <v>0</v>
      </c>
      <c r="AP28" s="313">
        <v>0</v>
      </c>
      <c r="AQ28" s="313">
        <v>0</v>
      </c>
      <c r="AR28" s="313">
        <v>0</v>
      </c>
      <c r="AS28" s="314">
        <v>0</v>
      </c>
      <c r="AT28" s="316">
        <v>0</v>
      </c>
      <c r="AU28" s="312">
        <v>73036</v>
      </c>
      <c r="AV28" s="313">
        <v>46582</v>
      </c>
      <c r="AW28" s="314">
        <v>119618</v>
      </c>
      <c r="AX28" s="312">
        <v>0</v>
      </c>
      <c r="AY28" s="313">
        <v>349770</v>
      </c>
      <c r="AZ28" s="313">
        <v>559119</v>
      </c>
      <c r="BA28" s="313">
        <v>215373</v>
      </c>
      <c r="BB28" s="313">
        <v>35619</v>
      </c>
      <c r="BC28" s="313">
        <v>57410</v>
      </c>
      <c r="BD28" s="314">
        <v>1217291</v>
      </c>
      <c r="BE28" s="316">
        <v>1336909</v>
      </c>
      <c r="BF28" s="312">
        <v>0</v>
      </c>
      <c r="BG28" s="313">
        <v>20740</v>
      </c>
      <c r="BH28" s="317">
        <v>20740</v>
      </c>
      <c r="BI28" s="318">
        <v>0</v>
      </c>
      <c r="BJ28" s="313">
        <v>31519</v>
      </c>
      <c r="BK28" s="313">
        <v>30444</v>
      </c>
      <c r="BL28" s="313">
        <v>11000</v>
      </c>
      <c r="BM28" s="313">
        <v>0</v>
      </c>
      <c r="BN28" s="313">
        <v>0</v>
      </c>
      <c r="BO28" s="314">
        <v>72963</v>
      </c>
      <c r="BP28" s="316">
        <v>93703</v>
      </c>
      <c r="BQ28" s="312">
        <v>24736</v>
      </c>
      <c r="BR28" s="313">
        <v>0</v>
      </c>
      <c r="BS28" s="314">
        <v>24736</v>
      </c>
      <c r="BT28" s="312">
        <v>0</v>
      </c>
      <c r="BU28" s="313">
        <v>167848</v>
      </c>
      <c r="BV28" s="313">
        <v>151864</v>
      </c>
      <c r="BW28" s="313">
        <v>117216</v>
      </c>
      <c r="BX28" s="313">
        <v>172232</v>
      </c>
      <c r="BY28" s="313">
        <v>99784</v>
      </c>
      <c r="BZ28" s="314">
        <v>708944</v>
      </c>
      <c r="CA28" s="316">
        <v>733680</v>
      </c>
      <c r="CB28" s="312">
        <v>0</v>
      </c>
      <c r="CC28" s="313">
        <v>0</v>
      </c>
      <c r="CD28" s="314">
        <v>0</v>
      </c>
      <c r="CE28" s="312">
        <v>0</v>
      </c>
      <c r="CF28" s="313">
        <v>782640</v>
      </c>
      <c r="CG28" s="313">
        <v>1486351</v>
      </c>
      <c r="CH28" s="313">
        <v>211080</v>
      </c>
      <c r="CI28" s="313">
        <v>577323</v>
      </c>
      <c r="CJ28" s="313">
        <v>258838</v>
      </c>
      <c r="CK28" s="314">
        <v>3316232</v>
      </c>
      <c r="CL28" s="316">
        <v>3316232</v>
      </c>
      <c r="CM28" s="312">
        <v>0</v>
      </c>
      <c r="CN28" s="313">
        <v>0</v>
      </c>
      <c r="CO28" s="314">
        <v>0</v>
      </c>
      <c r="CP28" s="318">
        <v>0</v>
      </c>
      <c r="CQ28" s="313">
        <v>613454</v>
      </c>
      <c r="CR28" s="313">
        <v>1216738</v>
      </c>
      <c r="CS28" s="313">
        <v>211080</v>
      </c>
      <c r="CT28" s="313">
        <v>577323</v>
      </c>
      <c r="CU28" s="313">
        <v>258838</v>
      </c>
      <c r="CV28" s="314">
        <v>2877433</v>
      </c>
      <c r="CW28" s="316">
        <v>2877433</v>
      </c>
      <c r="CX28" s="312">
        <v>0</v>
      </c>
      <c r="CY28" s="313">
        <v>0</v>
      </c>
      <c r="CZ28" s="314">
        <v>0</v>
      </c>
      <c r="DA28" s="312">
        <v>0</v>
      </c>
      <c r="DB28" s="313">
        <v>169186</v>
      </c>
      <c r="DC28" s="313">
        <v>269613</v>
      </c>
      <c r="DD28" s="313">
        <v>0</v>
      </c>
      <c r="DE28" s="313">
        <v>0</v>
      </c>
      <c r="DF28" s="313">
        <v>0</v>
      </c>
      <c r="DG28" s="314">
        <v>438799</v>
      </c>
      <c r="DH28" s="316">
        <v>438799</v>
      </c>
      <c r="DI28" s="312">
        <v>0</v>
      </c>
      <c r="DJ28" s="313">
        <v>0</v>
      </c>
      <c r="DK28" s="317">
        <v>0</v>
      </c>
      <c r="DL28" s="318">
        <v>0</v>
      </c>
      <c r="DM28" s="313">
        <v>78110</v>
      </c>
      <c r="DN28" s="313">
        <v>33707</v>
      </c>
      <c r="DO28" s="313">
        <v>204526</v>
      </c>
      <c r="DP28" s="313">
        <v>891446</v>
      </c>
      <c r="DQ28" s="313">
        <v>0</v>
      </c>
      <c r="DR28" s="314">
        <v>1207789</v>
      </c>
      <c r="DS28" s="316">
        <v>1207789</v>
      </c>
      <c r="DT28" s="312">
        <v>0</v>
      </c>
      <c r="DU28" s="313">
        <v>0</v>
      </c>
      <c r="DV28" s="314">
        <v>0</v>
      </c>
      <c r="DW28" s="312">
        <v>0</v>
      </c>
      <c r="DX28" s="313">
        <v>43592</v>
      </c>
      <c r="DY28" s="313">
        <v>0</v>
      </c>
      <c r="DZ28" s="313">
        <v>204526</v>
      </c>
      <c r="EA28" s="313">
        <v>891446</v>
      </c>
      <c r="EB28" s="313">
        <v>0</v>
      </c>
      <c r="EC28" s="314">
        <v>1139564</v>
      </c>
      <c r="ED28" s="316">
        <v>1139564</v>
      </c>
      <c r="EE28" s="312">
        <v>0</v>
      </c>
      <c r="EF28" s="317">
        <v>0</v>
      </c>
      <c r="EG28" s="314">
        <v>0</v>
      </c>
      <c r="EH28" s="312">
        <v>0</v>
      </c>
      <c r="EI28" s="313">
        <v>34518</v>
      </c>
      <c r="EJ28" s="313">
        <v>33707</v>
      </c>
      <c r="EK28" s="313">
        <v>0</v>
      </c>
      <c r="EL28" s="313">
        <v>0</v>
      </c>
      <c r="EM28" s="313">
        <v>0</v>
      </c>
      <c r="EN28" s="317">
        <v>68225</v>
      </c>
      <c r="EO28" s="316">
        <v>68225</v>
      </c>
      <c r="EP28" s="312">
        <v>0</v>
      </c>
      <c r="EQ28" s="313">
        <v>0</v>
      </c>
      <c r="ER28" s="317">
        <v>0</v>
      </c>
      <c r="ES28" s="318">
        <v>0</v>
      </c>
      <c r="ET28" s="313">
        <v>0</v>
      </c>
      <c r="EU28" s="313">
        <v>0</v>
      </c>
      <c r="EV28" s="313">
        <v>0</v>
      </c>
      <c r="EW28" s="313">
        <v>0</v>
      </c>
      <c r="EX28" s="313">
        <v>0</v>
      </c>
      <c r="EY28" s="314">
        <v>0</v>
      </c>
      <c r="EZ28" s="316">
        <v>0</v>
      </c>
      <c r="FA28" s="312">
        <v>0</v>
      </c>
      <c r="FB28" s="313">
        <v>0</v>
      </c>
      <c r="FC28" s="317">
        <v>0</v>
      </c>
      <c r="FD28" s="318">
        <v>0</v>
      </c>
      <c r="FE28" s="313">
        <v>0</v>
      </c>
      <c r="FF28" s="313">
        <v>0</v>
      </c>
      <c r="FG28" s="313">
        <v>0</v>
      </c>
      <c r="FH28" s="313">
        <v>0</v>
      </c>
      <c r="FI28" s="313">
        <v>0</v>
      </c>
      <c r="FJ28" s="314">
        <v>0</v>
      </c>
      <c r="FK28" s="316">
        <v>0</v>
      </c>
      <c r="FL28" s="312">
        <v>10480</v>
      </c>
      <c r="FM28" s="313">
        <v>176848</v>
      </c>
      <c r="FN28" s="314">
        <v>187328</v>
      </c>
      <c r="FO28" s="312">
        <v>0</v>
      </c>
      <c r="FP28" s="313">
        <v>118152</v>
      </c>
      <c r="FQ28" s="313">
        <v>352912</v>
      </c>
      <c r="FR28" s="313">
        <v>84072</v>
      </c>
      <c r="FS28" s="313">
        <v>118752</v>
      </c>
      <c r="FT28" s="313">
        <v>93760</v>
      </c>
      <c r="FU28" s="314">
        <v>767648</v>
      </c>
      <c r="FV28" s="316">
        <v>954976</v>
      </c>
      <c r="FW28" s="319">
        <v>10480</v>
      </c>
      <c r="FX28" s="313">
        <v>125352</v>
      </c>
      <c r="FY28" s="317">
        <v>135832</v>
      </c>
      <c r="FZ28" s="318">
        <v>0</v>
      </c>
      <c r="GA28" s="313">
        <v>118152</v>
      </c>
      <c r="GB28" s="313">
        <v>352912</v>
      </c>
      <c r="GC28" s="313">
        <v>84072</v>
      </c>
      <c r="GD28" s="313">
        <v>118752</v>
      </c>
      <c r="GE28" s="313">
        <v>93760</v>
      </c>
      <c r="GF28" s="314">
        <v>767648</v>
      </c>
      <c r="GG28" s="320">
        <v>903480</v>
      </c>
      <c r="GH28" s="319">
        <v>0</v>
      </c>
      <c r="GI28" s="313">
        <v>23496</v>
      </c>
      <c r="GJ28" s="317">
        <v>23496</v>
      </c>
      <c r="GK28" s="318">
        <v>0</v>
      </c>
      <c r="GL28" s="313">
        <v>0</v>
      </c>
      <c r="GM28" s="313">
        <v>0</v>
      </c>
      <c r="GN28" s="313">
        <v>0</v>
      </c>
      <c r="GO28" s="313">
        <v>0</v>
      </c>
      <c r="GP28" s="313">
        <v>0</v>
      </c>
      <c r="GQ28" s="314">
        <v>0</v>
      </c>
      <c r="GR28" s="316">
        <v>23496</v>
      </c>
      <c r="GS28" s="312">
        <v>0</v>
      </c>
      <c r="GT28" s="313">
        <v>28000</v>
      </c>
      <c r="GU28" s="314">
        <v>28000</v>
      </c>
      <c r="GV28" s="312">
        <v>0</v>
      </c>
      <c r="GW28" s="313">
        <v>0</v>
      </c>
      <c r="GX28" s="313">
        <v>0</v>
      </c>
      <c r="GY28" s="313">
        <v>0</v>
      </c>
      <c r="GZ28" s="313">
        <v>0</v>
      </c>
      <c r="HA28" s="313">
        <v>0</v>
      </c>
      <c r="HB28" s="317">
        <v>0</v>
      </c>
      <c r="HC28" s="316">
        <v>28000</v>
      </c>
      <c r="HD28" s="312">
        <v>106967</v>
      </c>
      <c r="HE28" s="313">
        <v>0</v>
      </c>
      <c r="HF28" s="317">
        <v>106967</v>
      </c>
      <c r="HG28" s="318">
        <v>0</v>
      </c>
      <c r="HH28" s="313">
        <v>626294</v>
      </c>
      <c r="HI28" s="313">
        <v>0</v>
      </c>
      <c r="HJ28" s="313">
        <v>605129</v>
      </c>
      <c r="HK28" s="313">
        <v>1220721</v>
      </c>
      <c r="HL28" s="313">
        <v>473295</v>
      </c>
      <c r="HM28" s="314">
        <v>2925439</v>
      </c>
      <c r="HN28" s="315">
        <v>3032406</v>
      </c>
      <c r="HO28" s="319">
        <v>0</v>
      </c>
      <c r="HP28" s="313">
        <v>0</v>
      </c>
      <c r="HQ28" s="314">
        <v>0</v>
      </c>
      <c r="HR28" s="312">
        <v>0</v>
      </c>
      <c r="HS28" s="313">
        <v>0</v>
      </c>
      <c r="HT28" s="313">
        <v>0</v>
      </c>
      <c r="HU28" s="313">
        <v>0</v>
      </c>
      <c r="HV28" s="313">
        <v>0</v>
      </c>
      <c r="HW28" s="313">
        <v>0</v>
      </c>
      <c r="HX28" s="317">
        <v>0</v>
      </c>
      <c r="HY28" s="316">
        <v>0</v>
      </c>
      <c r="HZ28" s="344">
        <v>0</v>
      </c>
      <c r="IA28" s="342">
        <v>0</v>
      </c>
      <c r="IB28" s="344">
        <v>0</v>
      </c>
      <c r="IC28" s="341">
        <v>0</v>
      </c>
      <c r="ID28" s="342">
        <v>332460</v>
      </c>
      <c r="IE28" s="343">
        <v>817622</v>
      </c>
      <c r="IF28" s="344">
        <v>1058764</v>
      </c>
      <c r="IG28" s="342">
        <v>494391</v>
      </c>
      <c r="IH28" s="344">
        <v>0</v>
      </c>
      <c r="II28" s="345">
        <v>2703237</v>
      </c>
      <c r="IJ28" s="344">
        <v>2703237</v>
      </c>
      <c r="IK28" s="328">
        <v>0</v>
      </c>
      <c r="IL28" s="329">
        <v>0</v>
      </c>
      <c r="IM28" s="330">
        <v>0</v>
      </c>
      <c r="IN28" s="390">
        <v>0</v>
      </c>
      <c r="IO28" s="331">
        <v>0</v>
      </c>
      <c r="IP28" s="331">
        <v>0</v>
      </c>
      <c r="IQ28" s="331">
        <v>0</v>
      </c>
      <c r="IR28" s="331">
        <v>0</v>
      </c>
      <c r="IS28" s="331">
        <v>0</v>
      </c>
      <c r="IT28" s="332">
        <v>0</v>
      </c>
      <c r="IU28" s="333">
        <v>0</v>
      </c>
      <c r="IV28" s="334">
        <v>0</v>
      </c>
      <c r="IW28" s="331">
        <v>0</v>
      </c>
      <c r="IX28" s="335">
        <v>0</v>
      </c>
      <c r="IY28" s="390">
        <v>0</v>
      </c>
      <c r="IZ28" s="331">
        <v>0</v>
      </c>
      <c r="JA28" s="331">
        <v>0</v>
      </c>
      <c r="JB28" s="331">
        <v>0</v>
      </c>
      <c r="JC28" s="331">
        <v>0</v>
      </c>
      <c r="JD28" s="331">
        <v>0</v>
      </c>
      <c r="JE28" s="335">
        <v>0</v>
      </c>
      <c r="JF28" s="336">
        <v>0</v>
      </c>
      <c r="JG28" s="334">
        <v>0</v>
      </c>
      <c r="JH28" s="331">
        <v>0</v>
      </c>
      <c r="JI28" s="332">
        <v>0</v>
      </c>
      <c r="JJ28" s="337">
        <v>0</v>
      </c>
      <c r="JK28" s="331">
        <v>93056</v>
      </c>
      <c r="JL28" s="331">
        <v>70206</v>
      </c>
      <c r="JM28" s="331">
        <v>49733</v>
      </c>
      <c r="JN28" s="331">
        <v>0</v>
      </c>
      <c r="JO28" s="331">
        <v>0</v>
      </c>
      <c r="JP28" s="335">
        <v>212995</v>
      </c>
      <c r="JQ28" s="333">
        <v>212995</v>
      </c>
      <c r="JR28" s="334">
        <v>0</v>
      </c>
      <c r="JS28" s="331">
        <v>0</v>
      </c>
      <c r="JT28" s="332">
        <v>0</v>
      </c>
      <c r="JU28" s="337">
        <v>0</v>
      </c>
      <c r="JV28" s="331">
        <v>0</v>
      </c>
      <c r="JW28" s="331">
        <v>0</v>
      </c>
      <c r="JX28" s="331">
        <v>0</v>
      </c>
      <c r="JY28" s="331">
        <v>0</v>
      </c>
      <c r="JZ28" s="331">
        <v>0</v>
      </c>
      <c r="KA28" s="335">
        <v>0</v>
      </c>
      <c r="KB28" s="333">
        <v>0</v>
      </c>
      <c r="KC28" s="338">
        <v>0</v>
      </c>
      <c r="KD28" s="339">
        <v>0</v>
      </c>
      <c r="KE28" s="335">
        <v>0</v>
      </c>
      <c r="KF28" s="337">
        <v>0</v>
      </c>
      <c r="KG28" s="331">
        <v>0</v>
      </c>
      <c r="KH28" s="331">
        <v>0</v>
      </c>
      <c r="KI28" s="331">
        <v>0</v>
      </c>
      <c r="KJ28" s="331">
        <v>0</v>
      </c>
      <c r="KK28" s="331">
        <v>0</v>
      </c>
      <c r="KL28" s="335">
        <v>0</v>
      </c>
      <c r="KM28" s="340">
        <v>0</v>
      </c>
      <c r="KN28" s="328">
        <v>0</v>
      </c>
      <c r="KO28" s="329">
        <v>0</v>
      </c>
      <c r="KP28" s="330">
        <v>0</v>
      </c>
      <c r="KQ28" s="390">
        <v>0</v>
      </c>
      <c r="KR28" s="331">
        <v>239404</v>
      </c>
      <c r="KS28" s="331">
        <v>747416</v>
      </c>
      <c r="KT28" s="331">
        <v>1009031</v>
      </c>
      <c r="KU28" s="331">
        <v>259000</v>
      </c>
      <c r="KV28" s="331">
        <v>0</v>
      </c>
      <c r="KW28" s="335">
        <v>2254851</v>
      </c>
      <c r="KX28" s="333">
        <v>2254851</v>
      </c>
      <c r="KY28" s="334">
        <v>0</v>
      </c>
      <c r="KZ28" s="331">
        <v>0</v>
      </c>
      <c r="LA28" s="335">
        <v>0</v>
      </c>
      <c r="LB28" s="390">
        <v>0</v>
      </c>
      <c r="LC28" s="331">
        <v>0</v>
      </c>
      <c r="LD28" s="331">
        <v>0</v>
      </c>
      <c r="LE28" s="331">
        <v>0</v>
      </c>
      <c r="LF28" s="331">
        <v>0</v>
      </c>
      <c r="LG28" s="331">
        <v>0</v>
      </c>
      <c r="LH28" s="335">
        <v>0</v>
      </c>
      <c r="LI28" s="336">
        <v>0</v>
      </c>
      <c r="LJ28" s="334">
        <v>0</v>
      </c>
      <c r="LK28" s="331">
        <v>0</v>
      </c>
      <c r="LL28" s="335">
        <v>0</v>
      </c>
      <c r="LM28" s="390">
        <v>0</v>
      </c>
      <c r="LN28" s="331">
        <v>0</v>
      </c>
      <c r="LO28" s="331">
        <v>0</v>
      </c>
      <c r="LP28" s="331">
        <v>0</v>
      </c>
      <c r="LQ28" s="331">
        <v>0</v>
      </c>
      <c r="LR28" s="331">
        <v>0</v>
      </c>
      <c r="LS28" s="335">
        <v>0</v>
      </c>
      <c r="LT28" s="333">
        <v>0</v>
      </c>
      <c r="LU28" s="334">
        <v>0</v>
      </c>
      <c r="LV28" s="331">
        <v>0</v>
      </c>
      <c r="LW28" s="335">
        <v>0</v>
      </c>
      <c r="LX28" s="390">
        <v>0</v>
      </c>
      <c r="LY28" s="331">
        <v>0</v>
      </c>
      <c r="LZ28" s="331">
        <v>0</v>
      </c>
      <c r="MA28" s="331">
        <v>0</v>
      </c>
      <c r="MB28" s="331">
        <v>235391</v>
      </c>
      <c r="MC28" s="331">
        <v>0</v>
      </c>
      <c r="MD28" s="335">
        <v>235391</v>
      </c>
      <c r="ME28" s="336">
        <v>235391</v>
      </c>
      <c r="MF28" s="334">
        <v>0</v>
      </c>
      <c r="MG28" s="331">
        <v>0</v>
      </c>
      <c r="MH28" s="335">
        <v>0</v>
      </c>
      <c r="MI28" s="390">
        <v>0</v>
      </c>
      <c r="MJ28" s="331">
        <v>0</v>
      </c>
      <c r="MK28" s="331">
        <v>0</v>
      </c>
      <c r="ML28" s="331">
        <v>1743828</v>
      </c>
      <c r="MM28" s="331">
        <v>2260432</v>
      </c>
      <c r="MN28" s="331">
        <v>1566892</v>
      </c>
      <c r="MO28" s="335">
        <v>5571152</v>
      </c>
      <c r="MP28" s="340">
        <v>5571152</v>
      </c>
      <c r="MQ28" s="334">
        <v>0</v>
      </c>
      <c r="MR28" s="331">
        <v>0</v>
      </c>
      <c r="MS28" s="335">
        <v>0</v>
      </c>
      <c r="MT28" s="390">
        <v>0</v>
      </c>
      <c r="MU28" s="331">
        <v>0</v>
      </c>
      <c r="MV28" s="331">
        <v>0</v>
      </c>
      <c r="MW28" s="331">
        <v>1459181</v>
      </c>
      <c r="MX28" s="331">
        <v>1698812</v>
      </c>
      <c r="MY28" s="331">
        <v>1223227</v>
      </c>
      <c r="MZ28" s="335">
        <v>4381220</v>
      </c>
      <c r="NA28" s="340">
        <v>4381220</v>
      </c>
      <c r="NB28" s="334">
        <v>0</v>
      </c>
      <c r="NC28" s="331">
        <v>0</v>
      </c>
      <c r="ND28" s="335">
        <v>0</v>
      </c>
      <c r="NE28" s="390">
        <v>0</v>
      </c>
      <c r="NF28" s="331">
        <v>0</v>
      </c>
      <c r="NG28" s="331">
        <v>0</v>
      </c>
      <c r="NH28" s="331">
        <v>284647</v>
      </c>
      <c r="NI28" s="331">
        <v>561620</v>
      </c>
      <c r="NJ28" s="331">
        <v>343665</v>
      </c>
      <c r="NK28" s="335">
        <v>1189932</v>
      </c>
      <c r="NL28" s="333">
        <v>1189932</v>
      </c>
      <c r="NM28" s="334">
        <v>0</v>
      </c>
      <c r="NN28" s="331">
        <v>0</v>
      </c>
      <c r="NO28" s="335">
        <v>0</v>
      </c>
      <c r="NP28" s="390">
        <v>0</v>
      </c>
      <c r="NQ28" s="331">
        <v>0</v>
      </c>
      <c r="NR28" s="331">
        <v>0</v>
      </c>
      <c r="NS28" s="331">
        <v>0</v>
      </c>
      <c r="NT28" s="331">
        <v>0</v>
      </c>
      <c r="NU28" s="331">
        <v>0</v>
      </c>
      <c r="NV28" s="335">
        <v>0</v>
      </c>
      <c r="NW28" s="336">
        <v>0</v>
      </c>
      <c r="NX28" s="334">
        <v>0</v>
      </c>
      <c r="NY28" s="331">
        <v>0</v>
      </c>
      <c r="NZ28" s="335">
        <v>0</v>
      </c>
      <c r="OA28" s="390">
        <v>0</v>
      </c>
      <c r="OB28" s="331">
        <v>0</v>
      </c>
      <c r="OC28" s="331">
        <v>0</v>
      </c>
      <c r="OD28" s="331">
        <v>0</v>
      </c>
      <c r="OE28" s="331">
        <v>0</v>
      </c>
      <c r="OF28" s="331">
        <v>0</v>
      </c>
      <c r="OG28" s="335">
        <v>0</v>
      </c>
      <c r="OH28" s="336">
        <v>0</v>
      </c>
      <c r="OI28" s="334">
        <v>215219</v>
      </c>
      <c r="OJ28" s="331">
        <v>244170</v>
      </c>
      <c r="OK28" s="332">
        <v>459389</v>
      </c>
      <c r="OL28" s="337">
        <v>0</v>
      </c>
      <c r="OM28" s="331">
        <v>2890523</v>
      </c>
      <c r="ON28" s="331">
        <v>3645081</v>
      </c>
      <c r="OO28" s="331">
        <v>4250988</v>
      </c>
      <c r="OP28" s="331">
        <v>5948880</v>
      </c>
      <c r="OQ28" s="331">
        <v>2771562</v>
      </c>
      <c r="OR28" s="335">
        <v>19507034</v>
      </c>
      <c r="OS28" s="340">
        <v>19966423</v>
      </c>
    </row>
    <row r="29" spans="2:409" s="56" customFormat="1" ht="21" customHeight="1" x14ac:dyDescent="0.2">
      <c r="B29" s="396" t="s">
        <v>24</v>
      </c>
      <c r="C29" s="312">
        <v>176338</v>
      </c>
      <c r="D29" s="313">
        <v>23280</v>
      </c>
      <c r="E29" s="314">
        <v>199618</v>
      </c>
      <c r="F29" s="315">
        <v>0</v>
      </c>
      <c r="G29" s="313">
        <v>2321449</v>
      </c>
      <c r="H29" s="313">
        <v>2665752</v>
      </c>
      <c r="I29" s="313">
        <v>2261216</v>
      </c>
      <c r="J29" s="313">
        <v>2183547</v>
      </c>
      <c r="K29" s="313">
        <v>761144</v>
      </c>
      <c r="L29" s="353">
        <v>10193108</v>
      </c>
      <c r="M29" s="316">
        <v>10392726</v>
      </c>
      <c r="N29" s="312">
        <v>58855</v>
      </c>
      <c r="O29" s="313">
        <v>0</v>
      </c>
      <c r="P29" s="314">
        <v>58855</v>
      </c>
      <c r="Q29" s="312">
        <v>0</v>
      </c>
      <c r="R29" s="313">
        <v>708046</v>
      </c>
      <c r="S29" s="313">
        <v>570804</v>
      </c>
      <c r="T29" s="313">
        <v>619128</v>
      </c>
      <c r="U29" s="313">
        <v>927770</v>
      </c>
      <c r="V29" s="313">
        <v>432451</v>
      </c>
      <c r="W29" s="314">
        <v>3258199</v>
      </c>
      <c r="X29" s="316">
        <v>3317054</v>
      </c>
      <c r="Y29" s="312">
        <v>0</v>
      </c>
      <c r="Z29" s="313">
        <v>0</v>
      </c>
      <c r="AA29" s="314">
        <v>0</v>
      </c>
      <c r="AB29" s="312">
        <v>0</v>
      </c>
      <c r="AC29" s="313">
        <v>289337</v>
      </c>
      <c r="AD29" s="313">
        <v>48415</v>
      </c>
      <c r="AE29" s="313">
        <v>221806</v>
      </c>
      <c r="AF29" s="313">
        <v>453603</v>
      </c>
      <c r="AG29" s="313">
        <v>349513</v>
      </c>
      <c r="AH29" s="314">
        <v>1362674</v>
      </c>
      <c r="AI29" s="316">
        <v>1362674</v>
      </c>
      <c r="AJ29" s="312">
        <v>0</v>
      </c>
      <c r="AK29" s="313">
        <v>0</v>
      </c>
      <c r="AL29" s="314">
        <v>0</v>
      </c>
      <c r="AM29" s="312">
        <v>0</v>
      </c>
      <c r="AN29" s="313">
        <v>0</v>
      </c>
      <c r="AO29" s="313">
        <v>0</v>
      </c>
      <c r="AP29" s="313">
        <v>0</v>
      </c>
      <c r="AQ29" s="313">
        <v>97015</v>
      </c>
      <c r="AR29" s="313">
        <v>0</v>
      </c>
      <c r="AS29" s="314">
        <v>97015</v>
      </c>
      <c r="AT29" s="316">
        <v>97015</v>
      </c>
      <c r="AU29" s="312">
        <v>21639</v>
      </c>
      <c r="AV29" s="313">
        <v>0</v>
      </c>
      <c r="AW29" s="314">
        <v>21639</v>
      </c>
      <c r="AX29" s="312">
        <v>0</v>
      </c>
      <c r="AY29" s="313">
        <v>248711</v>
      </c>
      <c r="AZ29" s="313">
        <v>281669</v>
      </c>
      <c r="BA29" s="313">
        <v>289282</v>
      </c>
      <c r="BB29" s="313">
        <v>248416</v>
      </c>
      <c r="BC29" s="313">
        <v>54426</v>
      </c>
      <c r="BD29" s="314">
        <v>1122504</v>
      </c>
      <c r="BE29" s="316">
        <v>1144143</v>
      </c>
      <c r="BF29" s="312">
        <v>0</v>
      </c>
      <c r="BG29" s="313">
        <v>0</v>
      </c>
      <c r="BH29" s="317">
        <v>0</v>
      </c>
      <c r="BI29" s="318">
        <v>0</v>
      </c>
      <c r="BJ29" s="313">
        <v>36550</v>
      </c>
      <c r="BK29" s="313">
        <v>98504</v>
      </c>
      <c r="BL29" s="313">
        <v>0</v>
      </c>
      <c r="BM29" s="313">
        <v>0</v>
      </c>
      <c r="BN29" s="313">
        <v>0</v>
      </c>
      <c r="BO29" s="314">
        <v>135054</v>
      </c>
      <c r="BP29" s="316">
        <v>135054</v>
      </c>
      <c r="BQ29" s="312">
        <v>37216</v>
      </c>
      <c r="BR29" s="313">
        <v>0</v>
      </c>
      <c r="BS29" s="314">
        <v>37216</v>
      </c>
      <c r="BT29" s="312">
        <v>0</v>
      </c>
      <c r="BU29" s="313">
        <v>133448</v>
      </c>
      <c r="BV29" s="313">
        <v>142216</v>
      </c>
      <c r="BW29" s="313">
        <v>108040</v>
      </c>
      <c r="BX29" s="313">
        <v>128736</v>
      </c>
      <c r="BY29" s="313">
        <v>28512</v>
      </c>
      <c r="BZ29" s="314">
        <v>540952</v>
      </c>
      <c r="CA29" s="316">
        <v>578168</v>
      </c>
      <c r="CB29" s="312">
        <v>20289</v>
      </c>
      <c r="CC29" s="313">
        <v>0</v>
      </c>
      <c r="CD29" s="314">
        <v>20289</v>
      </c>
      <c r="CE29" s="312">
        <v>0</v>
      </c>
      <c r="CF29" s="313">
        <v>608164</v>
      </c>
      <c r="CG29" s="313">
        <v>1109184</v>
      </c>
      <c r="CH29" s="313">
        <v>804430</v>
      </c>
      <c r="CI29" s="313">
        <v>526944</v>
      </c>
      <c r="CJ29" s="313">
        <v>264693</v>
      </c>
      <c r="CK29" s="314">
        <v>3313415</v>
      </c>
      <c r="CL29" s="316">
        <v>3333704</v>
      </c>
      <c r="CM29" s="312">
        <v>0</v>
      </c>
      <c r="CN29" s="313">
        <v>0</v>
      </c>
      <c r="CO29" s="314">
        <v>0</v>
      </c>
      <c r="CP29" s="318">
        <v>0</v>
      </c>
      <c r="CQ29" s="313">
        <v>582094</v>
      </c>
      <c r="CR29" s="313">
        <v>567530</v>
      </c>
      <c r="CS29" s="313">
        <v>223375</v>
      </c>
      <c r="CT29" s="313">
        <v>184897</v>
      </c>
      <c r="CU29" s="313">
        <v>73726</v>
      </c>
      <c r="CV29" s="314">
        <v>1631622</v>
      </c>
      <c r="CW29" s="316">
        <v>1631622</v>
      </c>
      <c r="CX29" s="312">
        <v>20289</v>
      </c>
      <c r="CY29" s="313">
        <v>0</v>
      </c>
      <c r="CZ29" s="314">
        <v>20289</v>
      </c>
      <c r="DA29" s="312">
        <v>0</v>
      </c>
      <c r="DB29" s="313">
        <v>26070</v>
      </c>
      <c r="DC29" s="313">
        <v>541654</v>
      </c>
      <c r="DD29" s="313">
        <v>581055</v>
      </c>
      <c r="DE29" s="313">
        <v>342047</v>
      </c>
      <c r="DF29" s="313">
        <v>190967</v>
      </c>
      <c r="DG29" s="314">
        <v>1681793</v>
      </c>
      <c r="DH29" s="316">
        <v>1702082</v>
      </c>
      <c r="DI29" s="312">
        <v>0</v>
      </c>
      <c r="DJ29" s="313">
        <v>0</v>
      </c>
      <c r="DK29" s="317">
        <v>0</v>
      </c>
      <c r="DL29" s="318">
        <v>0</v>
      </c>
      <c r="DM29" s="313">
        <v>97869</v>
      </c>
      <c r="DN29" s="313">
        <v>280692</v>
      </c>
      <c r="DO29" s="313">
        <v>141549</v>
      </c>
      <c r="DP29" s="313">
        <v>336296</v>
      </c>
      <c r="DQ29" s="313">
        <v>0</v>
      </c>
      <c r="DR29" s="314">
        <v>856406</v>
      </c>
      <c r="DS29" s="316">
        <v>856406</v>
      </c>
      <c r="DT29" s="312">
        <v>0</v>
      </c>
      <c r="DU29" s="313">
        <v>0</v>
      </c>
      <c r="DV29" s="314">
        <v>0</v>
      </c>
      <c r="DW29" s="312">
        <v>0</v>
      </c>
      <c r="DX29" s="313">
        <v>97869</v>
      </c>
      <c r="DY29" s="313">
        <v>230115</v>
      </c>
      <c r="DZ29" s="313">
        <v>92037</v>
      </c>
      <c r="EA29" s="313">
        <v>336296</v>
      </c>
      <c r="EB29" s="313">
        <v>0</v>
      </c>
      <c r="EC29" s="314">
        <v>756317</v>
      </c>
      <c r="ED29" s="316">
        <v>756317</v>
      </c>
      <c r="EE29" s="312">
        <v>0</v>
      </c>
      <c r="EF29" s="317">
        <v>0</v>
      </c>
      <c r="EG29" s="314">
        <v>0</v>
      </c>
      <c r="EH29" s="312">
        <v>0</v>
      </c>
      <c r="EI29" s="313">
        <v>0</v>
      </c>
      <c r="EJ29" s="313">
        <v>50577</v>
      </c>
      <c r="EK29" s="313">
        <v>49512</v>
      </c>
      <c r="EL29" s="313">
        <v>0</v>
      </c>
      <c r="EM29" s="313">
        <v>0</v>
      </c>
      <c r="EN29" s="317">
        <v>100089</v>
      </c>
      <c r="EO29" s="316">
        <v>100089</v>
      </c>
      <c r="EP29" s="312">
        <v>0</v>
      </c>
      <c r="EQ29" s="313">
        <v>0</v>
      </c>
      <c r="ER29" s="317">
        <v>0</v>
      </c>
      <c r="ES29" s="318">
        <v>0</v>
      </c>
      <c r="ET29" s="313">
        <v>0</v>
      </c>
      <c r="EU29" s="313">
        <v>0</v>
      </c>
      <c r="EV29" s="313">
        <v>0</v>
      </c>
      <c r="EW29" s="313">
        <v>0</v>
      </c>
      <c r="EX29" s="313">
        <v>0</v>
      </c>
      <c r="EY29" s="314">
        <v>0</v>
      </c>
      <c r="EZ29" s="316">
        <v>0</v>
      </c>
      <c r="FA29" s="312">
        <v>0</v>
      </c>
      <c r="FB29" s="313">
        <v>0</v>
      </c>
      <c r="FC29" s="317">
        <v>0</v>
      </c>
      <c r="FD29" s="318">
        <v>0</v>
      </c>
      <c r="FE29" s="313">
        <v>0</v>
      </c>
      <c r="FF29" s="313">
        <v>0</v>
      </c>
      <c r="FG29" s="313">
        <v>0</v>
      </c>
      <c r="FH29" s="313">
        <v>0</v>
      </c>
      <c r="FI29" s="313">
        <v>0</v>
      </c>
      <c r="FJ29" s="314">
        <v>0</v>
      </c>
      <c r="FK29" s="316">
        <v>0</v>
      </c>
      <c r="FL29" s="312">
        <v>43632</v>
      </c>
      <c r="FM29" s="313">
        <v>23280</v>
      </c>
      <c r="FN29" s="314">
        <v>66912</v>
      </c>
      <c r="FO29" s="312">
        <v>0</v>
      </c>
      <c r="FP29" s="313">
        <v>56472</v>
      </c>
      <c r="FQ29" s="313">
        <v>173656</v>
      </c>
      <c r="FR29" s="313">
        <v>235560</v>
      </c>
      <c r="FS29" s="313">
        <v>187472</v>
      </c>
      <c r="FT29" s="313">
        <v>64000</v>
      </c>
      <c r="FU29" s="314">
        <v>717160</v>
      </c>
      <c r="FV29" s="316">
        <v>784072</v>
      </c>
      <c r="FW29" s="319">
        <v>43632</v>
      </c>
      <c r="FX29" s="313">
        <v>23280</v>
      </c>
      <c r="FY29" s="317">
        <v>66912</v>
      </c>
      <c r="FZ29" s="318">
        <v>0</v>
      </c>
      <c r="GA29" s="313">
        <v>56472</v>
      </c>
      <c r="GB29" s="313">
        <v>173656</v>
      </c>
      <c r="GC29" s="313">
        <v>175016</v>
      </c>
      <c r="GD29" s="313">
        <v>187472</v>
      </c>
      <c r="GE29" s="313">
        <v>64000</v>
      </c>
      <c r="GF29" s="314">
        <v>656616</v>
      </c>
      <c r="GG29" s="320">
        <v>723528</v>
      </c>
      <c r="GH29" s="319">
        <v>0</v>
      </c>
      <c r="GI29" s="313">
        <v>0</v>
      </c>
      <c r="GJ29" s="317">
        <v>0</v>
      </c>
      <c r="GK29" s="318">
        <v>0</v>
      </c>
      <c r="GL29" s="313">
        <v>0</v>
      </c>
      <c r="GM29" s="313">
        <v>0</v>
      </c>
      <c r="GN29" s="313">
        <v>60544</v>
      </c>
      <c r="GO29" s="313">
        <v>0</v>
      </c>
      <c r="GP29" s="313">
        <v>0</v>
      </c>
      <c r="GQ29" s="314">
        <v>60544</v>
      </c>
      <c r="GR29" s="316">
        <v>60544</v>
      </c>
      <c r="GS29" s="312">
        <v>0</v>
      </c>
      <c r="GT29" s="313">
        <v>0</v>
      </c>
      <c r="GU29" s="314">
        <v>0</v>
      </c>
      <c r="GV29" s="312">
        <v>0</v>
      </c>
      <c r="GW29" s="313">
        <v>0</v>
      </c>
      <c r="GX29" s="313">
        <v>0</v>
      </c>
      <c r="GY29" s="313">
        <v>0</v>
      </c>
      <c r="GZ29" s="313">
        <v>0</v>
      </c>
      <c r="HA29" s="313">
        <v>0</v>
      </c>
      <c r="HB29" s="317">
        <v>0</v>
      </c>
      <c r="HC29" s="316">
        <v>0</v>
      </c>
      <c r="HD29" s="312">
        <v>53562</v>
      </c>
      <c r="HE29" s="313">
        <v>0</v>
      </c>
      <c r="HF29" s="317">
        <v>53562</v>
      </c>
      <c r="HG29" s="318">
        <v>0</v>
      </c>
      <c r="HH29" s="313">
        <v>850898</v>
      </c>
      <c r="HI29" s="313">
        <v>531416</v>
      </c>
      <c r="HJ29" s="313">
        <v>460549</v>
      </c>
      <c r="HK29" s="313">
        <v>205065</v>
      </c>
      <c r="HL29" s="313">
        <v>0</v>
      </c>
      <c r="HM29" s="314">
        <v>2047928</v>
      </c>
      <c r="HN29" s="315">
        <v>2101490</v>
      </c>
      <c r="HO29" s="319">
        <v>0</v>
      </c>
      <c r="HP29" s="313">
        <v>0</v>
      </c>
      <c r="HQ29" s="314">
        <v>0</v>
      </c>
      <c r="HR29" s="312">
        <v>0</v>
      </c>
      <c r="HS29" s="313">
        <v>0</v>
      </c>
      <c r="HT29" s="313">
        <v>0</v>
      </c>
      <c r="HU29" s="313">
        <v>0</v>
      </c>
      <c r="HV29" s="313">
        <v>0</v>
      </c>
      <c r="HW29" s="313">
        <v>0</v>
      </c>
      <c r="HX29" s="317">
        <v>0</v>
      </c>
      <c r="HY29" s="316">
        <v>0</v>
      </c>
      <c r="HZ29" s="321">
        <v>45060</v>
      </c>
      <c r="IA29" s="322">
        <v>0</v>
      </c>
      <c r="IB29" s="323">
        <v>45060</v>
      </c>
      <c r="IC29" s="324">
        <v>0</v>
      </c>
      <c r="ID29" s="322">
        <v>167690</v>
      </c>
      <c r="IE29" s="325">
        <v>432730</v>
      </c>
      <c r="IF29" s="323">
        <v>925556</v>
      </c>
      <c r="IG29" s="322">
        <v>205208</v>
      </c>
      <c r="IH29" s="323">
        <v>94468</v>
      </c>
      <c r="II29" s="326">
        <v>1825652</v>
      </c>
      <c r="IJ29" s="327">
        <v>1870712</v>
      </c>
      <c r="IK29" s="328">
        <v>0</v>
      </c>
      <c r="IL29" s="329">
        <v>0</v>
      </c>
      <c r="IM29" s="330">
        <v>0</v>
      </c>
      <c r="IN29" s="390">
        <v>0</v>
      </c>
      <c r="IO29" s="331">
        <v>0</v>
      </c>
      <c r="IP29" s="331">
        <v>0</v>
      </c>
      <c r="IQ29" s="331">
        <v>0</v>
      </c>
      <c r="IR29" s="331">
        <v>205208</v>
      </c>
      <c r="IS29" s="331">
        <v>0</v>
      </c>
      <c r="IT29" s="332">
        <v>205208</v>
      </c>
      <c r="IU29" s="333">
        <v>205208</v>
      </c>
      <c r="IV29" s="334">
        <v>0</v>
      </c>
      <c r="IW29" s="331">
        <v>0</v>
      </c>
      <c r="IX29" s="335">
        <v>0</v>
      </c>
      <c r="IY29" s="390">
        <v>0</v>
      </c>
      <c r="IZ29" s="331">
        <v>0</v>
      </c>
      <c r="JA29" s="331">
        <v>0</v>
      </c>
      <c r="JB29" s="331">
        <v>0</v>
      </c>
      <c r="JC29" s="331">
        <v>0</v>
      </c>
      <c r="JD29" s="331">
        <v>0</v>
      </c>
      <c r="JE29" s="335">
        <v>0</v>
      </c>
      <c r="JF29" s="336">
        <v>0</v>
      </c>
      <c r="JG29" s="334">
        <v>0</v>
      </c>
      <c r="JH29" s="331">
        <v>0</v>
      </c>
      <c r="JI29" s="332">
        <v>0</v>
      </c>
      <c r="JJ29" s="337">
        <v>0</v>
      </c>
      <c r="JK29" s="331">
        <v>167690</v>
      </c>
      <c r="JL29" s="331">
        <v>133381</v>
      </c>
      <c r="JM29" s="331">
        <v>48838</v>
      </c>
      <c r="JN29" s="331">
        <v>0</v>
      </c>
      <c r="JO29" s="331">
        <v>32553</v>
      </c>
      <c r="JP29" s="335">
        <v>382462</v>
      </c>
      <c r="JQ29" s="333">
        <v>382462</v>
      </c>
      <c r="JR29" s="334">
        <v>0</v>
      </c>
      <c r="JS29" s="331">
        <v>0</v>
      </c>
      <c r="JT29" s="332">
        <v>0</v>
      </c>
      <c r="JU29" s="337">
        <v>0</v>
      </c>
      <c r="JV29" s="331">
        <v>0</v>
      </c>
      <c r="JW29" s="331">
        <v>0</v>
      </c>
      <c r="JX29" s="331">
        <v>147041</v>
      </c>
      <c r="JY29" s="331">
        <v>0</v>
      </c>
      <c r="JZ29" s="331">
        <v>61915</v>
      </c>
      <c r="KA29" s="335">
        <v>208956</v>
      </c>
      <c r="KB29" s="333">
        <v>208956</v>
      </c>
      <c r="KC29" s="338">
        <v>45060</v>
      </c>
      <c r="KD29" s="339">
        <v>0</v>
      </c>
      <c r="KE29" s="335">
        <v>45060</v>
      </c>
      <c r="KF29" s="337">
        <v>0</v>
      </c>
      <c r="KG29" s="331">
        <v>0</v>
      </c>
      <c r="KH29" s="331">
        <v>299349</v>
      </c>
      <c r="KI29" s="331">
        <v>0</v>
      </c>
      <c r="KJ29" s="331">
        <v>0</v>
      </c>
      <c r="KK29" s="331">
        <v>0</v>
      </c>
      <c r="KL29" s="335">
        <v>299349</v>
      </c>
      <c r="KM29" s="340">
        <v>344409</v>
      </c>
      <c r="KN29" s="328">
        <v>0</v>
      </c>
      <c r="KO29" s="329">
        <v>0</v>
      </c>
      <c r="KP29" s="330">
        <v>0</v>
      </c>
      <c r="KQ29" s="390">
        <v>0</v>
      </c>
      <c r="KR29" s="331">
        <v>0</v>
      </c>
      <c r="KS29" s="331">
        <v>0</v>
      </c>
      <c r="KT29" s="331">
        <v>729677</v>
      </c>
      <c r="KU29" s="331">
        <v>0</v>
      </c>
      <c r="KV29" s="331">
        <v>0</v>
      </c>
      <c r="KW29" s="335">
        <v>729677</v>
      </c>
      <c r="KX29" s="333">
        <v>729677</v>
      </c>
      <c r="KY29" s="334">
        <v>0</v>
      </c>
      <c r="KZ29" s="331">
        <v>0</v>
      </c>
      <c r="LA29" s="335">
        <v>0</v>
      </c>
      <c r="LB29" s="390">
        <v>0</v>
      </c>
      <c r="LC29" s="331">
        <v>0</v>
      </c>
      <c r="LD29" s="331">
        <v>0</v>
      </c>
      <c r="LE29" s="331">
        <v>0</v>
      </c>
      <c r="LF29" s="331">
        <v>0</v>
      </c>
      <c r="LG29" s="331">
        <v>0</v>
      </c>
      <c r="LH29" s="335">
        <v>0</v>
      </c>
      <c r="LI29" s="336">
        <v>0</v>
      </c>
      <c r="LJ29" s="334">
        <v>0</v>
      </c>
      <c r="LK29" s="331">
        <v>0</v>
      </c>
      <c r="LL29" s="335">
        <v>0</v>
      </c>
      <c r="LM29" s="390">
        <v>0</v>
      </c>
      <c r="LN29" s="331">
        <v>0</v>
      </c>
      <c r="LO29" s="331">
        <v>0</v>
      </c>
      <c r="LP29" s="331">
        <v>0</v>
      </c>
      <c r="LQ29" s="331">
        <v>0</v>
      </c>
      <c r="LR29" s="331">
        <v>0</v>
      </c>
      <c r="LS29" s="335">
        <v>0</v>
      </c>
      <c r="LT29" s="333">
        <v>0</v>
      </c>
      <c r="LU29" s="334">
        <v>0</v>
      </c>
      <c r="LV29" s="331">
        <v>0</v>
      </c>
      <c r="LW29" s="335">
        <v>0</v>
      </c>
      <c r="LX29" s="390">
        <v>0</v>
      </c>
      <c r="LY29" s="331">
        <v>0</v>
      </c>
      <c r="LZ29" s="331">
        <v>0</v>
      </c>
      <c r="MA29" s="331">
        <v>0</v>
      </c>
      <c r="MB29" s="331">
        <v>0</v>
      </c>
      <c r="MC29" s="331">
        <v>0</v>
      </c>
      <c r="MD29" s="335">
        <v>0</v>
      </c>
      <c r="ME29" s="336">
        <v>0</v>
      </c>
      <c r="MF29" s="334">
        <v>0</v>
      </c>
      <c r="MG29" s="331">
        <v>0</v>
      </c>
      <c r="MH29" s="335">
        <v>0</v>
      </c>
      <c r="MI29" s="390">
        <v>0</v>
      </c>
      <c r="MJ29" s="331">
        <v>511171</v>
      </c>
      <c r="MK29" s="331">
        <v>253432</v>
      </c>
      <c r="ML29" s="331">
        <v>2203665</v>
      </c>
      <c r="MM29" s="331">
        <v>2039860</v>
      </c>
      <c r="MN29" s="331">
        <v>1016305</v>
      </c>
      <c r="MO29" s="335">
        <v>6024433</v>
      </c>
      <c r="MP29" s="340">
        <v>6024433</v>
      </c>
      <c r="MQ29" s="334">
        <v>0</v>
      </c>
      <c r="MR29" s="331">
        <v>0</v>
      </c>
      <c r="MS29" s="335">
        <v>0</v>
      </c>
      <c r="MT29" s="390">
        <v>0</v>
      </c>
      <c r="MU29" s="331">
        <v>0</v>
      </c>
      <c r="MV29" s="331">
        <v>0</v>
      </c>
      <c r="MW29" s="331">
        <v>730867</v>
      </c>
      <c r="MX29" s="331">
        <v>1070112</v>
      </c>
      <c r="MY29" s="331">
        <v>582481</v>
      </c>
      <c r="MZ29" s="335">
        <v>2383460</v>
      </c>
      <c r="NA29" s="340">
        <v>2383460</v>
      </c>
      <c r="NB29" s="334">
        <v>0</v>
      </c>
      <c r="NC29" s="331">
        <v>0</v>
      </c>
      <c r="ND29" s="335">
        <v>0</v>
      </c>
      <c r="NE29" s="390">
        <v>0</v>
      </c>
      <c r="NF29" s="331">
        <v>511171</v>
      </c>
      <c r="NG29" s="331">
        <v>253432</v>
      </c>
      <c r="NH29" s="331">
        <v>1472798</v>
      </c>
      <c r="NI29" s="331">
        <v>969748</v>
      </c>
      <c r="NJ29" s="331">
        <v>433824</v>
      </c>
      <c r="NK29" s="335">
        <v>3640973</v>
      </c>
      <c r="NL29" s="333">
        <v>3640973</v>
      </c>
      <c r="NM29" s="334">
        <v>0</v>
      </c>
      <c r="NN29" s="331">
        <v>0</v>
      </c>
      <c r="NO29" s="335">
        <v>0</v>
      </c>
      <c r="NP29" s="390">
        <v>0</v>
      </c>
      <c r="NQ29" s="331">
        <v>0</v>
      </c>
      <c r="NR29" s="331">
        <v>0</v>
      </c>
      <c r="NS29" s="331">
        <v>0</v>
      </c>
      <c r="NT29" s="331">
        <v>0</v>
      </c>
      <c r="NU29" s="331">
        <v>0</v>
      </c>
      <c r="NV29" s="335">
        <v>0</v>
      </c>
      <c r="NW29" s="336">
        <v>0</v>
      </c>
      <c r="NX29" s="334">
        <v>0</v>
      </c>
      <c r="NY29" s="331">
        <v>0</v>
      </c>
      <c r="NZ29" s="335">
        <v>0</v>
      </c>
      <c r="OA29" s="390">
        <v>0</v>
      </c>
      <c r="OB29" s="331">
        <v>0</v>
      </c>
      <c r="OC29" s="331">
        <v>0</v>
      </c>
      <c r="OD29" s="331">
        <v>0</v>
      </c>
      <c r="OE29" s="331">
        <v>0</v>
      </c>
      <c r="OF29" s="331">
        <v>0</v>
      </c>
      <c r="OG29" s="335">
        <v>0</v>
      </c>
      <c r="OH29" s="336">
        <v>0</v>
      </c>
      <c r="OI29" s="334">
        <v>221398</v>
      </c>
      <c r="OJ29" s="331">
        <v>23280</v>
      </c>
      <c r="OK29" s="332">
        <v>244678</v>
      </c>
      <c r="OL29" s="337">
        <v>0</v>
      </c>
      <c r="OM29" s="331">
        <v>3000310</v>
      </c>
      <c r="ON29" s="331">
        <v>3351914</v>
      </c>
      <c r="OO29" s="331">
        <v>5390437</v>
      </c>
      <c r="OP29" s="331">
        <v>4428615</v>
      </c>
      <c r="OQ29" s="331">
        <v>1871917</v>
      </c>
      <c r="OR29" s="335">
        <v>18043193</v>
      </c>
      <c r="OS29" s="340">
        <v>18287871</v>
      </c>
    </row>
    <row r="30" spans="2:409" s="56" customFormat="1" ht="21" customHeight="1" x14ac:dyDescent="0.2">
      <c r="B30" s="396" t="s">
        <v>25</v>
      </c>
      <c r="C30" s="312">
        <v>65547</v>
      </c>
      <c r="D30" s="313">
        <v>359450</v>
      </c>
      <c r="E30" s="314">
        <v>424997</v>
      </c>
      <c r="F30" s="315">
        <v>0</v>
      </c>
      <c r="G30" s="313">
        <v>1633171</v>
      </c>
      <c r="H30" s="313">
        <v>1524259</v>
      </c>
      <c r="I30" s="313">
        <v>1020754</v>
      </c>
      <c r="J30" s="313">
        <v>1798006</v>
      </c>
      <c r="K30" s="313">
        <v>0</v>
      </c>
      <c r="L30" s="353">
        <v>5976190</v>
      </c>
      <c r="M30" s="316">
        <v>6401187</v>
      </c>
      <c r="N30" s="312">
        <v>7720</v>
      </c>
      <c r="O30" s="313">
        <v>132365</v>
      </c>
      <c r="P30" s="314">
        <v>140085</v>
      </c>
      <c r="Q30" s="312">
        <v>0</v>
      </c>
      <c r="R30" s="313">
        <v>302684</v>
      </c>
      <c r="S30" s="313">
        <v>744430</v>
      </c>
      <c r="T30" s="313">
        <v>345402</v>
      </c>
      <c r="U30" s="313">
        <v>738542</v>
      </c>
      <c r="V30" s="313">
        <v>0</v>
      </c>
      <c r="W30" s="314">
        <v>2131058</v>
      </c>
      <c r="X30" s="316">
        <v>2271143</v>
      </c>
      <c r="Y30" s="312">
        <v>0</v>
      </c>
      <c r="Z30" s="313">
        <v>0</v>
      </c>
      <c r="AA30" s="314">
        <v>0</v>
      </c>
      <c r="AB30" s="312">
        <v>0</v>
      </c>
      <c r="AC30" s="313">
        <v>75796</v>
      </c>
      <c r="AD30" s="313">
        <v>290942</v>
      </c>
      <c r="AE30" s="313">
        <v>146640</v>
      </c>
      <c r="AF30" s="313">
        <v>556585</v>
      </c>
      <c r="AG30" s="313">
        <v>0</v>
      </c>
      <c r="AH30" s="314">
        <v>1069963</v>
      </c>
      <c r="AI30" s="316">
        <v>1069963</v>
      </c>
      <c r="AJ30" s="312">
        <v>0</v>
      </c>
      <c r="AK30" s="313">
        <v>0</v>
      </c>
      <c r="AL30" s="314">
        <v>0</v>
      </c>
      <c r="AM30" s="312">
        <v>0</v>
      </c>
      <c r="AN30" s="313">
        <v>0</v>
      </c>
      <c r="AO30" s="313">
        <v>37004</v>
      </c>
      <c r="AP30" s="313">
        <v>47422</v>
      </c>
      <c r="AQ30" s="313">
        <v>0</v>
      </c>
      <c r="AR30" s="313">
        <v>0</v>
      </c>
      <c r="AS30" s="314">
        <v>84426</v>
      </c>
      <c r="AT30" s="316">
        <v>84426</v>
      </c>
      <c r="AU30" s="312">
        <v>7720</v>
      </c>
      <c r="AV30" s="313">
        <v>44245</v>
      </c>
      <c r="AW30" s="314">
        <v>51965</v>
      </c>
      <c r="AX30" s="312">
        <v>0</v>
      </c>
      <c r="AY30" s="313">
        <v>150680</v>
      </c>
      <c r="AZ30" s="313">
        <v>304887</v>
      </c>
      <c r="BA30" s="313">
        <v>83900</v>
      </c>
      <c r="BB30" s="313">
        <v>103549</v>
      </c>
      <c r="BC30" s="313">
        <v>0</v>
      </c>
      <c r="BD30" s="314">
        <v>643016</v>
      </c>
      <c r="BE30" s="316">
        <v>694981</v>
      </c>
      <c r="BF30" s="312">
        <v>0</v>
      </c>
      <c r="BG30" s="313">
        <v>57120</v>
      </c>
      <c r="BH30" s="317">
        <v>57120</v>
      </c>
      <c r="BI30" s="318">
        <v>0</v>
      </c>
      <c r="BJ30" s="313">
        <v>0</v>
      </c>
      <c r="BK30" s="313">
        <v>72845</v>
      </c>
      <c r="BL30" s="313">
        <v>0</v>
      </c>
      <c r="BM30" s="313">
        <v>0</v>
      </c>
      <c r="BN30" s="313">
        <v>0</v>
      </c>
      <c r="BO30" s="314">
        <v>72845</v>
      </c>
      <c r="BP30" s="316">
        <v>129965</v>
      </c>
      <c r="BQ30" s="312">
        <v>0</v>
      </c>
      <c r="BR30" s="313">
        <v>31000</v>
      </c>
      <c r="BS30" s="314">
        <v>31000</v>
      </c>
      <c r="BT30" s="312">
        <v>0</v>
      </c>
      <c r="BU30" s="313">
        <v>76208</v>
      </c>
      <c r="BV30" s="313">
        <v>38752</v>
      </c>
      <c r="BW30" s="313">
        <v>67440</v>
      </c>
      <c r="BX30" s="313">
        <v>78408</v>
      </c>
      <c r="BY30" s="313">
        <v>0</v>
      </c>
      <c r="BZ30" s="314">
        <v>260808</v>
      </c>
      <c r="CA30" s="316">
        <v>291808</v>
      </c>
      <c r="CB30" s="312">
        <v>0</v>
      </c>
      <c r="CC30" s="313">
        <v>39980</v>
      </c>
      <c r="CD30" s="314">
        <v>39980</v>
      </c>
      <c r="CE30" s="312">
        <v>0</v>
      </c>
      <c r="CF30" s="313">
        <v>154910</v>
      </c>
      <c r="CG30" s="313">
        <v>330227</v>
      </c>
      <c r="CH30" s="313">
        <v>368133</v>
      </c>
      <c r="CI30" s="313">
        <v>281079</v>
      </c>
      <c r="CJ30" s="313">
        <v>0</v>
      </c>
      <c r="CK30" s="314">
        <v>1134349</v>
      </c>
      <c r="CL30" s="316">
        <v>1174329</v>
      </c>
      <c r="CM30" s="312">
        <v>0</v>
      </c>
      <c r="CN30" s="313">
        <v>0</v>
      </c>
      <c r="CO30" s="314">
        <v>0</v>
      </c>
      <c r="CP30" s="318">
        <v>0</v>
      </c>
      <c r="CQ30" s="313">
        <v>62391</v>
      </c>
      <c r="CR30" s="313">
        <v>149942</v>
      </c>
      <c r="CS30" s="313">
        <v>244370</v>
      </c>
      <c r="CT30" s="313">
        <v>183488</v>
      </c>
      <c r="CU30" s="313">
        <v>0</v>
      </c>
      <c r="CV30" s="314">
        <v>640191</v>
      </c>
      <c r="CW30" s="316">
        <v>640191</v>
      </c>
      <c r="CX30" s="312">
        <v>0</v>
      </c>
      <c r="CY30" s="313">
        <v>39980</v>
      </c>
      <c r="CZ30" s="314">
        <v>39980</v>
      </c>
      <c r="DA30" s="312">
        <v>0</v>
      </c>
      <c r="DB30" s="313">
        <v>92519</v>
      </c>
      <c r="DC30" s="313">
        <v>180285</v>
      </c>
      <c r="DD30" s="313">
        <v>123763</v>
      </c>
      <c r="DE30" s="313">
        <v>97591</v>
      </c>
      <c r="DF30" s="313">
        <v>0</v>
      </c>
      <c r="DG30" s="314">
        <v>494158</v>
      </c>
      <c r="DH30" s="316">
        <v>534138</v>
      </c>
      <c r="DI30" s="312">
        <v>26547</v>
      </c>
      <c r="DJ30" s="313">
        <v>0</v>
      </c>
      <c r="DK30" s="317">
        <v>26547</v>
      </c>
      <c r="DL30" s="318">
        <v>0</v>
      </c>
      <c r="DM30" s="313">
        <v>178584</v>
      </c>
      <c r="DN30" s="313">
        <v>129986</v>
      </c>
      <c r="DO30" s="313">
        <v>18280</v>
      </c>
      <c r="DP30" s="313">
        <v>41330</v>
      </c>
      <c r="DQ30" s="313">
        <v>0</v>
      </c>
      <c r="DR30" s="314">
        <v>368180</v>
      </c>
      <c r="DS30" s="316">
        <v>394727</v>
      </c>
      <c r="DT30" s="312">
        <v>26547</v>
      </c>
      <c r="DU30" s="313">
        <v>0</v>
      </c>
      <c r="DV30" s="314">
        <v>26547</v>
      </c>
      <c r="DW30" s="312">
        <v>0</v>
      </c>
      <c r="DX30" s="313">
        <v>178584</v>
      </c>
      <c r="DY30" s="313">
        <v>129986</v>
      </c>
      <c r="DZ30" s="313">
        <v>18280</v>
      </c>
      <c r="EA30" s="313">
        <v>41330</v>
      </c>
      <c r="EB30" s="313">
        <v>0</v>
      </c>
      <c r="EC30" s="314">
        <v>368180</v>
      </c>
      <c r="ED30" s="316">
        <v>394727</v>
      </c>
      <c r="EE30" s="312">
        <v>0</v>
      </c>
      <c r="EF30" s="317">
        <v>0</v>
      </c>
      <c r="EG30" s="314">
        <v>0</v>
      </c>
      <c r="EH30" s="312">
        <v>0</v>
      </c>
      <c r="EI30" s="313">
        <v>0</v>
      </c>
      <c r="EJ30" s="313">
        <v>0</v>
      </c>
      <c r="EK30" s="313">
        <v>0</v>
      </c>
      <c r="EL30" s="313">
        <v>0</v>
      </c>
      <c r="EM30" s="313">
        <v>0</v>
      </c>
      <c r="EN30" s="317">
        <v>0</v>
      </c>
      <c r="EO30" s="316">
        <v>0</v>
      </c>
      <c r="EP30" s="312">
        <v>0</v>
      </c>
      <c r="EQ30" s="313">
        <v>0</v>
      </c>
      <c r="ER30" s="317">
        <v>0</v>
      </c>
      <c r="ES30" s="318">
        <v>0</v>
      </c>
      <c r="ET30" s="313">
        <v>0</v>
      </c>
      <c r="EU30" s="313">
        <v>0</v>
      </c>
      <c r="EV30" s="313">
        <v>0</v>
      </c>
      <c r="EW30" s="313">
        <v>0</v>
      </c>
      <c r="EX30" s="313">
        <v>0</v>
      </c>
      <c r="EY30" s="314">
        <v>0</v>
      </c>
      <c r="EZ30" s="316">
        <v>0</v>
      </c>
      <c r="FA30" s="312">
        <v>0</v>
      </c>
      <c r="FB30" s="313">
        <v>0</v>
      </c>
      <c r="FC30" s="317">
        <v>0</v>
      </c>
      <c r="FD30" s="318">
        <v>0</v>
      </c>
      <c r="FE30" s="313">
        <v>0</v>
      </c>
      <c r="FF30" s="313">
        <v>0</v>
      </c>
      <c r="FG30" s="313">
        <v>0</v>
      </c>
      <c r="FH30" s="313">
        <v>0</v>
      </c>
      <c r="FI30" s="313">
        <v>0</v>
      </c>
      <c r="FJ30" s="314">
        <v>0</v>
      </c>
      <c r="FK30" s="316">
        <v>0</v>
      </c>
      <c r="FL30" s="312">
        <v>31280</v>
      </c>
      <c r="FM30" s="313">
        <v>96400</v>
      </c>
      <c r="FN30" s="314">
        <v>127680</v>
      </c>
      <c r="FO30" s="312">
        <v>0</v>
      </c>
      <c r="FP30" s="313">
        <v>204696</v>
      </c>
      <c r="FQ30" s="313">
        <v>181208</v>
      </c>
      <c r="FR30" s="313">
        <v>88896</v>
      </c>
      <c r="FS30" s="313">
        <v>91440</v>
      </c>
      <c r="FT30" s="313">
        <v>0</v>
      </c>
      <c r="FU30" s="314">
        <v>566240</v>
      </c>
      <c r="FV30" s="316">
        <v>693920</v>
      </c>
      <c r="FW30" s="319">
        <v>31280</v>
      </c>
      <c r="FX30" s="313">
        <v>96400</v>
      </c>
      <c r="FY30" s="317">
        <v>127680</v>
      </c>
      <c r="FZ30" s="318">
        <v>0</v>
      </c>
      <c r="GA30" s="313">
        <v>13808</v>
      </c>
      <c r="GB30" s="313">
        <v>181208</v>
      </c>
      <c r="GC30" s="313">
        <v>88896</v>
      </c>
      <c r="GD30" s="313">
        <v>91440</v>
      </c>
      <c r="GE30" s="313">
        <v>0</v>
      </c>
      <c r="GF30" s="314">
        <v>375352</v>
      </c>
      <c r="GG30" s="320">
        <v>503032</v>
      </c>
      <c r="GH30" s="319">
        <v>0</v>
      </c>
      <c r="GI30" s="313">
        <v>0</v>
      </c>
      <c r="GJ30" s="317">
        <v>0</v>
      </c>
      <c r="GK30" s="318">
        <v>0</v>
      </c>
      <c r="GL30" s="313">
        <v>30888</v>
      </c>
      <c r="GM30" s="313">
        <v>0</v>
      </c>
      <c r="GN30" s="313">
        <v>0</v>
      </c>
      <c r="GO30" s="313">
        <v>0</v>
      </c>
      <c r="GP30" s="313">
        <v>0</v>
      </c>
      <c r="GQ30" s="314">
        <v>30888</v>
      </c>
      <c r="GR30" s="316">
        <v>30888</v>
      </c>
      <c r="GS30" s="312">
        <v>0</v>
      </c>
      <c r="GT30" s="313">
        <v>0</v>
      </c>
      <c r="GU30" s="314">
        <v>0</v>
      </c>
      <c r="GV30" s="312">
        <v>0</v>
      </c>
      <c r="GW30" s="313">
        <v>160000</v>
      </c>
      <c r="GX30" s="313">
        <v>0</v>
      </c>
      <c r="GY30" s="313">
        <v>0</v>
      </c>
      <c r="GZ30" s="313">
        <v>0</v>
      </c>
      <c r="HA30" s="313">
        <v>0</v>
      </c>
      <c r="HB30" s="317">
        <v>160000</v>
      </c>
      <c r="HC30" s="316">
        <v>160000</v>
      </c>
      <c r="HD30" s="312">
        <v>0</v>
      </c>
      <c r="HE30" s="313">
        <v>90705</v>
      </c>
      <c r="HF30" s="317">
        <v>90705</v>
      </c>
      <c r="HG30" s="318">
        <v>0</v>
      </c>
      <c r="HH30" s="313">
        <v>792297</v>
      </c>
      <c r="HI30" s="313">
        <v>138408</v>
      </c>
      <c r="HJ30" s="313">
        <v>200043</v>
      </c>
      <c r="HK30" s="313">
        <v>645615</v>
      </c>
      <c r="HL30" s="313">
        <v>0</v>
      </c>
      <c r="HM30" s="314">
        <v>1776363</v>
      </c>
      <c r="HN30" s="315">
        <v>1867068</v>
      </c>
      <c r="HO30" s="319">
        <v>0</v>
      </c>
      <c r="HP30" s="313">
        <v>0</v>
      </c>
      <c r="HQ30" s="314">
        <v>0</v>
      </c>
      <c r="HR30" s="312">
        <v>0</v>
      </c>
      <c r="HS30" s="313">
        <v>0</v>
      </c>
      <c r="HT30" s="313">
        <v>0</v>
      </c>
      <c r="HU30" s="313">
        <v>0</v>
      </c>
      <c r="HV30" s="313">
        <v>0</v>
      </c>
      <c r="HW30" s="313">
        <v>0</v>
      </c>
      <c r="HX30" s="317">
        <v>0</v>
      </c>
      <c r="HY30" s="316">
        <v>0</v>
      </c>
      <c r="HZ30" s="344">
        <v>0</v>
      </c>
      <c r="IA30" s="342">
        <v>76567</v>
      </c>
      <c r="IB30" s="344">
        <v>76567</v>
      </c>
      <c r="IC30" s="341">
        <v>0</v>
      </c>
      <c r="ID30" s="342">
        <v>93170</v>
      </c>
      <c r="IE30" s="343">
        <v>114606</v>
      </c>
      <c r="IF30" s="344">
        <v>50301</v>
      </c>
      <c r="IG30" s="342">
        <v>55075</v>
      </c>
      <c r="IH30" s="344">
        <v>0</v>
      </c>
      <c r="II30" s="345">
        <v>313152</v>
      </c>
      <c r="IJ30" s="344">
        <v>389719</v>
      </c>
      <c r="IK30" s="328">
        <v>0</v>
      </c>
      <c r="IL30" s="329">
        <v>0</v>
      </c>
      <c r="IM30" s="330">
        <v>0</v>
      </c>
      <c r="IN30" s="390">
        <v>0</v>
      </c>
      <c r="IO30" s="331">
        <v>0</v>
      </c>
      <c r="IP30" s="331">
        <v>0</v>
      </c>
      <c r="IQ30" s="331">
        <v>0</v>
      </c>
      <c r="IR30" s="331">
        <v>0</v>
      </c>
      <c r="IS30" s="331">
        <v>0</v>
      </c>
      <c r="IT30" s="332">
        <v>0</v>
      </c>
      <c r="IU30" s="333">
        <v>0</v>
      </c>
      <c r="IV30" s="334">
        <v>0</v>
      </c>
      <c r="IW30" s="331">
        <v>0</v>
      </c>
      <c r="IX30" s="335">
        <v>0</v>
      </c>
      <c r="IY30" s="390">
        <v>0</v>
      </c>
      <c r="IZ30" s="331">
        <v>0</v>
      </c>
      <c r="JA30" s="331">
        <v>0</v>
      </c>
      <c r="JB30" s="331">
        <v>0</v>
      </c>
      <c r="JC30" s="331">
        <v>0</v>
      </c>
      <c r="JD30" s="331">
        <v>0</v>
      </c>
      <c r="JE30" s="335">
        <v>0</v>
      </c>
      <c r="JF30" s="336">
        <v>0</v>
      </c>
      <c r="JG30" s="334">
        <v>0</v>
      </c>
      <c r="JH30" s="331">
        <v>0</v>
      </c>
      <c r="JI30" s="332">
        <v>0</v>
      </c>
      <c r="JJ30" s="337">
        <v>0</v>
      </c>
      <c r="JK30" s="331">
        <v>93170</v>
      </c>
      <c r="JL30" s="331">
        <v>114606</v>
      </c>
      <c r="JM30" s="331">
        <v>50301</v>
      </c>
      <c r="JN30" s="331">
        <v>55075</v>
      </c>
      <c r="JO30" s="331">
        <v>0</v>
      </c>
      <c r="JP30" s="335">
        <v>313152</v>
      </c>
      <c r="JQ30" s="333">
        <v>313152</v>
      </c>
      <c r="JR30" s="334">
        <v>0</v>
      </c>
      <c r="JS30" s="331">
        <v>0</v>
      </c>
      <c r="JT30" s="332">
        <v>0</v>
      </c>
      <c r="JU30" s="337">
        <v>0</v>
      </c>
      <c r="JV30" s="331">
        <v>0</v>
      </c>
      <c r="JW30" s="331">
        <v>0</v>
      </c>
      <c r="JX30" s="331">
        <v>0</v>
      </c>
      <c r="JY30" s="331">
        <v>0</v>
      </c>
      <c r="JZ30" s="331">
        <v>0</v>
      </c>
      <c r="KA30" s="335">
        <v>0</v>
      </c>
      <c r="KB30" s="333">
        <v>0</v>
      </c>
      <c r="KC30" s="338">
        <v>0</v>
      </c>
      <c r="KD30" s="339">
        <v>76567</v>
      </c>
      <c r="KE30" s="335">
        <v>76567</v>
      </c>
      <c r="KF30" s="337">
        <v>0</v>
      </c>
      <c r="KG30" s="331">
        <v>0</v>
      </c>
      <c r="KH30" s="331">
        <v>0</v>
      </c>
      <c r="KI30" s="331">
        <v>0</v>
      </c>
      <c r="KJ30" s="331">
        <v>0</v>
      </c>
      <c r="KK30" s="331">
        <v>0</v>
      </c>
      <c r="KL30" s="335">
        <v>0</v>
      </c>
      <c r="KM30" s="340">
        <v>76567</v>
      </c>
      <c r="KN30" s="328">
        <v>0</v>
      </c>
      <c r="KO30" s="329">
        <v>0</v>
      </c>
      <c r="KP30" s="330">
        <v>0</v>
      </c>
      <c r="KQ30" s="390">
        <v>0</v>
      </c>
      <c r="KR30" s="331">
        <v>0</v>
      </c>
      <c r="KS30" s="331">
        <v>0</v>
      </c>
      <c r="KT30" s="331">
        <v>0</v>
      </c>
      <c r="KU30" s="331">
        <v>0</v>
      </c>
      <c r="KV30" s="331">
        <v>0</v>
      </c>
      <c r="KW30" s="335">
        <v>0</v>
      </c>
      <c r="KX30" s="333">
        <v>0</v>
      </c>
      <c r="KY30" s="334">
        <v>0</v>
      </c>
      <c r="KZ30" s="331">
        <v>0</v>
      </c>
      <c r="LA30" s="335">
        <v>0</v>
      </c>
      <c r="LB30" s="390">
        <v>0</v>
      </c>
      <c r="LC30" s="331">
        <v>0</v>
      </c>
      <c r="LD30" s="331">
        <v>0</v>
      </c>
      <c r="LE30" s="331">
        <v>0</v>
      </c>
      <c r="LF30" s="331">
        <v>0</v>
      </c>
      <c r="LG30" s="331">
        <v>0</v>
      </c>
      <c r="LH30" s="335">
        <v>0</v>
      </c>
      <c r="LI30" s="336">
        <v>0</v>
      </c>
      <c r="LJ30" s="334">
        <v>0</v>
      </c>
      <c r="LK30" s="331">
        <v>0</v>
      </c>
      <c r="LL30" s="335">
        <v>0</v>
      </c>
      <c r="LM30" s="390">
        <v>0</v>
      </c>
      <c r="LN30" s="331">
        <v>0</v>
      </c>
      <c r="LO30" s="331">
        <v>0</v>
      </c>
      <c r="LP30" s="331">
        <v>0</v>
      </c>
      <c r="LQ30" s="331">
        <v>0</v>
      </c>
      <c r="LR30" s="331">
        <v>0</v>
      </c>
      <c r="LS30" s="335">
        <v>0</v>
      </c>
      <c r="LT30" s="333">
        <v>0</v>
      </c>
      <c r="LU30" s="334">
        <v>0</v>
      </c>
      <c r="LV30" s="331">
        <v>0</v>
      </c>
      <c r="LW30" s="335">
        <v>0</v>
      </c>
      <c r="LX30" s="390">
        <v>0</v>
      </c>
      <c r="LY30" s="331">
        <v>0</v>
      </c>
      <c r="LZ30" s="331">
        <v>0</v>
      </c>
      <c r="MA30" s="331">
        <v>0</v>
      </c>
      <c r="MB30" s="331">
        <v>0</v>
      </c>
      <c r="MC30" s="331">
        <v>0</v>
      </c>
      <c r="MD30" s="335">
        <v>0</v>
      </c>
      <c r="ME30" s="336">
        <v>0</v>
      </c>
      <c r="MF30" s="334">
        <v>0</v>
      </c>
      <c r="MG30" s="331">
        <v>0</v>
      </c>
      <c r="MH30" s="335">
        <v>0</v>
      </c>
      <c r="MI30" s="390">
        <v>0</v>
      </c>
      <c r="MJ30" s="331">
        <v>510795</v>
      </c>
      <c r="MK30" s="331">
        <v>239263</v>
      </c>
      <c r="ML30" s="331">
        <v>999661</v>
      </c>
      <c r="MM30" s="331">
        <v>353268</v>
      </c>
      <c r="MN30" s="331">
        <v>630359</v>
      </c>
      <c r="MO30" s="335">
        <v>2733346</v>
      </c>
      <c r="MP30" s="340">
        <v>2733346</v>
      </c>
      <c r="MQ30" s="334">
        <v>0</v>
      </c>
      <c r="MR30" s="331">
        <v>0</v>
      </c>
      <c r="MS30" s="335">
        <v>0</v>
      </c>
      <c r="MT30" s="390">
        <v>0</v>
      </c>
      <c r="MU30" s="331">
        <v>190415</v>
      </c>
      <c r="MV30" s="331">
        <v>0</v>
      </c>
      <c r="MW30" s="331">
        <v>693912</v>
      </c>
      <c r="MX30" s="331">
        <v>0</v>
      </c>
      <c r="MY30" s="331">
        <v>267043</v>
      </c>
      <c r="MZ30" s="335">
        <v>1151370</v>
      </c>
      <c r="NA30" s="340">
        <v>1151370</v>
      </c>
      <c r="NB30" s="334">
        <v>0</v>
      </c>
      <c r="NC30" s="331">
        <v>0</v>
      </c>
      <c r="ND30" s="335">
        <v>0</v>
      </c>
      <c r="NE30" s="390">
        <v>0</v>
      </c>
      <c r="NF30" s="331">
        <v>320380</v>
      </c>
      <c r="NG30" s="331">
        <v>239263</v>
      </c>
      <c r="NH30" s="331">
        <v>305749</v>
      </c>
      <c r="NI30" s="331">
        <v>353268</v>
      </c>
      <c r="NJ30" s="331">
        <v>363316</v>
      </c>
      <c r="NK30" s="335">
        <v>1581976</v>
      </c>
      <c r="NL30" s="333">
        <v>1581976</v>
      </c>
      <c r="NM30" s="334">
        <v>0</v>
      </c>
      <c r="NN30" s="331">
        <v>0</v>
      </c>
      <c r="NO30" s="335">
        <v>0</v>
      </c>
      <c r="NP30" s="390">
        <v>0</v>
      </c>
      <c r="NQ30" s="331">
        <v>0</v>
      </c>
      <c r="NR30" s="331">
        <v>0</v>
      </c>
      <c r="NS30" s="331">
        <v>0</v>
      </c>
      <c r="NT30" s="331">
        <v>0</v>
      </c>
      <c r="NU30" s="331">
        <v>0</v>
      </c>
      <c r="NV30" s="335">
        <v>0</v>
      </c>
      <c r="NW30" s="336">
        <v>0</v>
      </c>
      <c r="NX30" s="334">
        <v>0</v>
      </c>
      <c r="NY30" s="331">
        <v>0</v>
      </c>
      <c r="NZ30" s="335">
        <v>0</v>
      </c>
      <c r="OA30" s="390">
        <v>0</v>
      </c>
      <c r="OB30" s="331">
        <v>0</v>
      </c>
      <c r="OC30" s="331">
        <v>0</v>
      </c>
      <c r="OD30" s="331">
        <v>0</v>
      </c>
      <c r="OE30" s="331">
        <v>0</v>
      </c>
      <c r="OF30" s="331">
        <v>0</v>
      </c>
      <c r="OG30" s="335">
        <v>0</v>
      </c>
      <c r="OH30" s="336">
        <v>0</v>
      </c>
      <c r="OI30" s="334">
        <v>65547</v>
      </c>
      <c r="OJ30" s="331">
        <v>436017</v>
      </c>
      <c r="OK30" s="332">
        <v>501564</v>
      </c>
      <c r="OL30" s="337">
        <v>0</v>
      </c>
      <c r="OM30" s="331">
        <v>2237136</v>
      </c>
      <c r="ON30" s="331">
        <v>1878128</v>
      </c>
      <c r="OO30" s="331">
        <v>2070716</v>
      </c>
      <c r="OP30" s="331">
        <v>2206349</v>
      </c>
      <c r="OQ30" s="331">
        <v>630359</v>
      </c>
      <c r="OR30" s="335">
        <v>9022688</v>
      </c>
      <c r="OS30" s="340">
        <v>9524252</v>
      </c>
    </row>
    <row r="31" spans="2:409" s="56" customFormat="1" ht="21" customHeight="1" x14ac:dyDescent="0.2">
      <c r="B31" s="396" t="s">
        <v>26</v>
      </c>
      <c r="C31" s="312">
        <v>124913</v>
      </c>
      <c r="D31" s="313">
        <v>88721</v>
      </c>
      <c r="E31" s="314">
        <v>213634</v>
      </c>
      <c r="F31" s="315">
        <v>0</v>
      </c>
      <c r="G31" s="313">
        <v>1871150</v>
      </c>
      <c r="H31" s="313">
        <v>1746989</v>
      </c>
      <c r="I31" s="313">
        <v>1251702</v>
      </c>
      <c r="J31" s="313">
        <v>1517921</v>
      </c>
      <c r="K31" s="313">
        <v>728858</v>
      </c>
      <c r="L31" s="353">
        <v>7116620</v>
      </c>
      <c r="M31" s="316">
        <v>7330254</v>
      </c>
      <c r="N31" s="312">
        <v>35976</v>
      </c>
      <c r="O31" s="313">
        <v>17153</v>
      </c>
      <c r="P31" s="314">
        <v>53129</v>
      </c>
      <c r="Q31" s="312">
        <v>0</v>
      </c>
      <c r="R31" s="313">
        <v>712306</v>
      </c>
      <c r="S31" s="313">
        <v>606051</v>
      </c>
      <c r="T31" s="313">
        <v>447350</v>
      </c>
      <c r="U31" s="313">
        <v>804995</v>
      </c>
      <c r="V31" s="313">
        <v>651490</v>
      </c>
      <c r="W31" s="314">
        <v>3222192</v>
      </c>
      <c r="X31" s="316">
        <v>3275321</v>
      </c>
      <c r="Y31" s="312">
        <v>0</v>
      </c>
      <c r="Z31" s="313">
        <v>0</v>
      </c>
      <c r="AA31" s="314">
        <v>0</v>
      </c>
      <c r="AB31" s="312">
        <v>0</v>
      </c>
      <c r="AC31" s="313">
        <v>373928</v>
      </c>
      <c r="AD31" s="313">
        <v>229801</v>
      </c>
      <c r="AE31" s="313">
        <v>272983</v>
      </c>
      <c r="AF31" s="313">
        <v>460374</v>
      </c>
      <c r="AG31" s="313">
        <v>359813</v>
      </c>
      <c r="AH31" s="314">
        <v>1696899</v>
      </c>
      <c r="AI31" s="316">
        <v>1696899</v>
      </c>
      <c r="AJ31" s="312">
        <v>0</v>
      </c>
      <c r="AK31" s="313">
        <v>0</v>
      </c>
      <c r="AL31" s="314">
        <v>0</v>
      </c>
      <c r="AM31" s="312">
        <v>0</v>
      </c>
      <c r="AN31" s="313">
        <v>0</v>
      </c>
      <c r="AO31" s="313">
        <v>0</v>
      </c>
      <c r="AP31" s="313">
        <v>0</v>
      </c>
      <c r="AQ31" s="313">
        <v>94844</v>
      </c>
      <c r="AR31" s="313">
        <v>47422</v>
      </c>
      <c r="AS31" s="314">
        <v>142266</v>
      </c>
      <c r="AT31" s="316">
        <v>142266</v>
      </c>
      <c r="AU31" s="312">
        <v>18064</v>
      </c>
      <c r="AV31" s="313">
        <v>17153</v>
      </c>
      <c r="AW31" s="314">
        <v>35217</v>
      </c>
      <c r="AX31" s="312">
        <v>0</v>
      </c>
      <c r="AY31" s="313">
        <v>266898</v>
      </c>
      <c r="AZ31" s="313">
        <v>326770</v>
      </c>
      <c r="BA31" s="313">
        <v>92703</v>
      </c>
      <c r="BB31" s="313">
        <v>184641</v>
      </c>
      <c r="BC31" s="313">
        <v>191135</v>
      </c>
      <c r="BD31" s="314">
        <v>1062147</v>
      </c>
      <c r="BE31" s="316">
        <v>1097364</v>
      </c>
      <c r="BF31" s="312">
        <v>0</v>
      </c>
      <c r="BG31" s="313">
        <v>0</v>
      </c>
      <c r="BH31" s="317">
        <v>0</v>
      </c>
      <c r="BI31" s="318">
        <v>0</v>
      </c>
      <c r="BJ31" s="313">
        <v>0</v>
      </c>
      <c r="BK31" s="313">
        <v>0</v>
      </c>
      <c r="BL31" s="313">
        <v>0</v>
      </c>
      <c r="BM31" s="313">
        <v>0</v>
      </c>
      <c r="BN31" s="313">
        <v>0</v>
      </c>
      <c r="BO31" s="314">
        <v>0</v>
      </c>
      <c r="BP31" s="316">
        <v>0</v>
      </c>
      <c r="BQ31" s="312">
        <v>17912</v>
      </c>
      <c r="BR31" s="313">
        <v>0</v>
      </c>
      <c r="BS31" s="314">
        <v>17912</v>
      </c>
      <c r="BT31" s="312">
        <v>0</v>
      </c>
      <c r="BU31" s="313">
        <v>71480</v>
      </c>
      <c r="BV31" s="313">
        <v>49480</v>
      </c>
      <c r="BW31" s="313">
        <v>81664</v>
      </c>
      <c r="BX31" s="313">
        <v>65136</v>
      </c>
      <c r="BY31" s="313">
        <v>53120</v>
      </c>
      <c r="BZ31" s="314">
        <v>320880</v>
      </c>
      <c r="CA31" s="316">
        <v>338792</v>
      </c>
      <c r="CB31" s="312">
        <v>0</v>
      </c>
      <c r="CC31" s="313">
        <v>0</v>
      </c>
      <c r="CD31" s="314">
        <v>0</v>
      </c>
      <c r="CE31" s="312">
        <v>0</v>
      </c>
      <c r="CF31" s="313">
        <v>422984</v>
      </c>
      <c r="CG31" s="313">
        <v>572042</v>
      </c>
      <c r="CH31" s="313">
        <v>324214</v>
      </c>
      <c r="CI31" s="313">
        <v>227264</v>
      </c>
      <c r="CJ31" s="313">
        <v>0</v>
      </c>
      <c r="CK31" s="314">
        <v>1546504</v>
      </c>
      <c r="CL31" s="316">
        <v>1546504</v>
      </c>
      <c r="CM31" s="312">
        <v>0</v>
      </c>
      <c r="CN31" s="313">
        <v>0</v>
      </c>
      <c r="CO31" s="314">
        <v>0</v>
      </c>
      <c r="CP31" s="318">
        <v>0</v>
      </c>
      <c r="CQ31" s="313">
        <v>277523</v>
      </c>
      <c r="CR31" s="313">
        <v>377593</v>
      </c>
      <c r="CS31" s="313">
        <v>324214</v>
      </c>
      <c r="CT31" s="313">
        <v>146232</v>
      </c>
      <c r="CU31" s="313">
        <v>0</v>
      </c>
      <c r="CV31" s="314">
        <v>1125562</v>
      </c>
      <c r="CW31" s="316">
        <v>1125562</v>
      </c>
      <c r="CX31" s="312">
        <v>0</v>
      </c>
      <c r="CY31" s="313">
        <v>0</v>
      </c>
      <c r="CZ31" s="314">
        <v>0</v>
      </c>
      <c r="DA31" s="312">
        <v>0</v>
      </c>
      <c r="DB31" s="313">
        <v>145461</v>
      </c>
      <c r="DC31" s="313">
        <v>194449</v>
      </c>
      <c r="DD31" s="313">
        <v>0</v>
      </c>
      <c r="DE31" s="313">
        <v>81032</v>
      </c>
      <c r="DF31" s="313">
        <v>0</v>
      </c>
      <c r="DG31" s="314">
        <v>420942</v>
      </c>
      <c r="DH31" s="316">
        <v>420942</v>
      </c>
      <c r="DI31" s="312">
        <v>0</v>
      </c>
      <c r="DJ31" s="313">
        <v>0</v>
      </c>
      <c r="DK31" s="317">
        <v>0</v>
      </c>
      <c r="DL31" s="318">
        <v>0</v>
      </c>
      <c r="DM31" s="313">
        <v>110477</v>
      </c>
      <c r="DN31" s="313">
        <v>26687</v>
      </c>
      <c r="DO31" s="313">
        <v>21124</v>
      </c>
      <c r="DP31" s="313">
        <v>115678</v>
      </c>
      <c r="DQ31" s="313">
        <v>0</v>
      </c>
      <c r="DR31" s="314">
        <v>273966</v>
      </c>
      <c r="DS31" s="316">
        <v>273966</v>
      </c>
      <c r="DT31" s="312">
        <v>0</v>
      </c>
      <c r="DU31" s="313">
        <v>0</v>
      </c>
      <c r="DV31" s="314">
        <v>0</v>
      </c>
      <c r="DW31" s="312">
        <v>0</v>
      </c>
      <c r="DX31" s="313">
        <v>110477</v>
      </c>
      <c r="DY31" s="313">
        <v>26687</v>
      </c>
      <c r="DZ31" s="313">
        <v>21124</v>
      </c>
      <c r="EA31" s="313">
        <v>52547</v>
      </c>
      <c r="EB31" s="313">
        <v>0</v>
      </c>
      <c r="EC31" s="314">
        <v>210835</v>
      </c>
      <c r="ED31" s="316">
        <v>210835</v>
      </c>
      <c r="EE31" s="312">
        <v>0</v>
      </c>
      <c r="EF31" s="317">
        <v>0</v>
      </c>
      <c r="EG31" s="314">
        <v>0</v>
      </c>
      <c r="EH31" s="312">
        <v>0</v>
      </c>
      <c r="EI31" s="313">
        <v>0</v>
      </c>
      <c r="EJ31" s="313">
        <v>0</v>
      </c>
      <c r="EK31" s="313">
        <v>0</v>
      </c>
      <c r="EL31" s="313">
        <v>63131</v>
      </c>
      <c r="EM31" s="313">
        <v>0</v>
      </c>
      <c r="EN31" s="317">
        <v>63131</v>
      </c>
      <c r="EO31" s="316">
        <v>63131</v>
      </c>
      <c r="EP31" s="312">
        <v>0</v>
      </c>
      <c r="EQ31" s="313">
        <v>0</v>
      </c>
      <c r="ER31" s="317">
        <v>0</v>
      </c>
      <c r="ES31" s="318">
        <v>0</v>
      </c>
      <c r="ET31" s="313">
        <v>0</v>
      </c>
      <c r="EU31" s="313">
        <v>0</v>
      </c>
      <c r="EV31" s="313">
        <v>0</v>
      </c>
      <c r="EW31" s="313">
        <v>0</v>
      </c>
      <c r="EX31" s="313">
        <v>0</v>
      </c>
      <c r="EY31" s="314">
        <v>0</v>
      </c>
      <c r="EZ31" s="316">
        <v>0</v>
      </c>
      <c r="FA31" s="312">
        <v>0</v>
      </c>
      <c r="FB31" s="313">
        <v>0</v>
      </c>
      <c r="FC31" s="317">
        <v>0</v>
      </c>
      <c r="FD31" s="318">
        <v>0</v>
      </c>
      <c r="FE31" s="313">
        <v>0</v>
      </c>
      <c r="FF31" s="313">
        <v>0</v>
      </c>
      <c r="FG31" s="313">
        <v>0</v>
      </c>
      <c r="FH31" s="313">
        <v>0</v>
      </c>
      <c r="FI31" s="313">
        <v>0</v>
      </c>
      <c r="FJ31" s="314">
        <v>0</v>
      </c>
      <c r="FK31" s="316">
        <v>0</v>
      </c>
      <c r="FL31" s="312">
        <v>36320</v>
      </c>
      <c r="FM31" s="313">
        <v>71568</v>
      </c>
      <c r="FN31" s="314">
        <v>107888</v>
      </c>
      <c r="FO31" s="312">
        <v>0</v>
      </c>
      <c r="FP31" s="313">
        <v>309088</v>
      </c>
      <c r="FQ31" s="313">
        <v>194403</v>
      </c>
      <c r="FR31" s="313">
        <v>69480</v>
      </c>
      <c r="FS31" s="313">
        <v>157064</v>
      </c>
      <c r="FT31" s="313">
        <v>77368</v>
      </c>
      <c r="FU31" s="314">
        <v>807403</v>
      </c>
      <c r="FV31" s="316">
        <v>915291</v>
      </c>
      <c r="FW31" s="319">
        <v>36320</v>
      </c>
      <c r="FX31" s="313">
        <v>43808</v>
      </c>
      <c r="FY31" s="317">
        <v>80128</v>
      </c>
      <c r="FZ31" s="318">
        <v>0</v>
      </c>
      <c r="GA31" s="313">
        <v>93272</v>
      </c>
      <c r="GB31" s="313">
        <v>142480</v>
      </c>
      <c r="GC31" s="313">
        <v>69480</v>
      </c>
      <c r="GD31" s="313">
        <v>157064</v>
      </c>
      <c r="GE31" s="313">
        <v>77368</v>
      </c>
      <c r="GF31" s="314">
        <v>539664</v>
      </c>
      <c r="GG31" s="320">
        <v>619792</v>
      </c>
      <c r="GH31" s="319">
        <v>0</v>
      </c>
      <c r="GI31" s="313">
        <v>27760</v>
      </c>
      <c r="GJ31" s="317">
        <v>27760</v>
      </c>
      <c r="GK31" s="318">
        <v>0</v>
      </c>
      <c r="GL31" s="313">
        <v>0</v>
      </c>
      <c r="GM31" s="313">
        <v>51923</v>
      </c>
      <c r="GN31" s="313">
        <v>0</v>
      </c>
      <c r="GO31" s="313">
        <v>0</v>
      </c>
      <c r="GP31" s="313">
        <v>0</v>
      </c>
      <c r="GQ31" s="314">
        <v>51923</v>
      </c>
      <c r="GR31" s="316">
        <v>79683</v>
      </c>
      <c r="GS31" s="312">
        <v>0</v>
      </c>
      <c r="GT31" s="313">
        <v>0</v>
      </c>
      <c r="GU31" s="314">
        <v>0</v>
      </c>
      <c r="GV31" s="312">
        <v>0</v>
      </c>
      <c r="GW31" s="313">
        <v>215816</v>
      </c>
      <c r="GX31" s="313">
        <v>0</v>
      </c>
      <c r="GY31" s="313">
        <v>0</v>
      </c>
      <c r="GZ31" s="313">
        <v>0</v>
      </c>
      <c r="HA31" s="313">
        <v>0</v>
      </c>
      <c r="HB31" s="317">
        <v>215816</v>
      </c>
      <c r="HC31" s="316">
        <v>215816</v>
      </c>
      <c r="HD31" s="312">
        <v>52617</v>
      </c>
      <c r="HE31" s="313">
        <v>0</v>
      </c>
      <c r="HF31" s="317">
        <v>52617</v>
      </c>
      <c r="HG31" s="318">
        <v>0</v>
      </c>
      <c r="HH31" s="313">
        <v>316295</v>
      </c>
      <c r="HI31" s="313">
        <v>347806</v>
      </c>
      <c r="HJ31" s="313">
        <v>389534</v>
      </c>
      <c r="HK31" s="313">
        <v>212920</v>
      </c>
      <c r="HL31" s="313">
        <v>0</v>
      </c>
      <c r="HM31" s="314">
        <v>1266555</v>
      </c>
      <c r="HN31" s="315">
        <v>1319172</v>
      </c>
      <c r="HO31" s="319">
        <v>0</v>
      </c>
      <c r="HP31" s="313">
        <v>0</v>
      </c>
      <c r="HQ31" s="314">
        <v>0</v>
      </c>
      <c r="HR31" s="312">
        <v>0</v>
      </c>
      <c r="HS31" s="313">
        <v>0</v>
      </c>
      <c r="HT31" s="313">
        <v>0</v>
      </c>
      <c r="HU31" s="313">
        <v>0</v>
      </c>
      <c r="HV31" s="313">
        <v>0</v>
      </c>
      <c r="HW31" s="313">
        <v>0</v>
      </c>
      <c r="HX31" s="317">
        <v>0</v>
      </c>
      <c r="HY31" s="316">
        <v>0</v>
      </c>
      <c r="HZ31" s="321">
        <v>0</v>
      </c>
      <c r="IA31" s="322">
        <v>0</v>
      </c>
      <c r="IB31" s="323">
        <v>0</v>
      </c>
      <c r="IC31" s="324">
        <v>0</v>
      </c>
      <c r="ID31" s="322">
        <v>344647</v>
      </c>
      <c r="IE31" s="325">
        <v>42525</v>
      </c>
      <c r="IF31" s="323">
        <v>607042</v>
      </c>
      <c r="IG31" s="322">
        <v>311524</v>
      </c>
      <c r="IH31" s="323">
        <v>559579</v>
      </c>
      <c r="II31" s="326">
        <v>1865317</v>
      </c>
      <c r="IJ31" s="327">
        <v>1865317</v>
      </c>
      <c r="IK31" s="328">
        <v>0</v>
      </c>
      <c r="IL31" s="329">
        <v>0</v>
      </c>
      <c r="IM31" s="330">
        <v>0</v>
      </c>
      <c r="IN31" s="390">
        <v>0</v>
      </c>
      <c r="IO31" s="331">
        <v>0</v>
      </c>
      <c r="IP31" s="331">
        <v>0</v>
      </c>
      <c r="IQ31" s="331">
        <v>0</v>
      </c>
      <c r="IR31" s="331">
        <v>0</v>
      </c>
      <c r="IS31" s="331">
        <v>0</v>
      </c>
      <c r="IT31" s="332">
        <v>0</v>
      </c>
      <c r="IU31" s="333">
        <v>0</v>
      </c>
      <c r="IV31" s="334">
        <v>0</v>
      </c>
      <c r="IW31" s="331">
        <v>0</v>
      </c>
      <c r="IX31" s="335">
        <v>0</v>
      </c>
      <c r="IY31" s="390">
        <v>0</v>
      </c>
      <c r="IZ31" s="331">
        <v>0</v>
      </c>
      <c r="JA31" s="331">
        <v>0</v>
      </c>
      <c r="JB31" s="331">
        <v>0</v>
      </c>
      <c r="JC31" s="331">
        <v>0</v>
      </c>
      <c r="JD31" s="331">
        <v>0</v>
      </c>
      <c r="JE31" s="335">
        <v>0</v>
      </c>
      <c r="JF31" s="336">
        <v>0</v>
      </c>
      <c r="JG31" s="334">
        <v>0</v>
      </c>
      <c r="JH31" s="331">
        <v>0</v>
      </c>
      <c r="JI31" s="332">
        <v>0</v>
      </c>
      <c r="JJ31" s="337">
        <v>0</v>
      </c>
      <c r="JK31" s="331">
        <v>344647</v>
      </c>
      <c r="JL31" s="331">
        <v>42525</v>
      </c>
      <c r="JM31" s="331">
        <v>132562</v>
      </c>
      <c r="JN31" s="331">
        <v>52425</v>
      </c>
      <c r="JO31" s="331">
        <v>0</v>
      </c>
      <c r="JP31" s="335">
        <v>572159</v>
      </c>
      <c r="JQ31" s="333">
        <v>572159</v>
      </c>
      <c r="JR31" s="334">
        <v>0</v>
      </c>
      <c r="JS31" s="331">
        <v>0</v>
      </c>
      <c r="JT31" s="332">
        <v>0</v>
      </c>
      <c r="JU31" s="337">
        <v>0</v>
      </c>
      <c r="JV31" s="331">
        <v>0</v>
      </c>
      <c r="JW31" s="331">
        <v>0</v>
      </c>
      <c r="JX31" s="331">
        <v>0</v>
      </c>
      <c r="JY31" s="331">
        <v>0</v>
      </c>
      <c r="JZ31" s="331">
        <v>0</v>
      </c>
      <c r="KA31" s="335">
        <v>0</v>
      </c>
      <c r="KB31" s="333">
        <v>0</v>
      </c>
      <c r="KC31" s="338">
        <v>0</v>
      </c>
      <c r="KD31" s="339">
        <v>0</v>
      </c>
      <c r="KE31" s="335">
        <v>0</v>
      </c>
      <c r="KF31" s="337">
        <v>0</v>
      </c>
      <c r="KG31" s="331">
        <v>0</v>
      </c>
      <c r="KH31" s="331">
        <v>0</v>
      </c>
      <c r="KI31" s="331">
        <v>0</v>
      </c>
      <c r="KJ31" s="331">
        <v>0</v>
      </c>
      <c r="KK31" s="331">
        <v>302131</v>
      </c>
      <c r="KL31" s="335">
        <v>302131</v>
      </c>
      <c r="KM31" s="340">
        <v>302131</v>
      </c>
      <c r="KN31" s="328">
        <v>0</v>
      </c>
      <c r="KO31" s="329">
        <v>0</v>
      </c>
      <c r="KP31" s="330">
        <v>0</v>
      </c>
      <c r="KQ31" s="390">
        <v>0</v>
      </c>
      <c r="KR31" s="331">
        <v>0</v>
      </c>
      <c r="KS31" s="331">
        <v>0</v>
      </c>
      <c r="KT31" s="331">
        <v>474480</v>
      </c>
      <c r="KU31" s="331">
        <v>259099</v>
      </c>
      <c r="KV31" s="331">
        <v>257448</v>
      </c>
      <c r="KW31" s="335">
        <v>991027</v>
      </c>
      <c r="KX31" s="333">
        <v>991027</v>
      </c>
      <c r="KY31" s="334">
        <v>0</v>
      </c>
      <c r="KZ31" s="331">
        <v>0</v>
      </c>
      <c r="LA31" s="335">
        <v>0</v>
      </c>
      <c r="LB31" s="390">
        <v>0</v>
      </c>
      <c r="LC31" s="331">
        <v>0</v>
      </c>
      <c r="LD31" s="331">
        <v>0</v>
      </c>
      <c r="LE31" s="331">
        <v>0</v>
      </c>
      <c r="LF31" s="331">
        <v>0</v>
      </c>
      <c r="LG31" s="331">
        <v>0</v>
      </c>
      <c r="LH31" s="335">
        <v>0</v>
      </c>
      <c r="LI31" s="336">
        <v>0</v>
      </c>
      <c r="LJ31" s="334">
        <v>0</v>
      </c>
      <c r="LK31" s="331">
        <v>0</v>
      </c>
      <c r="LL31" s="335">
        <v>0</v>
      </c>
      <c r="LM31" s="390">
        <v>0</v>
      </c>
      <c r="LN31" s="331">
        <v>0</v>
      </c>
      <c r="LO31" s="331">
        <v>0</v>
      </c>
      <c r="LP31" s="331">
        <v>0</v>
      </c>
      <c r="LQ31" s="331">
        <v>0</v>
      </c>
      <c r="LR31" s="331">
        <v>0</v>
      </c>
      <c r="LS31" s="335">
        <v>0</v>
      </c>
      <c r="LT31" s="333">
        <v>0</v>
      </c>
      <c r="LU31" s="334">
        <v>0</v>
      </c>
      <c r="LV31" s="331">
        <v>0</v>
      </c>
      <c r="LW31" s="335">
        <v>0</v>
      </c>
      <c r="LX31" s="390">
        <v>0</v>
      </c>
      <c r="LY31" s="331">
        <v>0</v>
      </c>
      <c r="LZ31" s="331">
        <v>0</v>
      </c>
      <c r="MA31" s="331">
        <v>0</v>
      </c>
      <c r="MB31" s="331">
        <v>0</v>
      </c>
      <c r="MC31" s="331">
        <v>0</v>
      </c>
      <c r="MD31" s="335">
        <v>0</v>
      </c>
      <c r="ME31" s="336">
        <v>0</v>
      </c>
      <c r="MF31" s="334">
        <v>0</v>
      </c>
      <c r="MG31" s="331">
        <v>0</v>
      </c>
      <c r="MH31" s="335">
        <v>0</v>
      </c>
      <c r="MI31" s="390">
        <v>0</v>
      </c>
      <c r="MJ31" s="331">
        <v>0</v>
      </c>
      <c r="MK31" s="331">
        <v>0</v>
      </c>
      <c r="ML31" s="331">
        <v>967464</v>
      </c>
      <c r="MM31" s="331">
        <v>622058</v>
      </c>
      <c r="MN31" s="331">
        <v>619190</v>
      </c>
      <c r="MO31" s="335">
        <v>2208712</v>
      </c>
      <c r="MP31" s="340">
        <v>2208712</v>
      </c>
      <c r="MQ31" s="334">
        <v>0</v>
      </c>
      <c r="MR31" s="331">
        <v>0</v>
      </c>
      <c r="MS31" s="335">
        <v>0</v>
      </c>
      <c r="MT31" s="390">
        <v>0</v>
      </c>
      <c r="MU31" s="331">
        <v>0</v>
      </c>
      <c r="MV31" s="331">
        <v>0</v>
      </c>
      <c r="MW31" s="331">
        <v>435136</v>
      </c>
      <c r="MX31" s="331">
        <v>280862</v>
      </c>
      <c r="MY31" s="331">
        <v>567077</v>
      </c>
      <c r="MZ31" s="335">
        <v>1283075</v>
      </c>
      <c r="NA31" s="340">
        <v>1283075</v>
      </c>
      <c r="NB31" s="334">
        <v>0</v>
      </c>
      <c r="NC31" s="331">
        <v>0</v>
      </c>
      <c r="ND31" s="335">
        <v>0</v>
      </c>
      <c r="NE31" s="390">
        <v>0</v>
      </c>
      <c r="NF31" s="331">
        <v>0</v>
      </c>
      <c r="NG31" s="331">
        <v>0</v>
      </c>
      <c r="NH31" s="331">
        <v>532328</v>
      </c>
      <c r="NI31" s="331">
        <v>341196</v>
      </c>
      <c r="NJ31" s="331">
        <v>52113</v>
      </c>
      <c r="NK31" s="335">
        <v>925637</v>
      </c>
      <c r="NL31" s="333">
        <v>925637</v>
      </c>
      <c r="NM31" s="334">
        <v>0</v>
      </c>
      <c r="NN31" s="331">
        <v>0</v>
      </c>
      <c r="NO31" s="335">
        <v>0</v>
      </c>
      <c r="NP31" s="390">
        <v>0</v>
      </c>
      <c r="NQ31" s="331">
        <v>0</v>
      </c>
      <c r="NR31" s="331">
        <v>0</v>
      </c>
      <c r="NS31" s="331">
        <v>0</v>
      </c>
      <c r="NT31" s="331">
        <v>0</v>
      </c>
      <c r="NU31" s="331">
        <v>0</v>
      </c>
      <c r="NV31" s="335">
        <v>0</v>
      </c>
      <c r="NW31" s="336">
        <v>0</v>
      </c>
      <c r="NX31" s="334">
        <v>0</v>
      </c>
      <c r="NY31" s="331">
        <v>0</v>
      </c>
      <c r="NZ31" s="335">
        <v>0</v>
      </c>
      <c r="OA31" s="390">
        <v>0</v>
      </c>
      <c r="OB31" s="331">
        <v>0</v>
      </c>
      <c r="OC31" s="331">
        <v>0</v>
      </c>
      <c r="OD31" s="331">
        <v>0</v>
      </c>
      <c r="OE31" s="331">
        <v>0</v>
      </c>
      <c r="OF31" s="331">
        <v>0</v>
      </c>
      <c r="OG31" s="335">
        <v>0</v>
      </c>
      <c r="OH31" s="336">
        <v>0</v>
      </c>
      <c r="OI31" s="334">
        <v>124913</v>
      </c>
      <c r="OJ31" s="331">
        <v>88721</v>
      </c>
      <c r="OK31" s="332">
        <v>213634</v>
      </c>
      <c r="OL31" s="337">
        <v>0</v>
      </c>
      <c r="OM31" s="331">
        <v>2215797</v>
      </c>
      <c r="ON31" s="331">
        <v>1789514</v>
      </c>
      <c r="OO31" s="331">
        <v>2826208</v>
      </c>
      <c r="OP31" s="331">
        <v>2451503</v>
      </c>
      <c r="OQ31" s="331">
        <v>1907627</v>
      </c>
      <c r="OR31" s="335">
        <v>11190649</v>
      </c>
      <c r="OS31" s="340">
        <v>11404283</v>
      </c>
    </row>
    <row r="32" spans="2:409" s="56" customFormat="1" ht="21" customHeight="1" x14ac:dyDescent="0.2">
      <c r="B32" s="396" t="s">
        <v>27</v>
      </c>
      <c r="C32" s="312">
        <v>290162</v>
      </c>
      <c r="D32" s="313">
        <v>463806</v>
      </c>
      <c r="E32" s="314">
        <v>753968</v>
      </c>
      <c r="F32" s="315">
        <v>0</v>
      </c>
      <c r="G32" s="313">
        <v>1625542</v>
      </c>
      <c r="H32" s="313">
        <v>1119741</v>
      </c>
      <c r="I32" s="313">
        <v>1380805</v>
      </c>
      <c r="J32" s="313">
        <v>1703332</v>
      </c>
      <c r="K32" s="313">
        <v>930607</v>
      </c>
      <c r="L32" s="353">
        <v>6760027</v>
      </c>
      <c r="M32" s="316">
        <v>7513995</v>
      </c>
      <c r="N32" s="312">
        <v>72474</v>
      </c>
      <c r="O32" s="313">
        <v>268988</v>
      </c>
      <c r="P32" s="314">
        <v>341462</v>
      </c>
      <c r="Q32" s="312">
        <v>0</v>
      </c>
      <c r="R32" s="313">
        <v>349798</v>
      </c>
      <c r="S32" s="313">
        <v>258722</v>
      </c>
      <c r="T32" s="313">
        <v>584748</v>
      </c>
      <c r="U32" s="313">
        <v>905059</v>
      </c>
      <c r="V32" s="313">
        <v>888207</v>
      </c>
      <c r="W32" s="314">
        <v>2986534</v>
      </c>
      <c r="X32" s="316">
        <v>3327996</v>
      </c>
      <c r="Y32" s="312">
        <v>0</v>
      </c>
      <c r="Z32" s="313">
        <v>0</v>
      </c>
      <c r="AA32" s="314">
        <v>0</v>
      </c>
      <c r="AB32" s="312">
        <v>0</v>
      </c>
      <c r="AC32" s="313">
        <v>61009</v>
      </c>
      <c r="AD32" s="313">
        <v>173192</v>
      </c>
      <c r="AE32" s="313">
        <v>395707</v>
      </c>
      <c r="AF32" s="313">
        <v>612425</v>
      </c>
      <c r="AG32" s="313">
        <v>688335</v>
      </c>
      <c r="AH32" s="314">
        <v>1930668</v>
      </c>
      <c r="AI32" s="316">
        <v>1930668</v>
      </c>
      <c r="AJ32" s="312">
        <v>0</v>
      </c>
      <c r="AK32" s="313">
        <v>0</v>
      </c>
      <c r="AL32" s="314">
        <v>0</v>
      </c>
      <c r="AM32" s="312">
        <v>0</v>
      </c>
      <c r="AN32" s="313">
        <v>0</v>
      </c>
      <c r="AO32" s="313">
        <v>0</v>
      </c>
      <c r="AP32" s="313">
        <v>0</v>
      </c>
      <c r="AQ32" s="313">
        <v>80816</v>
      </c>
      <c r="AR32" s="313">
        <v>0</v>
      </c>
      <c r="AS32" s="314">
        <v>80816</v>
      </c>
      <c r="AT32" s="316">
        <v>80816</v>
      </c>
      <c r="AU32" s="312">
        <v>51482</v>
      </c>
      <c r="AV32" s="313">
        <v>255916</v>
      </c>
      <c r="AW32" s="314">
        <v>307398</v>
      </c>
      <c r="AX32" s="312">
        <v>0</v>
      </c>
      <c r="AY32" s="313">
        <v>125117</v>
      </c>
      <c r="AZ32" s="313">
        <v>39378</v>
      </c>
      <c r="BA32" s="313">
        <v>150185</v>
      </c>
      <c r="BB32" s="313">
        <v>159682</v>
      </c>
      <c r="BC32" s="313">
        <v>160720</v>
      </c>
      <c r="BD32" s="314">
        <v>635082</v>
      </c>
      <c r="BE32" s="316">
        <v>942480</v>
      </c>
      <c r="BF32" s="312">
        <v>0</v>
      </c>
      <c r="BG32" s="313">
        <v>0</v>
      </c>
      <c r="BH32" s="317">
        <v>0</v>
      </c>
      <c r="BI32" s="318">
        <v>0</v>
      </c>
      <c r="BJ32" s="313">
        <v>0</v>
      </c>
      <c r="BK32" s="313">
        <v>0</v>
      </c>
      <c r="BL32" s="313">
        <v>0</v>
      </c>
      <c r="BM32" s="313">
        <v>0</v>
      </c>
      <c r="BN32" s="313">
        <v>0</v>
      </c>
      <c r="BO32" s="314">
        <v>0</v>
      </c>
      <c r="BP32" s="316">
        <v>0</v>
      </c>
      <c r="BQ32" s="312">
        <v>20992</v>
      </c>
      <c r="BR32" s="313">
        <v>13072</v>
      </c>
      <c r="BS32" s="314">
        <v>34064</v>
      </c>
      <c r="BT32" s="312">
        <v>0</v>
      </c>
      <c r="BU32" s="313">
        <v>163672</v>
      </c>
      <c r="BV32" s="313">
        <v>46152</v>
      </c>
      <c r="BW32" s="313">
        <v>38856</v>
      </c>
      <c r="BX32" s="313">
        <v>52136</v>
      </c>
      <c r="BY32" s="313">
        <v>39152</v>
      </c>
      <c r="BZ32" s="314">
        <v>339968</v>
      </c>
      <c r="CA32" s="316">
        <v>374032</v>
      </c>
      <c r="CB32" s="312">
        <v>62358</v>
      </c>
      <c r="CC32" s="313">
        <v>74738</v>
      </c>
      <c r="CD32" s="314">
        <v>137096</v>
      </c>
      <c r="CE32" s="312">
        <v>0</v>
      </c>
      <c r="CF32" s="313">
        <v>381709</v>
      </c>
      <c r="CG32" s="313">
        <v>578234</v>
      </c>
      <c r="CH32" s="313">
        <v>241960</v>
      </c>
      <c r="CI32" s="313">
        <v>318520</v>
      </c>
      <c r="CJ32" s="313">
        <v>0</v>
      </c>
      <c r="CK32" s="314">
        <v>1520423</v>
      </c>
      <c r="CL32" s="316">
        <v>1657519</v>
      </c>
      <c r="CM32" s="312">
        <v>0</v>
      </c>
      <c r="CN32" s="313">
        <v>0</v>
      </c>
      <c r="CO32" s="314">
        <v>0</v>
      </c>
      <c r="CP32" s="318">
        <v>0</v>
      </c>
      <c r="CQ32" s="313">
        <v>323473</v>
      </c>
      <c r="CR32" s="313">
        <v>444838</v>
      </c>
      <c r="CS32" s="313">
        <v>241960</v>
      </c>
      <c r="CT32" s="313">
        <v>318520</v>
      </c>
      <c r="CU32" s="313">
        <v>0</v>
      </c>
      <c r="CV32" s="314">
        <v>1328791</v>
      </c>
      <c r="CW32" s="316">
        <v>1328791</v>
      </c>
      <c r="CX32" s="312">
        <v>62358</v>
      </c>
      <c r="CY32" s="313">
        <v>74738</v>
      </c>
      <c r="CZ32" s="314">
        <v>137096</v>
      </c>
      <c r="DA32" s="312">
        <v>0</v>
      </c>
      <c r="DB32" s="313">
        <v>58236</v>
      </c>
      <c r="DC32" s="313">
        <v>133396</v>
      </c>
      <c r="DD32" s="313">
        <v>0</v>
      </c>
      <c r="DE32" s="313">
        <v>0</v>
      </c>
      <c r="DF32" s="313">
        <v>0</v>
      </c>
      <c r="DG32" s="314">
        <v>191632</v>
      </c>
      <c r="DH32" s="316">
        <v>328728</v>
      </c>
      <c r="DI32" s="312">
        <v>0</v>
      </c>
      <c r="DJ32" s="313">
        <v>0</v>
      </c>
      <c r="DK32" s="317">
        <v>0</v>
      </c>
      <c r="DL32" s="318">
        <v>0</v>
      </c>
      <c r="DM32" s="313">
        <v>67293</v>
      </c>
      <c r="DN32" s="313">
        <v>0</v>
      </c>
      <c r="DO32" s="313">
        <v>139776</v>
      </c>
      <c r="DP32" s="313">
        <v>0</v>
      </c>
      <c r="DQ32" s="313">
        <v>0</v>
      </c>
      <c r="DR32" s="314">
        <v>207069</v>
      </c>
      <c r="DS32" s="316">
        <v>207069</v>
      </c>
      <c r="DT32" s="312">
        <v>0</v>
      </c>
      <c r="DU32" s="313">
        <v>0</v>
      </c>
      <c r="DV32" s="314">
        <v>0</v>
      </c>
      <c r="DW32" s="312">
        <v>0</v>
      </c>
      <c r="DX32" s="313">
        <v>67293</v>
      </c>
      <c r="DY32" s="313">
        <v>0</v>
      </c>
      <c r="DZ32" s="313">
        <v>0</v>
      </c>
      <c r="EA32" s="313">
        <v>0</v>
      </c>
      <c r="EB32" s="313">
        <v>0</v>
      </c>
      <c r="EC32" s="314">
        <v>67293</v>
      </c>
      <c r="ED32" s="316">
        <v>67293</v>
      </c>
      <c r="EE32" s="312">
        <v>0</v>
      </c>
      <c r="EF32" s="317">
        <v>0</v>
      </c>
      <c r="EG32" s="314">
        <v>0</v>
      </c>
      <c r="EH32" s="312">
        <v>0</v>
      </c>
      <c r="EI32" s="313">
        <v>0</v>
      </c>
      <c r="EJ32" s="313">
        <v>0</v>
      </c>
      <c r="EK32" s="313">
        <v>139776</v>
      </c>
      <c r="EL32" s="313">
        <v>0</v>
      </c>
      <c r="EM32" s="313">
        <v>0</v>
      </c>
      <c r="EN32" s="317">
        <v>139776</v>
      </c>
      <c r="EO32" s="316">
        <v>139776</v>
      </c>
      <c r="EP32" s="312">
        <v>0</v>
      </c>
      <c r="EQ32" s="313">
        <v>0</v>
      </c>
      <c r="ER32" s="317">
        <v>0</v>
      </c>
      <c r="ES32" s="318">
        <v>0</v>
      </c>
      <c r="ET32" s="313">
        <v>0</v>
      </c>
      <c r="EU32" s="313">
        <v>0</v>
      </c>
      <c r="EV32" s="313">
        <v>0</v>
      </c>
      <c r="EW32" s="313">
        <v>0</v>
      </c>
      <c r="EX32" s="313">
        <v>0</v>
      </c>
      <c r="EY32" s="314">
        <v>0</v>
      </c>
      <c r="EZ32" s="316">
        <v>0</v>
      </c>
      <c r="FA32" s="312">
        <v>0</v>
      </c>
      <c r="FB32" s="313">
        <v>0</v>
      </c>
      <c r="FC32" s="317">
        <v>0</v>
      </c>
      <c r="FD32" s="318">
        <v>0</v>
      </c>
      <c r="FE32" s="313">
        <v>0</v>
      </c>
      <c r="FF32" s="313">
        <v>0</v>
      </c>
      <c r="FG32" s="313">
        <v>0</v>
      </c>
      <c r="FH32" s="313">
        <v>0</v>
      </c>
      <c r="FI32" s="313">
        <v>0</v>
      </c>
      <c r="FJ32" s="314">
        <v>0</v>
      </c>
      <c r="FK32" s="316">
        <v>0</v>
      </c>
      <c r="FL32" s="312">
        <v>50240</v>
      </c>
      <c r="FM32" s="313">
        <v>120080</v>
      </c>
      <c r="FN32" s="314">
        <v>170320</v>
      </c>
      <c r="FO32" s="312">
        <v>0</v>
      </c>
      <c r="FP32" s="313">
        <v>42960</v>
      </c>
      <c r="FQ32" s="313">
        <v>106440</v>
      </c>
      <c r="FR32" s="313">
        <v>111736</v>
      </c>
      <c r="FS32" s="313">
        <v>68768</v>
      </c>
      <c r="FT32" s="313">
        <v>42400</v>
      </c>
      <c r="FU32" s="314">
        <v>372304</v>
      </c>
      <c r="FV32" s="316">
        <v>542624</v>
      </c>
      <c r="FW32" s="319">
        <v>50240</v>
      </c>
      <c r="FX32" s="313">
        <v>88880</v>
      </c>
      <c r="FY32" s="317">
        <v>139120</v>
      </c>
      <c r="FZ32" s="318">
        <v>0</v>
      </c>
      <c r="GA32" s="313">
        <v>42960</v>
      </c>
      <c r="GB32" s="313">
        <v>106440</v>
      </c>
      <c r="GC32" s="313">
        <v>111736</v>
      </c>
      <c r="GD32" s="313">
        <v>68768</v>
      </c>
      <c r="GE32" s="313">
        <v>42400</v>
      </c>
      <c r="GF32" s="314">
        <v>372304</v>
      </c>
      <c r="GG32" s="320">
        <v>511424</v>
      </c>
      <c r="GH32" s="319">
        <v>0</v>
      </c>
      <c r="GI32" s="313">
        <v>0</v>
      </c>
      <c r="GJ32" s="317">
        <v>0</v>
      </c>
      <c r="GK32" s="318">
        <v>0</v>
      </c>
      <c r="GL32" s="313">
        <v>0</v>
      </c>
      <c r="GM32" s="313">
        <v>0</v>
      </c>
      <c r="GN32" s="313">
        <v>0</v>
      </c>
      <c r="GO32" s="313">
        <v>0</v>
      </c>
      <c r="GP32" s="313">
        <v>0</v>
      </c>
      <c r="GQ32" s="314">
        <v>0</v>
      </c>
      <c r="GR32" s="316">
        <v>0</v>
      </c>
      <c r="GS32" s="312">
        <v>0</v>
      </c>
      <c r="GT32" s="313">
        <v>31200</v>
      </c>
      <c r="GU32" s="314">
        <v>31200</v>
      </c>
      <c r="GV32" s="312">
        <v>0</v>
      </c>
      <c r="GW32" s="313">
        <v>0</v>
      </c>
      <c r="GX32" s="313">
        <v>0</v>
      </c>
      <c r="GY32" s="313">
        <v>0</v>
      </c>
      <c r="GZ32" s="313">
        <v>0</v>
      </c>
      <c r="HA32" s="313">
        <v>0</v>
      </c>
      <c r="HB32" s="317">
        <v>0</v>
      </c>
      <c r="HC32" s="316">
        <v>31200</v>
      </c>
      <c r="HD32" s="312">
        <v>105090</v>
      </c>
      <c r="HE32" s="313">
        <v>0</v>
      </c>
      <c r="HF32" s="317">
        <v>105090</v>
      </c>
      <c r="HG32" s="318">
        <v>0</v>
      </c>
      <c r="HH32" s="313">
        <v>783782</v>
      </c>
      <c r="HI32" s="313">
        <v>176345</v>
      </c>
      <c r="HJ32" s="313">
        <v>302585</v>
      </c>
      <c r="HK32" s="313">
        <v>410985</v>
      </c>
      <c r="HL32" s="313">
        <v>0</v>
      </c>
      <c r="HM32" s="314">
        <v>1673697</v>
      </c>
      <c r="HN32" s="315">
        <v>1778787</v>
      </c>
      <c r="HO32" s="319">
        <v>0</v>
      </c>
      <c r="HP32" s="313">
        <v>0</v>
      </c>
      <c r="HQ32" s="314">
        <v>0</v>
      </c>
      <c r="HR32" s="312">
        <v>0</v>
      </c>
      <c r="HS32" s="313">
        <v>0</v>
      </c>
      <c r="HT32" s="313">
        <v>0</v>
      </c>
      <c r="HU32" s="313">
        <v>0</v>
      </c>
      <c r="HV32" s="313">
        <v>0</v>
      </c>
      <c r="HW32" s="313">
        <v>0</v>
      </c>
      <c r="HX32" s="317">
        <v>0</v>
      </c>
      <c r="HY32" s="316">
        <v>0</v>
      </c>
      <c r="HZ32" s="344">
        <v>0</v>
      </c>
      <c r="IA32" s="342">
        <v>0</v>
      </c>
      <c r="IB32" s="344">
        <v>0</v>
      </c>
      <c r="IC32" s="341">
        <v>0</v>
      </c>
      <c r="ID32" s="342">
        <v>423806</v>
      </c>
      <c r="IE32" s="343">
        <v>282042</v>
      </c>
      <c r="IF32" s="344">
        <v>498316</v>
      </c>
      <c r="IG32" s="342">
        <v>910389</v>
      </c>
      <c r="IH32" s="344">
        <v>524262</v>
      </c>
      <c r="II32" s="345">
        <v>2638815</v>
      </c>
      <c r="IJ32" s="344">
        <v>2638815</v>
      </c>
      <c r="IK32" s="328">
        <v>0</v>
      </c>
      <c r="IL32" s="329">
        <v>0</v>
      </c>
      <c r="IM32" s="330">
        <v>0</v>
      </c>
      <c r="IN32" s="390">
        <v>0</v>
      </c>
      <c r="IO32" s="331">
        <v>0</v>
      </c>
      <c r="IP32" s="331">
        <v>0</v>
      </c>
      <c r="IQ32" s="331">
        <v>179080</v>
      </c>
      <c r="IR32" s="331">
        <v>0</v>
      </c>
      <c r="IS32" s="331">
        <v>0</v>
      </c>
      <c r="IT32" s="332">
        <v>179080</v>
      </c>
      <c r="IU32" s="333">
        <v>179080</v>
      </c>
      <c r="IV32" s="334">
        <v>0</v>
      </c>
      <c r="IW32" s="331">
        <v>0</v>
      </c>
      <c r="IX32" s="335">
        <v>0</v>
      </c>
      <c r="IY32" s="390">
        <v>0</v>
      </c>
      <c r="IZ32" s="331">
        <v>0</v>
      </c>
      <c r="JA32" s="331">
        <v>0</v>
      </c>
      <c r="JB32" s="331">
        <v>0</v>
      </c>
      <c r="JC32" s="331">
        <v>0</v>
      </c>
      <c r="JD32" s="331">
        <v>0</v>
      </c>
      <c r="JE32" s="335">
        <v>0</v>
      </c>
      <c r="JF32" s="336">
        <v>0</v>
      </c>
      <c r="JG32" s="334">
        <v>0</v>
      </c>
      <c r="JH32" s="331">
        <v>0</v>
      </c>
      <c r="JI32" s="332">
        <v>0</v>
      </c>
      <c r="JJ32" s="337">
        <v>0</v>
      </c>
      <c r="JK32" s="331">
        <v>0</v>
      </c>
      <c r="JL32" s="331">
        <v>60033</v>
      </c>
      <c r="JM32" s="331">
        <v>0</v>
      </c>
      <c r="JN32" s="331">
        <v>0</v>
      </c>
      <c r="JO32" s="331">
        <v>0</v>
      </c>
      <c r="JP32" s="335">
        <v>60033</v>
      </c>
      <c r="JQ32" s="333">
        <v>60033</v>
      </c>
      <c r="JR32" s="334">
        <v>0</v>
      </c>
      <c r="JS32" s="331">
        <v>0</v>
      </c>
      <c r="JT32" s="332">
        <v>0</v>
      </c>
      <c r="JU32" s="337">
        <v>0</v>
      </c>
      <c r="JV32" s="331">
        <v>0</v>
      </c>
      <c r="JW32" s="331">
        <v>78795</v>
      </c>
      <c r="JX32" s="331">
        <v>86904</v>
      </c>
      <c r="JY32" s="331">
        <v>252027</v>
      </c>
      <c r="JZ32" s="331">
        <v>0</v>
      </c>
      <c r="KA32" s="335">
        <v>417726</v>
      </c>
      <c r="KB32" s="333">
        <v>417726</v>
      </c>
      <c r="KC32" s="338">
        <v>0</v>
      </c>
      <c r="KD32" s="339">
        <v>0</v>
      </c>
      <c r="KE32" s="335">
        <v>0</v>
      </c>
      <c r="KF32" s="337">
        <v>0</v>
      </c>
      <c r="KG32" s="331">
        <v>192682</v>
      </c>
      <c r="KH32" s="331">
        <v>143214</v>
      </c>
      <c r="KI32" s="331">
        <v>0</v>
      </c>
      <c r="KJ32" s="331">
        <v>0</v>
      </c>
      <c r="KK32" s="331">
        <v>0</v>
      </c>
      <c r="KL32" s="335">
        <v>335896</v>
      </c>
      <c r="KM32" s="340">
        <v>335896</v>
      </c>
      <c r="KN32" s="328">
        <v>0</v>
      </c>
      <c r="KO32" s="329">
        <v>0</v>
      </c>
      <c r="KP32" s="330">
        <v>0</v>
      </c>
      <c r="KQ32" s="390">
        <v>0</v>
      </c>
      <c r="KR32" s="331">
        <v>231124</v>
      </c>
      <c r="KS32" s="331">
        <v>0</v>
      </c>
      <c r="KT32" s="331">
        <v>0</v>
      </c>
      <c r="KU32" s="331">
        <v>0</v>
      </c>
      <c r="KV32" s="331">
        <v>524262</v>
      </c>
      <c r="KW32" s="335">
        <v>755386</v>
      </c>
      <c r="KX32" s="333">
        <v>755386</v>
      </c>
      <c r="KY32" s="334">
        <v>0</v>
      </c>
      <c r="KZ32" s="331">
        <v>0</v>
      </c>
      <c r="LA32" s="335">
        <v>0</v>
      </c>
      <c r="LB32" s="390">
        <v>0</v>
      </c>
      <c r="LC32" s="331">
        <v>0</v>
      </c>
      <c r="LD32" s="331">
        <v>0</v>
      </c>
      <c r="LE32" s="331">
        <v>0</v>
      </c>
      <c r="LF32" s="331">
        <v>0</v>
      </c>
      <c r="LG32" s="331">
        <v>0</v>
      </c>
      <c r="LH32" s="335">
        <v>0</v>
      </c>
      <c r="LI32" s="336">
        <v>0</v>
      </c>
      <c r="LJ32" s="334">
        <v>0</v>
      </c>
      <c r="LK32" s="331">
        <v>0</v>
      </c>
      <c r="LL32" s="335">
        <v>0</v>
      </c>
      <c r="LM32" s="390">
        <v>0</v>
      </c>
      <c r="LN32" s="331">
        <v>0</v>
      </c>
      <c r="LO32" s="331">
        <v>0</v>
      </c>
      <c r="LP32" s="331">
        <v>232332</v>
      </c>
      <c r="LQ32" s="331">
        <v>407997</v>
      </c>
      <c r="LR32" s="331">
        <v>0</v>
      </c>
      <c r="LS32" s="335">
        <v>640329</v>
      </c>
      <c r="LT32" s="333">
        <v>640329</v>
      </c>
      <c r="LU32" s="334">
        <v>0</v>
      </c>
      <c r="LV32" s="331">
        <v>0</v>
      </c>
      <c r="LW32" s="335">
        <v>0</v>
      </c>
      <c r="LX32" s="390">
        <v>0</v>
      </c>
      <c r="LY32" s="331">
        <v>0</v>
      </c>
      <c r="LZ32" s="331">
        <v>0</v>
      </c>
      <c r="MA32" s="331">
        <v>0</v>
      </c>
      <c r="MB32" s="331">
        <v>250365</v>
      </c>
      <c r="MC32" s="331">
        <v>0</v>
      </c>
      <c r="MD32" s="335">
        <v>250365</v>
      </c>
      <c r="ME32" s="336">
        <v>250365</v>
      </c>
      <c r="MF32" s="334">
        <v>0</v>
      </c>
      <c r="MG32" s="331">
        <v>0</v>
      </c>
      <c r="MH32" s="335">
        <v>0</v>
      </c>
      <c r="MI32" s="390">
        <v>0</v>
      </c>
      <c r="MJ32" s="331">
        <v>0</v>
      </c>
      <c r="MK32" s="331">
        <v>734191</v>
      </c>
      <c r="ML32" s="331">
        <v>620692</v>
      </c>
      <c r="MM32" s="331">
        <v>1654375</v>
      </c>
      <c r="MN32" s="331">
        <v>600707</v>
      </c>
      <c r="MO32" s="335">
        <v>3609965</v>
      </c>
      <c r="MP32" s="340">
        <v>3609965</v>
      </c>
      <c r="MQ32" s="334">
        <v>0</v>
      </c>
      <c r="MR32" s="331">
        <v>0</v>
      </c>
      <c r="MS32" s="335">
        <v>0</v>
      </c>
      <c r="MT32" s="390">
        <v>0</v>
      </c>
      <c r="MU32" s="331">
        <v>0</v>
      </c>
      <c r="MV32" s="331">
        <v>236303</v>
      </c>
      <c r="MW32" s="331">
        <v>230016</v>
      </c>
      <c r="MX32" s="331">
        <v>486237</v>
      </c>
      <c r="MY32" s="331">
        <v>600707</v>
      </c>
      <c r="MZ32" s="335">
        <v>1553263</v>
      </c>
      <c r="NA32" s="340">
        <v>1553263</v>
      </c>
      <c r="NB32" s="334">
        <v>0</v>
      </c>
      <c r="NC32" s="331">
        <v>0</v>
      </c>
      <c r="ND32" s="335">
        <v>0</v>
      </c>
      <c r="NE32" s="390">
        <v>0</v>
      </c>
      <c r="NF32" s="331">
        <v>0</v>
      </c>
      <c r="NG32" s="331">
        <v>497888</v>
      </c>
      <c r="NH32" s="331">
        <v>390676</v>
      </c>
      <c r="NI32" s="331">
        <v>1168138</v>
      </c>
      <c r="NJ32" s="331">
        <v>0</v>
      </c>
      <c r="NK32" s="335">
        <v>2056702</v>
      </c>
      <c r="NL32" s="333">
        <v>2056702</v>
      </c>
      <c r="NM32" s="334">
        <v>0</v>
      </c>
      <c r="NN32" s="331">
        <v>0</v>
      </c>
      <c r="NO32" s="335">
        <v>0</v>
      </c>
      <c r="NP32" s="390">
        <v>0</v>
      </c>
      <c r="NQ32" s="331">
        <v>0</v>
      </c>
      <c r="NR32" s="331">
        <v>0</v>
      </c>
      <c r="NS32" s="331">
        <v>0</v>
      </c>
      <c r="NT32" s="331">
        <v>0</v>
      </c>
      <c r="NU32" s="331">
        <v>0</v>
      </c>
      <c r="NV32" s="335">
        <v>0</v>
      </c>
      <c r="NW32" s="336">
        <v>0</v>
      </c>
      <c r="NX32" s="334">
        <v>0</v>
      </c>
      <c r="NY32" s="331">
        <v>0</v>
      </c>
      <c r="NZ32" s="335">
        <v>0</v>
      </c>
      <c r="OA32" s="390">
        <v>0</v>
      </c>
      <c r="OB32" s="331">
        <v>0</v>
      </c>
      <c r="OC32" s="331">
        <v>0</v>
      </c>
      <c r="OD32" s="331">
        <v>0</v>
      </c>
      <c r="OE32" s="331">
        <v>0</v>
      </c>
      <c r="OF32" s="331">
        <v>0</v>
      </c>
      <c r="OG32" s="335">
        <v>0</v>
      </c>
      <c r="OH32" s="336">
        <v>0</v>
      </c>
      <c r="OI32" s="334">
        <v>290162</v>
      </c>
      <c r="OJ32" s="331">
        <v>463806</v>
      </c>
      <c r="OK32" s="332">
        <v>753968</v>
      </c>
      <c r="OL32" s="337">
        <v>0</v>
      </c>
      <c r="OM32" s="331">
        <v>2049348</v>
      </c>
      <c r="ON32" s="331">
        <v>2135974</v>
      </c>
      <c r="OO32" s="331">
        <v>2499813</v>
      </c>
      <c r="OP32" s="331">
        <v>4268096</v>
      </c>
      <c r="OQ32" s="331">
        <v>2055576</v>
      </c>
      <c r="OR32" s="335">
        <v>13008807</v>
      </c>
      <c r="OS32" s="340">
        <v>13762775</v>
      </c>
    </row>
    <row r="33" spans="2:409" s="56" customFormat="1" ht="21" customHeight="1" x14ac:dyDescent="0.2">
      <c r="B33" s="396" t="s">
        <v>28</v>
      </c>
      <c r="C33" s="312">
        <v>0</v>
      </c>
      <c r="D33" s="313">
        <v>800</v>
      </c>
      <c r="E33" s="314">
        <v>800</v>
      </c>
      <c r="F33" s="315">
        <v>0</v>
      </c>
      <c r="G33" s="313">
        <v>697481</v>
      </c>
      <c r="H33" s="313">
        <v>330139</v>
      </c>
      <c r="I33" s="313">
        <v>563680</v>
      </c>
      <c r="J33" s="313">
        <v>28645</v>
      </c>
      <c r="K33" s="313">
        <v>9632</v>
      </c>
      <c r="L33" s="353">
        <v>1629577</v>
      </c>
      <c r="M33" s="316">
        <v>1630377</v>
      </c>
      <c r="N33" s="312">
        <v>0</v>
      </c>
      <c r="O33" s="313">
        <v>0</v>
      </c>
      <c r="P33" s="314">
        <v>0</v>
      </c>
      <c r="Q33" s="312">
        <v>0</v>
      </c>
      <c r="R33" s="313">
        <v>78406</v>
      </c>
      <c r="S33" s="313">
        <v>13072</v>
      </c>
      <c r="T33" s="313">
        <v>177017</v>
      </c>
      <c r="U33" s="313">
        <v>19605</v>
      </c>
      <c r="V33" s="313">
        <v>9632</v>
      </c>
      <c r="W33" s="314">
        <v>297732</v>
      </c>
      <c r="X33" s="316">
        <v>297732</v>
      </c>
      <c r="Y33" s="312">
        <v>0</v>
      </c>
      <c r="Z33" s="313">
        <v>0</v>
      </c>
      <c r="AA33" s="314">
        <v>0</v>
      </c>
      <c r="AB33" s="312">
        <v>0</v>
      </c>
      <c r="AC33" s="313">
        <v>0</v>
      </c>
      <c r="AD33" s="313">
        <v>0</v>
      </c>
      <c r="AE33" s="313">
        <v>99823</v>
      </c>
      <c r="AF33" s="313">
        <v>0</v>
      </c>
      <c r="AG33" s="313">
        <v>0</v>
      </c>
      <c r="AH33" s="314">
        <v>99823</v>
      </c>
      <c r="AI33" s="316">
        <v>99823</v>
      </c>
      <c r="AJ33" s="312">
        <v>0</v>
      </c>
      <c r="AK33" s="313">
        <v>0</v>
      </c>
      <c r="AL33" s="314">
        <v>0</v>
      </c>
      <c r="AM33" s="312">
        <v>0</v>
      </c>
      <c r="AN33" s="313">
        <v>0</v>
      </c>
      <c r="AO33" s="313">
        <v>0</v>
      </c>
      <c r="AP33" s="313">
        <v>0</v>
      </c>
      <c r="AQ33" s="313">
        <v>0</v>
      </c>
      <c r="AR33" s="313">
        <v>0</v>
      </c>
      <c r="AS33" s="314">
        <v>0</v>
      </c>
      <c r="AT33" s="316">
        <v>0</v>
      </c>
      <c r="AU33" s="312">
        <v>0</v>
      </c>
      <c r="AV33" s="313">
        <v>0</v>
      </c>
      <c r="AW33" s="314">
        <v>0</v>
      </c>
      <c r="AX33" s="312">
        <v>0</v>
      </c>
      <c r="AY33" s="313">
        <v>44038</v>
      </c>
      <c r="AZ33" s="313">
        <v>0</v>
      </c>
      <c r="BA33" s="313">
        <v>62778</v>
      </c>
      <c r="BB33" s="313">
        <v>19605</v>
      </c>
      <c r="BC33" s="313">
        <v>0</v>
      </c>
      <c r="BD33" s="314">
        <v>126421</v>
      </c>
      <c r="BE33" s="316">
        <v>126421</v>
      </c>
      <c r="BF33" s="312">
        <v>0</v>
      </c>
      <c r="BG33" s="313">
        <v>0</v>
      </c>
      <c r="BH33" s="317">
        <v>0</v>
      </c>
      <c r="BI33" s="318">
        <v>0</v>
      </c>
      <c r="BJ33" s="313">
        <v>0</v>
      </c>
      <c r="BK33" s="313">
        <v>0</v>
      </c>
      <c r="BL33" s="313">
        <v>0</v>
      </c>
      <c r="BM33" s="313">
        <v>0</v>
      </c>
      <c r="BN33" s="313">
        <v>0</v>
      </c>
      <c r="BO33" s="314">
        <v>0</v>
      </c>
      <c r="BP33" s="316">
        <v>0</v>
      </c>
      <c r="BQ33" s="312">
        <v>0</v>
      </c>
      <c r="BR33" s="313">
        <v>0</v>
      </c>
      <c r="BS33" s="314">
        <v>0</v>
      </c>
      <c r="BT33" s="312">
        <v>0</v>
      </c>
      <c r="BU33" s="313">
        <v>34368</v>
      </c>
      <c r="BV33" s="313">
        <v>13072</v>
      </c>
      <c r="BW33" s="313">
        <v>14416</v>
      </c>
      <c r="BX33" s="313">
        <v>0</v>
      </c>
      <c r="BY33" s="313">
        <v>9632</v>
      </c>
      <c r="BZ33" s="314">
        <v>71488</v>
      </c>
      <c r="CA33" s="316">
        <v>71488</v>
      </c>
      <c r="CB33" s="312">
        <v>0</v>
      </c>
      <c r="CC33" s="313">
        <v>0</v>
      </c>
      <c r="CD33" s="314">
        <v>0</v>
      </c>
      <c r="CE33" s="312">
        <v>0</v>
      </c>
      <c r="CF33" s="313">
        <v>117787</v>
      </c>
      <c r="CG33" s="313">
        <v>243131</v>
      </c>
      <c r="CH33" s="313">
        <v>75430</v>
      </c>
      <c r="CI33" s="313">
        <v>0</v>
      </c>
      <c r="CJ33" s="313">
        <v>0</v>
      </c>
      <c r="CK33" s="314">
        <v>436348</v>
      </c>
      <c r="CL33" s="316">
        <v>436348</v>
      </c>
      <c r="CM33" s="312">
        <v>0</v>
      </c>
      <c r="CN33" s="313">
        <v>0</v>
      </c>
      <c r="CO33" s="314">
        <v>0</v>
      </c>
      <c r="CP33" s="318">
        <v>0</v>
      </c>
      <c r="CQ33" s="313">
        <v>64518</v>
      </c>
      <c r="CR33" s="313">
        <v>243131</v>
      </c>
      <c r="CS33" s="313">
        <v>75430</v>
      </c>
      <c r="CT33" s="313">
        <v>0</v>
      </c>
      <c r="CU33" s="313">
        <v>0</v>
      </c>
      <c r="CV33" s="314">
        <v>383079</v>
      </c>
      <c r="CW33" s="316">
        <v>383079</v>
      </c>
      <c r="CX33" s="312">
        <v>0</v>
      </c>
      <c r="CY33" s="313">
        <v>0</v>
      </c>
      <c r="CZ33" s="314">
        <v>0</v>
      </c>
      <c r="DA33" s="312">
        <v>0</v>
      </c>
      <c r="DB33" s="313">
        <v>53269</v>
      </c>
      <c r="DC33" s="313">
        <v>0</v>
      </c>
      <c r="DD33" s="313">
        <v>0</v>
      </c>
      <c r="DE33" s="313">
        <v>0</v>
      </c>
      <c r="DF33" s="313">
        <v>0</v>
      </c>
      <c r="DG33" s="314">
        <v>53269</v>
      </c>
      <c r="DH33" s="316">
        <v>53269</v>
      </c>
      <c r="DI33" s="312">
        <v>0</v>
      </c>
      <c r="DJ33" s="313">
        <v>0</v>
      </c>
      <c r="DK33" s="317">
        <v>0</v>
      </c>
      <c r="DL33" s="318">
        <v>0</v>
      </c>
      <c r="DM33" s="313">
        <v>0</v>
      </c>
      <c r="DN33" s="313">
        <v>24576</v>
      </c>
      <c r="DO33" s="313">
        <v>59992</v>
      </c>
      <c r="DP33" s="313">
        <v>0</v>
      </c>
      <c r="DQ33" s="313">
        <v>0</v>
      </c>
      <c r="DR33" s="314">
        <v>84568</v>
      </c>
      <c r="DS33" s="316">
        <v>84568</v>
      </c>
      <c r="DT33" s="312">
        <v>0</v>
      </c>
      <c r="DU33" s="313">
        <v>0</v>
      </c>
      <c r="DV33" s="314">
        <v>0</v>
      </c>
      <c r="DW33" s="312">
        <v>0</v>
      </c>
      <c r="DX33" s="313">
        <v>0</v>
      </c>
      <c r="DY33" s="313">
        <v>24576</v>
      </c>
      <c r="DZ33" s="313">
        <v>0</v>
      </c>
      <c r="EA33" s="313">
        <v>0</v>
      </c>
      <c r="EB33" s="313">
        <v>0</v>
      </c>
      <c r="EC33" s="314">
        <v>24576</v>
      </c>
      <c r="ED33" s="316">
        <v>24576</v>
      </c>
      <c r="EE33" s="312">
        <v>0</v>
      </c>
      <c r="EF33" s="317">
        <v>0</v>
      </c>
      <c r="EG33" s="314">
        <v>0</v>
      </c>
      <c r="EH33" s="312">
        <v>0</v>
      </c>
      <c r="EI33" s="313">
        <v>0</v>
      </c>
      <c r="EJ33" s="313">
        <v>0</v>
      </c>
      <c r="EK33" s="313">
        <v>59992</v>
      </c>
      <c r="EL33" s="313">
        <v>0</v>
      </c>
      <c r="EM33" s="313">
        <v>0</v>
      </c>
      <c r="EN33" s="317">
        <v>59992</v>
      </c>
      <c r="EO33" s="316">
        <v>59992</v>
      </c>
      <c r="EP33" s="312">
        <v>0</v>
      </c>
      <c r="EQ33" s="313">
        <v>0</v>
      </c>
      <c r="ER33" s="317">
        <v>0</v>
      </c>
      <c r="ES33" s="318">
        <v>0</v>
      </c>
      <c r="ET33" s="313">
        <v>0</v>
      </c>
      <c r="EU33" s="313">
        <v>0</v>
      </c>
      <c r="EV33" s="313">
        <v>0</v>
      </c>
      <c r="EW33" s="313">
        <v>0</v>
      </c>
      <c r="EX33" s="313">
        <v>0</v>
      </c>
      <c r="EY33" s="314">
        <v>0</v>
      </c>
      <c r="EZ33" s="316">
        <v>0</v>
      </c>
      <c r="FA33" s="312">
        <v>0</v>
      </c>
      <c r="FB33" s="313">
        <v>0</v>
      </c>
      <c r="FC33" s="317">
        <v>0</v>
      </c>
      <c r="FD33" s="318">
        <v>0</v>
      </c>
      <c r="FE33" s="313">
        <v>0</v>
      </c>
      <c r="FF33" s="313">
        <v>0</v>
      </c>
      <c r="FG33" s="313">
        <v>0</v>
      </c>
      <c r="FH33" s="313">
        <v>0</v>
      </c>
      <c r="FI33" s="313">
        <v>0</v>
      </c>
      <c r="FJ33" s="314">
        <v>0</v>
      </c>
      <c r="FK33" s="316">
        <v>0</v>
      </c>
      <c r="FL33" s="312">
        <v>0</v>
      </c>
      <c r="FM33" s="313">
        <v>800</v>
      </c>
      <c r="FN33" s="314">
        <v>800</v>
      </c>
      <c r="FO33" s="312">
        <v>0</v>
      </c>
      <c r="FP33" s="313">
        <v>21392</v>
      </c>
      <c r="FQ33" s="313">
        <v>49360</v>
      </c>
      <c r="FR33" s="313">
        <v>50040</v>
      </c>
      <c r="FS33" s="313">
        <v>9040</v>
      </c>
      <c r="FT33" s="313">
        <v>0</v>
      </c>
      <c r="FU33" s="314">
        <v>129832</v>
      </c>
      <c r="FV33" s="316">
        <v>130632</v>
      </c>
      <c r="FW33" s="319">
        <v>0</v>
      </c>
      <c r="FX33" s="313">
        <v>800</v>
      </c>
      <c r="FY33" s="317">
        <v>800</v>
      </c>
      <c r="FZ33" s="318">
        <v>0</v>
      </c>
      <c r="GA33" s="313">
        <v>21392</v>
      </c>
      <c r="GB33" s="313">
        <v>49360</v>
      </c>
      <c r="GC33" s="313">
        <v>17920</v>
      </c>
      <c r="GD33" s="313">
        <v>9040</v>
      </c>
      <c r="GE33" s="313">
        <v>0</v>
      </c>
      <c r="GF33" s="314">
        <v>97712</v>
      </c>
      <c r="GG33" s="320">
        <v>98512</v>
      </c>
      <c r="GH33" s="319">
        <v>0</v>
      </c>
      <c r="GI33" s="313">
        <v>0</v>
      </c>
      <c r="GJ33" s="317">
        <v>0</v>
      </c>
      <c r="GK33" s="318">
        <v>0</v>
      </c>
      <c r="GL33" s="313">
        <v>0</v>
      </c>
      <c r="GM33" s="313">
        <v>0</v>
      </c>
      <c r="GN33" s="313">
        <v>32120</v>
      </c>
      <c r="GO33" s="313">
        <v>0</v>
      </c>
      <c r="GP33" s="313">
        <v>0</v>
      </c>
      <c r="GQ33" s="314">
        <v>32120</v>
      </c>
      <c r="GR33" s="316">
        <v>32120</v>
      </c>
      <c r="GS33" s="312">
        <v>0</v>
      </c>
      <c r="GT33" s="313">
        <v>0</v>
      </c>
      <c r="GU33" s="314">
        <v>0</v>
      </c>
      <c r="GV33" s="312">
        <v>0</v>
      </c>
      <c r="GW33" s="313">
        <v>0</v>
      </c>
      <c r="GX33" s="313">
        <v>0</v>
      </c>
      <c r="GY33" s="313">
        <v>0</v>
      </c>
      <c r="GZ33" s="313">
        <v>0</v>
      </c>
      <c r="HA33" s="313">
        <v>0</v>
      </c>
      <c r="HB33" s="317">
        <v>0</v>
      </c>
      <c r="HC33" s="316">
        <v>0</v>
      </c>
      <c r="HD33" s="312">
        <v>0</v>
      </c>
      <c r="HE33" s="313">
        <v>0</v>
      </c>
      <c r="HF33" s="317">
        <v>0</v>
      </c>
      <c r="HG33" s="318">
        <v>0</v>
      </c>
      <c r="HH33" s="313">
        <v>479896</v>
      </c>
      <c r="HI33" s="313">
        <v>0</v>
      </c>
      <c r="HJ33" s="313">
        <v>201201</v>
      </c>
      <c r="HK33" s="313">
        <v>0</v>
      </c>
      <c r="HL33" s="313">
        <v>0</v>
      </c>
      <c r="HM33" s="314">
        <v>681097</v>
      </c>
      <c r="HN33" s="315">
        <v>681097</v>
      </c>
      <c r="HO33" s="319">
        <v>0</v>
      </c>
      <c r="HP33" s="313">
        <v>0</v>
      </c>
      <c r="HQ33" s="314">
        <v>0</v>
      </c>
      <c r="HR33" s="312">
        <v>0</v>
      </c>
      <c r="HS33" s="313">
        <v>0</v>
      </c>
      <c r="HT33" s="313">
        <v>0</v>
      </c>
      <c r="HU33" s="313">
        <v>0</v>
      </c>
      <c r="HV33" s="313">
        <v>0</v>
      </c>
      <c r="HW33" s="313">
        <v>0</v>
      </c>
      <c r="HX33" s="317">
        <v>0</v>
      </c>
      <c r="HY33" s="316">
        <v>0</v>
      </c>
      <c r="HZ33" s="321">
        <v>0</v>
      </c>
      <c r="IA33" s="322">
        <v>0</v>
      </c>
      <c r="IB33" s="323">
        <v>0</v>
      </c>
      <c r="IC33" s="324">
        <v>0</v>
      </c>
      <c r="ID33" s="322">
        <v>124229</v>
      </c>
      <c r="IE33" s="325">
        <v>141346</v>
      </c>
      <c r="IF33" s="323">
        <v>0</v>
      </c>
      <c r="IG33" s="322">
        <v>0</v>
      </c>
      <c r="IH33" s="323">
        <v>264259</v>
      </c>
      <c r="II33" s="326">
        <v>529834</v>
      </c>
      <c r="IJ33" s="327">
        <v>529834</v>
      </c>
      <c r="IK33" s="328">
        <v>0</v>
      </c>
      <c r="IL33" s="329">
        <v>0</v>
      </c>
      <c r="IM33" s="330">
        <v>0</v>
      </c>
      <c r="IN33" s="390">
        <v>0</v>
      </c>
      <c r="IO33" s="331">
        <v>0</v>
      </c>
      <c r="IP33" s="331">
        <v>0</v>
      </c>
      <c r="IQ33" s="331">
        <v>0</v>
      </c>
      <c r="IR33" s="331">
        <v>0</v>
      </c>
      <c r="IS33" s="331">
        <v>0</v>
      </c>
      <c r="IT33" s="332">
        <v>0</v>
      </c>
      <c r="IU33" s="333">
        <v>0</v>
      </c>
      <c r="IV33" s="334">
        <v>0</v>
      </c>
      <c r="IW33" s="331">
        <v>0</v>
      </c>
      <c r="IX33" s="335">
        <v>0</v>
      </c>
      <c r="IY33" s="390">
        <v>0</v>
      </c>
      <c r="IZ33" s="331">
        <v>0</v>
      </c>
      <c r="JA33" s="331">
        <v>0</v>
      </c>
      <c r="JB33" s="331">
        <v>0</v>
      </c>
      <c r="JC33" s="331">
        <v>0</v>
      </c>
      <c r="JD33" s="331">
        <v>0</v>
      </c>
      <c r="JE33" s="335">
        <v>0</v>
      </c>
      <c r="JF33" s="336">
        <v>0</v>
      </c>
      <c r="JG33" s="334">
        <v>0</v>
      </c>
      <c r="JH33" s="331">
        <v>0</v>
      </c>
      <c r="JI33" s="332">
        <v>0</v>
      </c>
      <c r="JJ33" s="337">
        <v>0</v>
      </c>
      <c r="JK33" s="331">
        <v>124229</v>
      </c>
      <c r="JL33" s="331">
        <v>13202</v>
      </c>
      <c r="JM33" s="331">
        <v>0</v>
      </c>
      <c r="JN33" s="331">
        <v>0</v>
      </c>
      <c r="JO33" s="331">
        <v>0</v>
      </c>
      <c r="JP33" s="335">
        <v>137431</v>
      </c>
      <c r="JQ33" s="333">
        <v>137431</v>
      </c>
      <c r="JR33" s="334">
        <v>0</v>
      </c>
      <c r="JS33" s="331">
        <v>0</v>
      </c>
      <c r="JT33" s="332">
        <v>0</v>
      </c>
      <c r="JU33" s="337">
        <v>0</v>
      </c>
      <c r="JV33" s="331">
        <v>0</v>
      </c>
      <c r="JW33" s="331">
        <v>0</v>
      </c>
      <c r="JX33" s="331">
        <v>0</v>
      </c>
      <c r="JY33" s="331">
        <v>0</v>
      </c>
      <c r="JZ33" s="331">
        <v>0</v>
      </c>
      <c r="KA33" s="335">
        <v>0</v>
      </c>
      <c r="KB33" s="333">
        <v>0</v>
      </c>
      <c r="KC33" s="338">
        <v>0</v>
      </c>
      <c r="KD33" s="339">
        <v>0</v>
      </c>
      <c r="KE33" s="335">
        <v>0</v>
      </c>
      <c r="KF33" s="337">
        <v>0</v>
      </c>
      <c r="KG33" s="331">
        <v>0</v>
      </c>
      <c r="KH33" s="331">
        <v>0</v>
      </c>
      <c r="KI33" s="331">
        <v>0</v>
      </c>
      <c r="KJ33" s="331">
        <v>0</v>
      </c>
      <c r="KK33" s="331">
        <v>0</v>
      </c>
      <c r="KL33" s="335">
        <v>0</v>
      </c>
      <c r="KM33" s="340">
        <v>0</v>
      </c>
      <c r="KN33" s="328">
        <v>0</v>
      </c>
      <c r="KO33" s="329">
        <v>0</v>
      </c>
      <c r="KP33" s="330">
        <v>0</v>
      </c>
      <c r="KQ33" s="390">
        <v>0</v>
      </c>
      <c r="KR33" s="331">
        <v>0</v>
      </c>
      <c r="KS33" s="331">
        <v>128144</v>
      </c>
      <c r="KT33" s="331">
        <v>0</v>
      </c>
      <c r="KU33" s="331">
        <v>0</v>
      </c>
      <c r="KV33" s="331">
        <v>264259</v>
      </c>
      <c r="KW33" s="335">
        <v>392403</v>
      </c>
      <c r="KX33" s="333">
        <v>392403</v>
      </c>
      <c r="KY33" s="334">
        <v>0</v>
      </c>
      <c r="KZ33" s="331">
        <v>0</v>
      </c>
      <c r="LA33" s="335">
        <v>0</v>
      </c>
      <c r="LB33" s="390">
        <v>0</v>
      </c>
      <c r="LC33" s="331">
        <v>0</v>
      </c>
      <c r="LD33" s="331">
        <v>0</v>
      </c>
      <c r="LE33" s="331">
        <v>0</v>
      </c>
      <c r="LF33" s="331">
        <v>0</v>
      </c>
      <c r="LG33" s="331">
        <v>0</v>
      </c>
      <c r="LH33" s="335">
        <v>0</v>
      </c>
      <c r="LI33" s="336">
        <v>0</v>
      </c>
      <c r="LJ33" s="334">
        <v>0</v>
      </c>
      <c r="LK33" s="331">
        <v>0</v>
      </c>
      <c r="LL33" s="335">
        <v>0</v>
      </c>
      <c r="LM33" s="390">
        <v>0</v>
      </c>
      <c r="LN33" s="331">
        <v>0</v>
      </c>
      <c r="LO33" s="331">
        <v>0</v>
      </c>
      <c r="LP33" s="331">
        <v>0</v>
      </c>
      <c r="LQ33" s="331">
        <v>0</v>
      </c>
      <c r="LR33" s="331">
        <v>0</v>
      </c>
      <c r="LS33" s="335">
        <v>0</v>
      </c>
      <c r="LT33" s="333">
        <v>0</v>
      </c>
      <c r="LU33" s="334">
        <v>0</v>
      </c>
      <c r="LV33" s="331">
        <v>0</v>
      </c>
      <c r="LW33" s="335">
        <v>0</v>
      </c>
      <c r="LX33" s="390">
        <v>0</v>
      </c>
      <c r="LY33" s="331">
        <v>0</v>
      </c>
      <c r="LZ33" s="331">
        <v>0</v>
      </c>
      <c r="MA33" s="331">
        <v>0</v>
      </c>
      <c r="MB33" s="331">
        <v>0</v>
      </c>
      <c r="MC33" s="331">
        <v>0</v>
      </c>
      <c r="MD33" s="335">
        <v>0</v>
      </c>
      <c r="ME33" s="336">
        <v>0</v>
      </c>
      <c r="MF33" s="334">
        <v>0</v>
      </c>
      <c r="MG33" s="331">
        <v>0</v>
      </c>
      <c r="MH33" s="335">
        <v>0</v>
      </c>
      <c r="MI33" s="390">
        <v>0</v>
      </c>
      <c r="MJ33" s="331">
        <v>0</v>
      </c>
      <c r="MK33" s="331">
        <v>0</v>
      </c>
      <c r="ML33" s="331">
        <v>0</v>
      </c>
      <c r="MM33" s="331">
        <v>542665</v>
      </c>
      <c r="MN33" s="331">
        <v>257973</v>
      </c>
      <c r="MO33" s="335">
        <v>800638</v>
      </c>
      <c r="MP33" s="340">
        <v>800638</v>
      </c>
      <c r="MQ33" s="334">
        <v>0</v>
      </c>
      <c r="MR33" s="331">
        <v>0</v>
      </c>
      <c r="MS33" s="335">
        <v>0</v>
      </c>
      <c r="MT33" s="390">
        <v>0</v>
      </c>
      <c r="MU33" s="331">
        <v>0</v>
      </c>
      <c r="MV33" s="331">
        <v>0</v>
      </c>
      <c r="MW33" s="331">
        <v>0</v>
      </c>
      <c r="MX33" s="331">
        <v>238657</v>
      </c>
      <c r="MY33" s="331">
        <v>257973</v>
      </c>
      <c r="MZ33" s="335">
        <v>496630</v>
      </c>
      <c r="NA33" s="340">
        <v>496630</v>
      </c>
      <c r="NB33" s="334">
        <v>0</v>
      </c>
      <c r="NC33" s="331">
        <v>0</v>
      </c>
      <c r="ND33" s="335">
        <v>0</v>
      </c>
      <c r="NE33" s="390">
        <v>0</v>
      </c>
      <c r="NF33" s="331">
        <v>0</v>
      </c>
      <c r="NG33" s="331">
        <v>0</v>
      </c>
      <c r="NH33" s="331">
        <v>0</v>
      </c>
      <c r="NI33" s="331">
        <v>304008</v>
      </c>
      <c r="NJ33" s="331">
        <v>0</v>
      </c>
      <c r="NK33" s="335">
        <v>304008</v>
      </c>
      <c r="NL33" s="333">
        <v>304008</v>
      </c>
      <c r="NM33" s="334">
        <v>0</v>
      </c>
      <c r="NN33" s="331">
        <v>0</v>
      </c>
      <c r="NO33" s="335">
        <v>0</v>
      </c>
      <c r="NP33" s="390">
        <v>0</v>
      </c>
      <c r="NQ33" s="331">
        <v>0</v>
      </c>
      <c r="NR33" s="331">
        <v>0</v>
      </c>
      <c r="NS33" s="331">
        <v>0</v>
      </c>
      <c r="NT33" s="331">
        <v>0</v>
      </c>
      <c r="NU33" s="331">
        <v>0</v>
      </c>
      <c r="NV33" s="335">
        <v>0</v>
      </c>
      <c r="NW33" s="336">
        <v>0</v>
      </c>
      <c r="NX33" s="334">
        <v>0</v>
      </c>
      <c r="NY33" s="331">
        <v>0</v>
      </c>
      <c r="NZ33" s="335">
        <v>0</v>
      </c>
      <c r="OA33" s="390">
        <v>0</v>
      </c>
      <c r="OB33" s="331">
        <v>0</v>
      </c>
      <c r="OC33" s="331">
        <v>0</v>
      </c>
      <c r="OD33" s="331">
        <v>0</v>
      </c>
      <c r="OE33" s="331">
        <v>0</v>
      </c>
      <c r="OF33" s="331">
        <v>0</v>
      </c>
      <c r="OG33" s="335">
        <v>0</v>
      </c>
      <c r="OH33" s="336">
        <v>0</v>
      </c>
      <c r="OI33" s="334">
        <v>0</v>
      </c>
      <c r="OJ33" s="331">
        <v>800</v>
      </c>
      <c r="OK33" s="332">
        <v>800</v>
      </c>
      <c r="OL33" s="337">
        <v>0</v>
      </c>
      <c r="OM33" s="331">
        <v>821710</v>
      </c>
      <c r="ON33" s="331">
        <v>471485</v>
      </c>
      <c r="OO33" s="331">
        <v>563680</v>
      </c>
      <c r="OP33" s="331">
        <v>571310</v>
      </c>
      <c r="OQ33" s="331">
        <v>531864</v>
      </c>
      <c r="OR33" s="335">
        <v>2960049</v>
      </c>
      <c r="OS33" s="340">
        <v>2960849</v>
      </c>
    </row>
    <row r="34" spans="2:409" s="56" customFormat="1" ht="21" customHeight="1" x14ac:dyDescent="0.2">
      <c r="B34" s="396" t="s">
        <v>29</v>
      </c>
      <c r="C34" s="312">
        <v>117221</v>
      </c>
      <c r="D34" s="313">
        <v>3920</v>
      </c>
      <c r="E34" s="314">
        <v>121141</v>
      </c>
      <c r="F34" s="315">
        <v>0</v>
      </c>
      <c r="G34" s="313">
        <v>345717</v>
      </c>
      <c r="H34" s="313">
        <v>338057</v>
      </c>
      <c r="I34" s="313">
        <v>537207</v>
      </c>
      <c r="J34" s="313">
        <v>635373</v>
      </c>
      <c r="K34" s="313">
        <v>0</v>
      </c>
      <c r="L34" s="353">
        <v>1856354</v>
      </c>
      <c r="M34" s="316">
        <v>1977495</v>
      </c>
      <c r="N34" s="312">
        <v>37065</v>
      </c>
      <c r="O34" s="313">
        <v>0</v>
      </c>
      <c r="P34" s="314">
        <v>37065</v>
      </c>
      <c r="Q34" s="312">
        <v>0</v>
      </c>
      <c r="R34" s="313">
        <v>15520</v>
      </c>
      <c r="S34" s="313">
        <v>169185</v>
      </c>
      <c r="T34" s="313">
        <v>236696</v>
      </c>
      <c r="U34" s="313">
        <v>216774</v>
      </c>
      <c r="V34" s="313">
        <v>0</v>
      </c>
      <c r="W34" s="314">
        <v>638175</v>
      </c>
      <c r="X34" s="316">
        <v>675240</v>
      </c>
      <c r="Y34" s="312">
        <v>0</v>
      </c>
      <c r="Z34" s="313">
        <v>0</v>
      </c>
      <c r="AA34" s="314">
        <v>0</v>
      </c>
      <c r="AB34" s="312">
        <v>0</v>
      </c>
      <c r="AC34" s="313">
        <v>0</v>
      </c>
      <c r="AD34" s="313">
        <v>117912</v>
      </c>
      <c r="AE34" s="313">
        <v>80552</v>
      </c>
      <c r="AF34" s="313">
        <v>189894</v>
      </c>
      <c r="AG34" s="313">
        <v>0</v>
      </c>
      <c r="AH34" s="314">
        <v>388358</v>
      </c>
      <c r="AI34" s="316">
        <v>388358</v>
      </c>
      <c r="AJ34" s="312">
        <v>0</v>
      </c>
      <c r="AK34" s="313">
        <v>0</v>
      </c>
      <c r="AL34" s="314">
        <v>0</v>
      </c>
      <c r="AM34" s="312">
        <v>0</v>
      </c>
      <c r="AN34" s="313">
        <v>0</v>
      </c>
      <c r="AO34" s="313">
        <v>0</v>
      </c>
      <c r="AP34" s="313">
        <v>0</v>
      </c>
      <c r="AQ34" s="313">
        <v>0</v>
      </c>
      <c r="AR34" s="313">
        <v>0</v>
      </c>
      <c r="AS34" s="314">
        <v>0</v>
      </c>
      <c r="AT34" s="316">
        <v>0</v>
      </c>
      <c r="AU34" s="312">
        <v>27433</v>
      </c>
      <c r="AV34" s="313">
        <v>0</v>
      </c>
      <c r="AW34" s="314">
        <v>27433</v>
      </c>
      <c r="AX34" s="312">
        <v>0</v>
      </c>
      <c r="AY34" s="313">
        <v>0</v>
      </c>
      <c r="AZ34" s="313">
        <v>20064</v>
      </c>
      <c r="BA34" s="313">
        <v>147920</v>
      </c>
      <c r="BB34" s="313">
        <v>0</v>
      </c>
      <c r="BC34" s="313">
        <v>0</v>
      </c>
      <c r="BD34" s="314">
        <v>167984</v>
      </c>
      <c r="BE34" s="316">
        <v>195417</v>
      </c>
      <c r="BF34" s="312">
        <v>0</v>
      </c>
      <c r="BG34" s="313">
        <v>0</v>
      </c>
      <c r="BH34" s="317">
        <v>0</v>
      </c>
      <c r="BI34" s="318">
        <v>0</v>
      </c>
      <c r="BJ34" s="313">
        <v>0</v>
      </c>
      <c r="BK34" s="313">
        <v>31209</v>
      </c>
      <c r="BL34" s="313">
        <v>0</v>
      </c>
      <c r="BM34" s="313">
        <v>0</v>
      </c>
      <c r="BN34" s="313">
        <v>0</v>
      </c>
      <c r="BO34" s="314">
        <v>31209</v>
      </c>
      <c r="BP34" s="316">
        <v>31209</v>
      </c>
      <c r="BQ34" s="312">
        <v>9632</v>
      </c>
      <c r="BR34" s="313">
        <v>0</v>
      </c>
      <c r="BS34" s="314">
        <v>9632</v>
      </c>
      <c r="BT34" s="312">
        <v>0</v>
      </c>
      <c r="BU34" s="313">
        <v>15520</v>
      </c>
      <c r="BV34" s="313">
        <v>0</v>
      </c>
      <c r="BW34" s="313">
        <v>8224</v>
      </c>
      <c r="BX34" s="313">
        <v>26880</v>
      </c>
      <c r="BY34" s="313">
        <v>0</v>
      </c>
      <c r="BZ34" s="314">
        <v>50624</v>
      </c>
      <c r="CA34" s="316">
        <v>60256</v>
      </c>
      <c r="CB34" s="312">
        <v>20816</v>
      </c>
      <c r="CC34" s="313">
        <v>0</v>
      </c>
      <c r="CD34" s="314">
        <v>20816</v>
      </c>
      <c r="CE34" s="312">
        <v>0</v>
      </c>
      <c r="CF34" s="313">
        <v>16272</v>
      </c>
      <c r="CG34" s="313">
        <v>114928</v>
      </c>
      <c r="CH34" s="313">
        <v>200671</v>
      </c>
      <c r="CI34" s="313">
        <v>86450</v>
      </c>
      <c r="CJ34" s="313">
        <v>0</v>
      </c>
      <c r="CK34" s="314">
        <v>418321</v>
      </c>
      <c r="CL34" s="316">
        <v>439137</v>
      </c>
      <c r="CM34" s="312">
        <v>0</v>
      </c>
      <c r="CN34" s="313">
        <v>0</v>
      </c>
      <c r="CO34" s="314">
        <v>0</v>
      </c>
      <c r="CP34" s="318">
        <v>0</v>
      </c>
      <c r="CQ34" s="313">
        <v>0</v>
      </c>
      <c r="CR34" s="313">
        <v>114928</v>
      </c>
      <c r="CS34" s="313">
        <v>126568</v>
      </c>
      <c r="CT34" s="313">
        <v>0</v>
      </c>
      <c r="CU34" s="313">
        <v>0</v>
      </c>
      <c r="CV34" s="314">
        <v>241496</v>
      </c>
      <c r="CW34" s="316">
        <v>241496</v>
      </c>
      <c r="CX34" s="312">
        <v>20816</v>
      </c>
      <c r="CY34" s="313">
        <v>0</v>
      </c>
      <c r="CZ34" s="314">
        <v>20816</v>
      </c>
      <c r="DA34" s="312">
        <v>0</v>
      </c>
      <c r="DB34" s="313">
        <v>16272</v>
      </c>
      <c r="DC34" s="313">
        <v>0</v>
      </c>
      <c r="DD34" s="313">
        <v>74103</v>
      </c>
      <c r="DE34" s="313">
        <v>86450</v>
      </c>
      <c r="DF34" s="313">
        <v>0</v>
      </c>
      <c r="DG34" s="314">
        <v>176825</v>
      </c>
      <c r="DH34" s="316">
        <v>197641</v>
      </c>
      <c r="DI34" s="312">
        <v>0</v>
      </c>
      <c r="DJ34" s="313">
        <v>0</v>
      </c>
      <c r="DK34" s="317">
        <v>0</v>
      </c>
      <c r="DL34" s="318">
        <v>0</v>
      </c>
      <c r="DM34" s="313">
        <v>0</v>
      </c>
      <c r="DN34" s="313">
        <v>16272</v>
      </c>
      <c r="DO34" s="313">
        <v>0</v>
      </c>
      <c r="DP34" s="313">
        <v>0</v>
      </c>
      <c r="DQ34" s="313">
        <v>0</v>
      </c>
      <c r="DR34" s="314">
        <v>16272</v>
      </c>
      <c r="DS34" s="316">
        <v>16272</v>
      </c>
      <c r="DT34" s="312">
        <v>0</v>
      </c>
      <c r="DU34" s="313">
        <v>0</v>
      </c>
      <c r="DV34" s="314">
        <v>0</v>
      </c>
      <c r="DW34" s="312">
        <v>0</v>
      </c>
      <c r="DX34" s="313">
        <v>0</v>
      </c>
      <c r="DY34" s="313">
        <v>16272</v>
      </c>
      <c r="DZ34" s="313">
        <v>0</v>
      </c>
      <c r="EA34" s="313">
        <v>0</v>
      </c>
      <c r="EB34" s="313">
        <v>0</v>
      </c>
      <c r="EC34" s="314">
        <v>16272</v>
      </c>
      <c r="ED34" s="316">
        <v>16272</v>
      </c>
      <c r="EE34" s="312">
        <v>0</v>
      </c>
      <c r="EF34" s="317">
        <v>0</v>
      </c>
      <c r="EG34" s="314">
        <v>0</v>
      </c>
      <c r="EH34" s="312">
        <v>0</v>
      </c>
      <c r="EI34" s="313">
        <v>0</v>
      </c>
      <c r="EJ34" s="313">
        <v>0</v>
      </c>
      <c r="EK34" s="313">
        <v>0</v>
      </c>
      <c r="EL34" s="313">
        <v>0</v>
      </c>
      <c r="EM34" s="313">
        <v>0</v>
      </c>
      <c r="EN34" s="317">
        <v>0</v>
      </c>
      <c r="EO34" s="316">
        <v>0</v>
      </c>
      <c r="EP34" s="312">
        <v>0</v>
      </c>
      <c r="EQ34" s="313">
        <v>0</v>
      </c>
      <c r="ER34" s="317">
        <v>0</v>
      </c>
      <c r="ES34" s="318">
        <v>0</v>
      </c>
      <c r="ET34" s="313">
        <v>0</v>
      </c>
      <c r="EU34" s="313">
        <v>0</v>
      </c>
      <c r="EV34" s="313">
        <v>0</v>
      </c>
      <c r="EW34" s="313">
        <v>0</v>
      </c>
      <c r="EX34" s="313">
        <v>0</v>
      </c>
      <c r="EY34" s="314">
        <v>0</v>
      </c>
      <c r="EZ34" s="316">
        <v>0</v>
      </c>
      <c r="FA34" s="312">
        <v>0</v>
      </c>
      <c r="FB34" s="313">
        <v>0</v>
      </c>
      <c r="FC34" s="317">
        <v>0</v>
      </c>
      <c r="FD34" s="318">
        <v>0</v>
      </c>
      <c r="FE34" s="313">
        <v>0</v>
      </c>
      <c r="FF34" s="313">
        <v>0</v>
      </c>
      <c r="FG34" s="313">
        <v>0</v>
      </c>
      <c r="FH34" s="313">
        <v>0</v>
      </c>
      <c r="FI34" s="313">
        <v>0</v>
      </c>
      <c r="FJ34" s="314">
        <v>0</v>
      </c>
      <c r="FK34" s="316">
        <v>0</v>
      </c>
      <c r="FL34" s="312">
        <v>7440</v>
      </c>
      <c r="FM34" s="313">
        <v>3920</v>
      </c>
      <c r="FN34" s="314">
        <v>11360</v>
      </c>
      <c r="FO34" s="312">
        <v>0</v>
      </c>
      <c r="FP34" s="313">
        <v>4800</v>
      </c>
      <c r="FQ34" s="313">
        <v>37672</v>
      </c>
      <c r="FR34" s="313">
        <v>99840</v>
      </c>
      <c r="FS34" s="313">
        <v>40704</v>
      </c>
      <c r="FT34" s="313">
        <v>0</v>
      </c>
      <c r="FU34" s="314">
        <v>183016</v>
      </c>
      <c r="FV34" s="316">
        <v>194376</v>
      </c>
      <c r="FW34" s="319">
        <v>7440</v>
      </c>
      <c r="FX34" s="313">
        <v>3920</v>
      </c>
      <c r="FY34" s="317">
        <v>11360</v>
      </c>
      <c r="FZ34" s="318">
        <v>0</v>
      </c>
      <c r="GA34" s="313">
        <v>4800</v>
      </c>
      <c r="GB34" s="313">
        <v>37672</v>
      </c>
      <c r="GC34" s="313">
        <v>99840</v>
      </c>
      <c r="GD34" s="313">
        <v>40704</v>
      </c>
      <c r="GE34" s="313">
        <v>0</v>
      </c>
      <c r="GF34" s="314">
        <v>183016</v>
      </c>
      <c r="GG34" s="320">
        <v>194376</v>
      </c>
      <c r="GH34" s="319">
        <v>0</v>
      </c>
      <c r="GI34" s="313">
        <v>0</v>
      </c>
      <c r="GJ34" s="317">
        <v>0</v>
      </c>
      <c r="GK34" s="318">
        <v>0</v>
      </c>
      <c r="GL34" s="313">
        <v>0</v>
      </c>
      <c r="GM34" s="313">
        <v>0</v>
      </c>
      <c r="GN34" s="313">
        <v>0</v>
      </c>
      <c r="GO34" s="313">
        <v>0</v>
      </c>
      <c r="GP34" s="313">
        <v>0</v>
      </c>
      <c r="GQ34" s="314">
        <v>0</v>
      </c>
      <c r="GR34" s="316">
        <v>0</v>
      </c>
      <c r="GS34" s="312">
        <v>0</v>
      </c>
      <c r="GT34" s="313">
        <v>0</v>
      </c>
      <c r="GU34" s="314">
        <v>0</v>
      </c>
      <c r="GV34" s="312">
        <v>0</v>
      </c>
      <c r="GW34" s="313">
        <v>0</v>
      </c>
      <c r="GX34" s="313">
        <v>0</v>
      </c>
      <c r="GY34" s="313">
        <v>0</v>
      </c>
      <c r="GZ34" s="313">
        <v>0</v>
      </c>
      <c r="HA34" s="313">
        <v>0</v>
      </c>
      <c r="HB34" s="317">
        <v>0</v>
      </c>
      <c r="HC34" s="316">
        <v>0</v>
      </c>
      <c r="HD34" s="312">
        <v>51900</v>
      </c>
      <c r="HE34" s="313">
        <v>0</v>
      </c>
      <c r="HF34" s="317">
        <v>51900</v>
      </c>
      <c r="HG34" s="318">
        <v>0</v>
      </c>
      <c r="HH34" s="313">
        <v>309125</v>
      </c>
      <c r="HI34" s="313">
        <v>0</v>
      </c>
      <c r="HJ34" s="313">
        <v>0</v>
      </c>
      <c r="HK34" s="313">
        <v>291445</v>
      </c>
      <c r="HL34" s="313">
        <v>0</v>
      </c>
      <c r="HM34" s="314">
        <v>600570</v>
      </c>
      <c r="HN34" s="315">
        <v>652470</v>
      </c>
      <c r="HO34" s="319">
        <v>0</v>
      </c>
      <c r="HP34" s="313">
        <v>0</v>
      </c>
      <c r="HQ34" s="314">
        <v>0</v>
      </c>
      <c r="HR34" s="312">
        <v>0</v>
      </c>
      <c r="HS34" s="313">
        <v>0</v>
      </c>
      <c r="HT34" s="313">
        <v>0</v>
      </c>
      <c r="HU34" s="313">
        <v>0</v>
      </c>
      <c r="HV34" s="313">
        <v>0</v>
      </c>
      <c r="HW34" s="313">
        <v>0</v>
      </c>
      <c r="HX34" s="317">
        <v>0</v>
      </c>
      <c r="HY34" s="316">
        <v>0</v>
      </c>
      <c r="HZ34" s="344">
        <v>0</v>
      </c>
      <c r="IA34" s="342">
        <v>0</v>
      </c>
      <c r="IB34" s="344">
        <v>0</v>
      </c>
      <c r="IC34" s="341">
        <v>0</v>
      </c>
      <c r="ID34" s="342">
        <v>0</v>
      </c>
      <c r="IE34" s="343">
        <v>223936</v>
      </c>
      <c r="IF34" s="344">
        <v>405688</v>
      </c>
      <c r="IG34" s="342">
        <v>0</v>
      </c>
      <c r="IH34" s="344">
        <v>0</v>
      </c>
      <c r="II34" s="345">
        <v>629624</v>
      </c>
      <c r="IJ34" s="344">
        <v>629624</v>
      </c>
      <c r="IK34" s="328">
        <v>0</v>
      </c>
      <c r="IL34" s="329">
        <v>0</v>
      </c>
      <c r="IM34" s="330">
        <v>0</v>
      </c>
      <c r="IN34" s="390">
        <v>0</v>
      </c>
      <c r="IO34" s="331">
        <v>0</v>
      </c>
      <c r="IP34" s="331">
        <v>0</v>
      </c>
      <c r="IQ34" s="331">
        <v>141952</v>
      </c>
      <c r="IR34" s="331">
        <v>0</v>
      </c>
      <c r="IS34" s="331">
        <v>0</v>
      </c>
      <c r="IT34" s="332">
        <v>141952</v>
      </c>
      <c r="IU34" s="333">
        <v>141952</v>
      </c>
      <c r="IV34" s="334">
        <v>0</v>
      </c>
      <c r="IW34" s="331">
        <v>0</v>
      </c>
      <c r="IX34" s="335">
        <v>0</v>
      </c>
      <c r="IY34" s="390">
        <v>0</v>
      </c>
      <c r="IZ34" s="331">
        <v>0</v>
      </c>
      <c r="JA34" s="331">
        <v>0</v>
      </c>
      <c r="JB34" s="331">
        <v>0</v>
      </c>
      <c r="JC34" s="331">
        <v>0</v>
      </c>
      <c r="JD34" s="331">
        <v>0</v>
      </c>
      <c r="JE34" s="335">
        <v>0</v>
      </c>
      <c r="JF34" s="336">
        <v>0</v>
      </c>
      <c r="JG34" s="334">
        <v>0</v>
      </c>
      <c r="JH34" s="331">
        <v>0</v>
      </c>
      <c r="JI34" s="332">
        <v>0</v>
      </c>
      <c r="JJ34" s="337">
        <v>0</v>
      </c>
      <c r="JK34" s="331">
        <v>0</v>
      </c>
      <c r="JL34" s="331">
        <v>137080</v>
      </c>
      <c r="JM34" s="331">
        <v>15944</v>
      </c>
      <c r="JN34" s="331">
        <v>0</v>
      </c>
      <c r="JO34" s="331">
        <v>0</v>
      </c>
      <c r="JP34" s="335">
        <v>153024</v>
      </c>
      <c r="JQ34" s="333">
        <v>153024</v>
      </c>
      <c r="JR34" s="334">
        <v>0</v>
      </c>
      <c r="JS34" s="331">
        <v>0</v>
      </c>
      <c r="JT34" s="332">
        <v>0</v>
      </c>
      <c r="JU34" s="337">
        <v>0</v>
      </c>
      <c r="JV34" s="331">
        <v>0</v>
      </c>
      <c r="JW34" s="331">
        <v>86856</v>
      </c>
      <c r="JX34" s="331">
        <v>0</v>
      </c>
      <c r="JY34" s="331">
        <v>0</v>
      </c>
      <c r="JZ34" s="331">
        <v>0</v>
      </c>
      <c r="KA34" s="335">
        <v>86856</v>
      </c>
      <c r="KB34" s="333">
        <v>86856</v>
      </c>
      <c r="KC34" s="338">
        <v>0</v>
      </c>
      <c r="KD34" s="339">
        <v>0</v>
      </c>
      <c r="KE34" s="335">
        <v>0</v>
      </c>
      <c r="KF34" s="337">
        <v>0</v>
      </c>
      <c r="KG34" s="331">
        <v>0</v>
      </c>
      <c r="KH34" s="331">
        <v>0</v>
      </c>
      <c r="KI34" s="331">
        <v>0</v>
      </c>
      <c r="KJ34" s="331">
        <v>0</v>
      </c>
      <c r="KK34" s="331">
        <v>0</v>
      </c>
      <c r="KL34" s="335">
        <v>0</v>
      </c>
      <c r="KM34" s="340">
        <v>0</v>
      </c>
      <c r="KN34" s="328">
        <v>0</v>
      </c>
      <c r="KO34" s="329">
        <v>0</v>
      </c>
      <c r="KP34" s="330">
        <v>0</v>
      </c>
      <c r="KQ34" s="390">
        <v>0</v>
      </c>
      <c r="KR34" s="331">
        <v>0</v>
      </c>
      <c r="KS34" s="331">
        <v>0</v>
      </c>
      <c r="KT34" s="331">
        <v>0</v>
      </c>
      <c r="KU34" s="331">
        <v>0</v>
      </c>
      <c r="KV34" s="331">
        <v>0</v>
      </c>
      <c r="KW34" s="335">
        <v>0</v>
      </c>
      <c r="KX34" s="333">
        <v>0</v>
      </c>
      <c r="KY34" s="334">
        <v>0</v>
      </c>
      <c r="KZ34" s="331">
        <v>0</v>
      </c>
      <c r="LA34" s="335">
        <v>0</v>
      </c>
      <c r="LB34" s="390">
        <v>0</v>
      </c>
      <c r="LC34" s="331">
        <v>0</v>
      </c>
      <c r="LD34" s="331">
        <v>0</v>
      </c>
      <c r="LE34" s="331">
        <v>0</v>
      </c>
      <c r="LF34" s="331">
        <v>0</v>
      </c>
      <c r="LG34" s="331">
        <v>0</v>
      </c>
      <c r="LH34" s="335">
        <v>0</v>
      </c>
      <c r="LI34" s="336">
        <v>0</v>
      </c>
      <c r="LJ34" s="334">
        <v>0</v>
      </c>
      <c r="LK34" s="331">
        <v>0</v>
      </c>
      <c r="LL34" s="335">
        <v>0</v>
      </c>
      <c r="LM34" s="390">
        <v>0</v>
      </c>
      <c r="LN34" s="331">
        <v>0</v>
      </c>
      <c r="LO34" s="331">
        <v>0</v>
      </c>
      <c r="LP34" s="331">
        <v>247792</v>
      </c>
      <c r="LQ34" s="331">
        <v>0</v>
      </c>
      <c r="LR34" s="331">
        <v>0</v>
      </c>
      <c r="LS34" s="335">
        <v>247792</v>
      </c>
      <c r="LT34" s="333">
        <v>247792</v>
      </c>
      <c r="LU34" s="334">
        <v>0</v>
      </c>
      <c r="LV34" s="331">
        <v>0</v>
      </c>
      <c r="LW34" s="335">
        <v>0</v>
      </c>
      <c r="LX34" s="390">
        <v>0</v>
      </c>
      <c r="LY34" s="331">
        <v>0</v>
      </c>
      <c r="LZ34" s="331">
        <v>0</v>
      </c>
      <c r="MA34" s="331">
        <v>0</v>
      </c>
      <c r="MB34" s="331">
        <v>0</v>
      </c>
      <c r="MC34" s="331">
        <v>0</v>
      </c>
      <c r="MD34" s="335">
        <v>0</v>
      </c>
      <c r="ME34" s="336">
        <v>0</v>
      </c>
      <c r="MF34" s="334">
        <v>0</v>
      </c>
      <c r="MG34" s="331">
        <v>0</v>
      </c>
      <c r="MH34" s="335">
        <v>0</v>
      </c>
      <c r="MI34" s="390">
        <v>0</v>
      </c>
      <c r="MJ34" s="331">
        <v>0</v>
      </c>
      <c r="MK34" s="331">
        <v>0</v>
      </c>
      <c r="ML34" s="331">
        <v>0</v>
      </c>
      <c r="MM34" s="331">
        <v>0</v>
      </c>
      <c r="MN34" s="331">
        <v>603633</v>
      </c>
      <c r="MO34" s="335">
        <v>603633</v>
      </c>
      <c r="MP34" s="340">
        <v>603633</v>
      </c>
      <c r="MQ34" s="334">
        <v>0</v>
      </c>
      <c r="MR34" s="331">
        <v>0</v>
      </c>
      <c r="MS34" s="335">
        <v>0</v>
      </c>
      <c r="MT34" s="390">
        <v>0</v>
      </c>
      <c r="MU34" s="331">
        <v>0</v>
      </c>
      <c r="MV34" s="331">
        <v>0</v>
      </c>
      <c r="MW34" s="331">
        <v>0</v>
      </c>
      <c r="MX34" s="331">
        <v>0</v>
      </c>
      <c r="MY34" s="331">
        <v>274860</v>
      </c>
      <c r="MZ34" s="335">
        <v>274860</v>
      </c>
      <c r="NA34" s="340">
        <v>274860</v>
      </c>
      <c r="NB34" s="334">
        <v>0</v>
      </c>
      <c r="NC34" s="331">
        <v>0</v>
      </c>
      <c r="ND34" s="335">
        <v>0</v>
      </c>
      <c r="NE34" s="390">
        <v>0</v>
      </c>
      <c r="NF34" s="331">
        <v>0</v>
      </c>
      <c r="NG34" s="331">
        <v>0</v>
      </c>
      <c r="NH34" s="331">
        <v>0</v>
      </c>
      <c r="NI34" s="331">
        <v>0</v>
      </c>
      <c r="NJ34" s="331">
        <v>328773</v>
      </c>
      <c r="NK34" s="335">
        <v>328773</v>
      </c>
      <c r="NL34" s="333">
        <v>328773</v>
      </c>
      <c r="NM34" s="334">
        <v>0</v>
      </c>
      <c r="NN34" s="331">
        <v>0</v>
      </c>
      <c r="NO34" s="335">
        <v>0</v>
      </c>
      <c r="NP34" s="390">
        <v>0</v>
      </c>
      <c r="NQ34" s="331">
        <v>0</v>
      </c>
      <c r="NR34" s="331">
        <v>0</v>
      </c>
      <c r="NS34" s="331">
        <v>0</v>
      </c>
      <c r="NT34" s="331">
        <v>0</v>
      </c>
      <c r="NU34" s="331">
        <v>0</v>
      </c>
      <c r="NV34" s="335">
        <v>0</v>
      </c>
      <c r="NW34" s="336">
        <v>0</v>
      </c>
      <c r="NX34" s="334">
        <v>0</v>
      </c>
      <c r="NY34" s="331">
        <v>0</v>
      </c>
      <c r="NZ34" s="335">
        <v>0</v>
      </c>
      <c r="OA34" s="390">
        <v>0</v>
      </c>
      <c r="OB34" s="331">
        <v>0</v>
      </c>
      <c r="OC34" s="331">
        <v>0</v>
      </c>
      <c r="OD34" s="331">
        <v>0</v>
      </c>
      <c r="OE34" s="331">
        <v>0</v>
      </c>
      <c r="OF34" s="331">
        <v>0</v>
      </c>
      <c r="OG34" s="335">
        <v>0</v>
      </c>
      <c r="OH34" s="336">
        <v>0</v>
      </c>
      <c r="OI34" s="334">
        <v>117221</v>
      </c>
      <c r="OJ34" s="331">
        <v>3920</v>
      </c>
      <c r="OK34" s="332">
        <v>121141</v>
      </c>
      <c r="OL34" s="337">
        <v>0</v>
      </c>
      <c r="OM34" s="331">
        <v>345717</v>
      </c>
      <c r="ON34" s="331">
        <v>561993</v>
      </c>
      <c r="OO34" s="331">
        <v>942895</v>
      </c>
      <c r="OP34" s="331">
        <v>635373</v>
      </c>
      <c r="OQ34" s="331">
        <v>603633</v>
      </c>
      <c r="OR34" s="335">
        <v>3089611</v>
      </c>
      <c r="OS34" s="340">
        <v>3210752</v>
      </c>
    </row>
    <row r="35" spans="2:409" s="56" customFormat="1" ht="21" customHeight="1" x14ac:dyDescent="0.2">
      <c r="B35" s="396" t="s">
        <v>30</v>
      </c>
      <c r="C35" s="312">
        <v>38624</v>
      </c>
      <c r="D35" s="313">
        <v>94438</v>
      </c>
      <c r="E35" s="354">
        <v>133062</v>
      </c>
      <c r="F35" s="356">
        <v>0</v>
      </c>
      <c r="G35" s="355">
        <v>208144</v>
      </c>
      <c r="H35" s="355">
        <v>780429</v>
      </c>
      <c r="I35" s="355">
        <v>143528</v>
      </c>
      <c r="J35" s="355">
        <v>615482</v>
      </c>
      <c r="K35" s="355">
        <v>311952</v>
      </c>
      <c r="L35" s="356">
        <v>2059535</v>
      </c>
      <c r="M35" s="316">
        <v>2192597</v>
      </c>
      <c r="N35" s="312">
        <v>18560</v>
      </c>
      <c r="O35" s="313">
        <v>52512</v>
      </c>
      <c r="P35" s="314">
        <v>71072</v>
      </c>
      <c r="Q35" s="312">
        <v>0</v>
      </c>
      <c r="R35" s="313">
        <v>23214</v>
      </c>
      <c r="S35" s="313">
        <v>53144</v>
      </c>
      <c r="T35" s="313">
        <v>76440</v>
      </c>
      <c r="U35" s="313">
        <v>251290</v>
      </c>
      <c r="V35" s="313">
        <v>272456</v>
      </c>
      <c r="W35" s="314">
        <v>676544</v>
      </c>
      <c r="X35" s="316">
        <v>747616</v>
      </c>
      <c r="Y35" s="312">
        <v>0</v>
      </c>
      <c r="Z35" s="313">
        <v>0</v>
      </c>
      <c r="AA35" s="314">
        <v>0</v>
      </c>
      <c r="AB35" s="312">
        <v>0</v>
      </c>
      <c r="AC35" s="313">
        <v>23214</v>
      </c>
      <c r="AD35" s="313">
        <v>0</v>
      </c>
      <c r="AE35" s="313">
        <v>0</v>
      </c>
      <c r="AF35" s="313">
        <v>71680</v>
      </c>
      <c r="AG35" s="313">
        <v>195768</v>
      </c>
      <c r="AH35" s="314">
        <v>290662</v>
      </c>
      <c r="AI35" s="316">
        <v>290662</v>
      </c>
      <c r="AJ35" s="312">
        <v>0</v>
      </c>
      <c r="AK35" s="313">
        <v>0</v>
      </c>
      <c r="AL35" s="314">
        <v>0</v>
      </c>
      <c r="AM35" s="312">
        <v>0</v>
      </c>
      <c r="AN35" s="313">
        <v>0</v>
      </c>
      <c r="AO35" s="313">
        <v>0</v>
      </c>
      <c r="AP35" s="313">
        <v>0</v>
      </c>
      <c r="AQ35" s="313">
        <v>92362</v>
      </c>
      <c r="AR35" s="313">
        <v>0</v>
      </c>
      <c r="AS35" s="314">
        <v>92362</v>
      </c>
      <c r="AT35" s="316">
        <v>92362</v>
      </c>
      <c r="AU35" s="312">
        <v>18560</v>
      </c>
      <c r="AV35" s="313">
        <v>52512</v>
      </c>
      <c r="AW35" s="314">
        <v>71072</v>
      </c>
      <c r="AX35" s="312">
        <v>0</v>
      </c>
      <c r="AY35" s="313">
        <v>0</v>
      </c>
      <c r="AZ35" s="313">
        <v>0</v>
      </c>
      <c r="BA35" s="313">
        <v>51976</v>
      </c>
      <c r="BB35" s="313">
        <v>74176</v>
      </c>
      <c r="BC35" s="313">
        <v>76688</v>
      </c>
      <c r="BD35" s="314">
        <v>202840</v>
      </c>
      <c r="BE35" s="316">
        <v>273912</v>
      </c>
      <c r="BF35" s="312">
        <v>0</v>
      </c>
      <c r="BG35" s="313">
        <v>0</v>
      </c>
      <c r="BH35" s="317">
        <v>0</v>
      </c>
      <c r="BI35" s="318">
        <v>0</v>
      </c>
      <c r="BJ35" s="313">
        <v>0</v>
      </c>
      <c r="BK35" s="313">
        <v>0</v>
      </c>
      <c r="BL35" s="313">
        <v>0</v>
      </c>
      <c r="BM35" s="313">
        <v>0</v>
      </c>
      <c r="BN35" s="313">
        <v>0</v>
      </c>
      <c r="BO35" s="314">
        <v>0</v>
      </c>
      <c r="BP35" s="316">
        <v>0</v>
      </c>
      <c r="BQ35" s="312">
        <v>0</v>
      </c>
      <c r="BR35" s="313">
        <v>0</v>
      </c>
      <c r="BS35" s="314">
        <v>0</v>
      </c>
      <c r="BT35" s="312">
        <v>0</v>
      </c>
      <c r="BU35" s="313">
        <v>0</v>
      </c>
      <c r="BV35" s="313">
        <v>53144</v>
      </c>
      <c r="BW35" s="313">
        <v>24464</v>
      </c>
      <c r="BX35" s="313">
        <v>13072</v>
      </c>
      <c r="BY35" s="313">
        <v>0</v>
      </c>
      <c r="BZ35" s="314">
        <v>90680</v>
      </c>
      <c r="CA35" s="316">
        <v>90680</v>
      </c>
      <c r="CB35" s="312">
        <v>20064</v>
      </c>
      <c r="CC35" s="313">
        <v>39526</v>
      </c>
      <c r="CD35" s="314">
        <v>59590</v>
      </c>
      <c r="CE35" s="312">
        <v>0</v>
      </c>
      <c r="CF35" s="313">
        <v>171906</v>
      </c>
      <c r="CG35" s="313">
        <v>21512</v>
      </c>
      <c r="CH35" s="313">
        <v>0</v>
      </c>
      <c r="CI35" s="313">
        <v>115512</v>
      </c>
      <c r="CJ35" s="313">
        <v>27416</v>
      </c>
      <c r="CK35" s="314">
        <v>336346</v>
      </c>
      <c r="CL35" s="316">
        <v>395936</v>
      </c>
      <c r="CM35" s="312">
        <v>0</v>
      </c>
      <c r="CN35" s="313">
        <v>0</v>
      </c>
      <c r="CO35" s="314">
        <v>0</v>
      </c>
      <c r="CP35" s="318">
        <v>0</v>
      </c>
      <c r="CQ35" s="313">
        <v>114398</v>
      </c>
      <c r="CR35" s="313">
        <v>21512</v>
      </c>
      <c r="CS35" s="313">
        <v>0</v>
      </c>
      <c r="CT35" s="313">
        <v>115512</v>
      </c>
      <c r="CU35" s="313">
        <v>27416</v>
      </c>
      <c r="CV35" s="314">
        <v>278838</v>
      </c>
      <c r="CW35" s="316">
        <v>278838</v>
      </c>
      <c r="CX35" s="312">
        <v>20064</v>
      </c>
      <c r="CY35" s="313">
        <v>39526</v>
      </c>
      <c r="CZ35" s="314">
        <v>59590</v>
      </c>
      <c r="DA35" s="312">
        <v>0</v>
      </c>
      <c r="DB35" s="313">
        <v>57508</v>
      </c>
      <c r="DC35" s="313">
        <v>0</v>
      </c>
      <c r="DD35" s="313">
        <v>0</v>
      </c>
      <c r="DE35" s="313">
        <v>0</v>
      </c>
      <c r="DF35" s="313">
        <v>0</v>
      </c>
      <c r="DG35" s="314">
        <v>57508</v>
      </c>
      <c r="DH35" s="316">
        <v>117098</v>
      </c>
      <c r="DI35" s="312">
        <v>0</v>
      </c>
      <c r="DJ35" s="313">
        <v>0</v>
      </c>
      <c r="DK35" s="317">
        <v>0</v>
      </c>
      <c r="DL35" s="318">
        <v>0</v>
      </c>
      <c r="DM35" s="313">
        <v>0</v>
      </c>
      <c r="DN35" s="313">
        <v>0</v>
      </c>
      <c r="DO35" s="313">
        <v>55488</v>
      </c>
      <c r="DP35" s="313">
        <v>0</v>
      </c>
      <c r="DQ35" s="313">
        <v>0</v>
      </c>
      <c r="DR35" s="314">
        <v>55488</v>
      </c>
      <c r="DS35" s="316">
        <v>55488</v>
      </c>
      <c r="DT35" s="312">
        <v>0</v>
      </c>
      <c r="DU35" s="313">
        <v>0</v>
      </c>
      <c r="DV35" s="314">
        <v>0</v>
      </c>
      <c r="DW35" s="312">
        <v>0</v>
      </c>
      <c r="DX35" s="313">
        <v>0</v>
      </c>
      <c r="DY35" s="313">
        <v>0</v>
      </c>
      <c r="DZ35" s="313">
        <v>55488</v>
      </c>
      <c r="EA35" s="313">
        <v>0</v>
      </c>
      <c r="EB35" s="313">
        <v>0</v>
      </c>
      <c r="EC35" s="314">
        <v>55488</v>
      </c>
      <c r="ED35" s="316">
        <v>55488</v>
      </c>
      <c r="EE35" s="312">
        <v>0</v>
      </c>
      <c r="EF35" s="317">
        <v>0</v>
      </c>
      <c r="EG35" s="314">
        <v>0</v>
      </c>
      <c r="EH35" s="312">
        <v>0</v>
      </c>
      <c r="EI35" s="313">
        <v>0</v>
      </c>
      <c r="EJ35" s="313">
        <v>0</v>
      </c>
      <c r="EK35" s="313">
        <v>0</v>
      </c>
      <c r="EL35" s="313">
        <v>0</v>
      </c>
      <c r="EM35" s="313">
        <v>0</v>
      </c>
      <c r="EN35" s="317">
        <v>0</v>
      </c>
      <c r="EO35" s="316">
        <v>0</v>
      </c>
      <c r="EP35" s="312">
        <v>0</v>
      </c>
      <c r="EQ35" s="313">
        <v>0</v>
      </c>
      <c r="ER35" s="317">
        <v>0</v>
      </c>
      <c r="ES35" s="318">
        <v>0</v>
      </c>
      <c r="ET35" s="313">
        <v>0</v>
      </c>
      <c r="EU35" s="313">
        <v>0</v>
      </c>
      <c r="EV35" s="313">
        <v>0</v>
      </c>
      <c r="EW35" s="313">
        <v>0</v>
      </c>
      <c r="EX35" s="313">
        <v>0</v>
      </c>
      <c r="EY35" s="314">
        <v>0</v>
      </c>
      <c r="EZ35" s="316">
        <v>0</v>
      </c>
      <c r="FA35" s="312">
        <v>0</v>
      </c>
      <c r="FB35" s="313">
        <v>0</v>
      </c>
      <c r="FC35" s="317">
        <v>0</v>
      </c>
      <c r="FD35" s="318">
        <v>0</v>
      </c>
      <c r="FE35" s="313">
        <v>0</v>
      </c>
      <c r="FF35" s="313">
        <v>0</v>
      </c>
      <c r="FG35" s="313">
        <v>0</v>
      </c>
      <c r="FH35" s="313">
        <v>0</v>
      </c>
      <c r="FI35" s="313">
        <v>0</v>
      </c>
      <c r="FJ35" s="314">
        <v>0</v>
      </c>
      <c r="FK35" s="316">
        <v>0</v>
      </c>
      <c r="FL35" s="312">
        <v>0</v>
      </c>
      <c r="FM35" s="313">
        <v>2400</v>
      </c>
      <c r="FN35" s="314">
        <v>2400</v>
      </c>
      <c r="FO35" s="312">
        <v>0</v>
      </c>
      <c r="FP35" s="313">
        <v>13024</v>
      </c>
      <c r="FQ35" s="313">
        <v>7392</v>
      </c>
      <c r="FR35" s="313">
        <v>11600</v>
      </c>
      <c r="FS35" s="313">
        <v>43040</v>
      </c>
      <c r="FT35" s="313">
        <v>12080</v>
      </c>
      <c r="FU35" s="314">
        <v>87136</v>
      </c>
      <c r="FV35" s="316">
        <v>89536</v>
      </c>
      <c r="FW35" s="319">
        <v>0</v>
      </c>
      <c r="FX35" s="313">
        <v>2400</v>
      </c>
      <c r="FY35" s="317">
        <v>2400</v>
      </c>
      <c r="FZ35" s="318">
        <v>0</v>
      </c>
      <c r="GA35" s="313">
        <v>13024</v>
      </c>
      <c r="GB35" s="313">
        <v>7392</v>
      </c>
      <c r="GC35" s="313">
        <v>11600</v>
      </c>
      <c r="GD35" s="313">
        <v>43040</v>
      </c>
      <c r="GE35" s="313">
        <v>12080</v>
      </c>
      <c r="GF35" s="314">
        <v>87136</v>
      </c>
      <c r="GG35" s="320">
        <v>89536</v>
      </c>
      <c r="GH35" s="319">
        <v>0</v>
      </c>
      <c r="GI35" s="313">
        <v>0</v>
      </c>
      <c r="GJ35" s="317">
        <v>0</v>
      </c>
      <c r="GK35" s="318">
        <v>0</v>
      </c>
      <c r="GL35" s="313">
        <v>0</v>
      </c>
      <c r="GM35" s="313">
        <v>0</v>
      </c>
      <c r="GN35" s="313">
        <v>0</v>
      </c>
      <c r="GO35" s="313">
        <v>0</v>
      </c>
      <c r="GP35" s="313">
        <v>0</v>
      </c>
      <c r="GQ35" s="314">
        <v>0</v>
      </c>
      <c r="GR35" s="316">
        <v>0</v>
      </c>
      <c r="GS35" s="312">
        <v>0</v>
      </c>
      <c r="GT35" s="313">
        <v>0</v>
      </c>
      <c r="GU35" s="314">
        <v>0</v>
      </c>
      <c r="GV35" s="312">
        <v>0</v>
      </c>
      <c r="GW35" s="313">
        <v>0</v>
      </c>
      <c r="GX35" s="313">
        <v>0</v>
      </c>
      <c r="GY35" s="313">
        <v>0</v>
      </c>
      <c r="GZ35" s="313">
        <v>0</v>
      </c>
      <c r="HA35" s="313">
        <v>0</v>
      </c>
      <c r="HB35" s="317">
        <v>0</v>
      </c>
      <c r="HC35" s="316">
        <v>0</v>
      </c>
      <c r="HD35" s="312">
        <v>0</v>
      </c>
      <c r="HE35" s="313">
        <v>0</v>
      </c>
      <c r="HF35" s="317">
        <v>0</v>
      </c>
      <c r="HG35" s="318">
        <v>0</v>
      </c>
      <c r="HH35" s="313">
        <v>0</v>
      </c>
      <c r="HI35" s="313">
        <v>698381</v>
      </c>
      <c r="HJ35" s="313">
        <v>0</v>
      </c>
      <c r="HK35" s="313">
        <v>205640</v>
      </c>
      <c r="HL35" s="313">
        <v>0</v>
      </c>
      <c r="HM35" s="314">
        <v>904021</v>
      </c>
      <c r="HN35" s="315">
        <v>904021</v>
      </c>
      <c r="HO35" s="319">
        <v>0</v>
      </c>
      <c r="HP35" s="313">
        <v>0</v>
      </c>
      <c r="HQ35" s="314">
        <v>0</v>
      </c>
      <c r="HR35" s="312">
        <v>0</v>
      </c>
      <c r="HS35" s="313">
        <v>0</v>
      </c>
      <c r="HT35" s="313">
        <v>0</v>
      </c>
      <c r="HU35" s="313">
        <v>0</v>
      </c>
      <c r="HV35" s="313">
        <v>0</v>
      </c>
      <c r="HW35" s="313">
        <v>0</v>
      </c>
      <c r="HX35" s="317">
        <v>0</v>
      </c>
      <c r="HY35" s="316">
        <v>0</v>
      </c>
      <c r="HZ35" s="321">
        <v>0</v>
      </c>
      <c r="IA35" s="322">
        <v>0</v>
      </c>
      <c r="IB35" s="323">
        <v>0</v>
      </c>
      <c r="IC35" s="324">
        <v>0</v>
      </c>
      <c r="ID35" s="322">
        <v>0</v>
      </c>
      <c r="IE35" s="325">
        <v>0</v>
      </c>
      <c r="IF35" s="323">
        <v>325624</v>
      </c>
      <c r="IG35" s="322">
        <v>0</v>
      </c>
      <c r="IH35" s="323">
        <v>0</v>
      </c>
      <c r="II35" s="326">
        <v>325624</v>
      </c>
      <c r="IJ35" s="327">
        <v>325624</v>
      </c>
      <c r="IK35" s="328">
        <v>0</v>
      </c>
      <c r="IL35" s="329">
        <v>0</v>
      </c>
      <c r="IM35" s="330">
        <v>0</v>
      </c>
      <c r="IN35" s="390">
        <v>0</v>
      </c>
      <c r="IO35" s="331">
        <v>0</v>
      </c>
      <c r="IP35" s="331">
        <v>0</v>
      </c>
      <c r="IQ35" s="331">
        <v>0</v>
      </c>
      <c r="IR35" s="331">
        <v>0</v>
      </c>
      <c r="IS35" s="331">
        <v>0</v>
      </c>
      <c r="IT35" s="332">
        <v>0</v>
      </c>
      <c r="IU35" s="333">
        <v>0</v>
      </c>
      <c r="IV35" s="334">
        <v>0</v>
      </c>
      <c r="IW35" s="331">
        <v>0</v>
      </c>
      <c r="IX35" s="335">
        <v>0</v>
      </c>
      <c r="IY35" s="390">
        <v>0</v>
      </c>
      <c r="IZ35" s="331">
        <v>0</v>
      </c>
      <c r="JA35" s="331">
        <v>0</v>
      </c>
      <c r="JB35" s="331">
        <v>0</v>
      </c>
      <c r="JC35" s="331">
        <v>0</v>
      </c>
      <c r="JD35" s="331">
        <v>0</v>
      </c>
      <c r="JE35" s="335">
        <v>0</v>
      </c>
      <c r="JF35" s="336">
        <v>0</v>
      </c>
      <c r="JG35" s="334">
        <v>0</v>
      </c>
      <c r="JH35" s="331">
        <v>0</v>
      </c>
      <c r="JI35" s="332">
        <v>0</v>
      </c>
      <c r="JJ35" s="337">
        <v>0</v>
      </c>
      <c r="JK35" s="331">
        <v>0</v>
      </c>
      <c r="JL35" s="331">
        <v>0</v>
      </c>
      <c r="JM35" s="331">
        <v>76080</v>
      </c>
      <c r="JN35" s="331">
        <v>0</v>
      </c>
      <c r="JO35" s="331">
        <v>0</v>
      </c>
      <c r="JP35" s="335">
        <v>76080</v>
      </c>
      <c r="JQ35" s="333">
        <v>76080</v>
      </c>
      <c r="JR35" s="334">
        <v>0</v>
      </c>
      <c r="JS35" s="331">
        <v>0</v>
      </c>
      <c r="JT35" s="332">
        <v>0</v>
      </c>
      <c r="JU35" s="337">
        <v>0</v>
      </c>
      <c r="JV35" s="331">
        <v>0</v>
      </c>
      <c r="JW35" s="331">
        <v>0</v>
      </c>
      <c r="JX35" s="331">
        <v>0</v>
      </c>
      <c r="JY35" s="331">
        <v>0</v>
      </c>
      <c r="JZ35" s="331">
        <v>0</v>
      </c>
      <c r="KA35" s="335">
        <v>0</v>
      </c>
      <c r="KB35" s="333">
        <v>0</v>
      </c>
      <c r="KC35" s="338">
        <v>0</v>
      </c>
      <c r="KD35" s="339">
        <v>0</v>
      </c>
      <c r="KE35" s="335">
        <v>0</v>
      </c>
      <c r="KF35" s="337">
        <v>0</v>
      </c>
      <c r="KG35" s="331">
        <v>0</v>
      </c>
      <c r="KH35" s="331">
        <v>0</v>
      </c>
      <c r="KI35" s="331">
        <v>0</v>
      </c>
      <c r="KJ35" s="331">
        <v>0</v>
      </c>
      <c r="KK35" s="331">
        <v>0</v>
      </c>
      <c r="KL35" s="335">
        <v>0</v>
      </c>
      <c r="KM35" s="340">
        <v>0</v>
      </c>
      <c r="KN35" s="328">
        <v>0</v>
      </c>
      <c r="KO35" s="329">
        <v>0</v>
      </c>
      <c r="KP35" s="330">
        <v>0</v>
      </c>
      <c r="KQ35" s="390">
        <v>0</v>
      </c>
      <c r="KR35" s="331">
        <v>0</v>
      </c>
      <c r="KS35" s="331">
        <v>0</v>
      </c>
      <c r="KT35" s="331">
        <v>249544</v>
      </c>
      <c r="KU35" s="331">
        <v>0</v>
      </c>
      <c r="KV35" s="331">
        <v>0</v>
      </c>
      <c r="KW35" s="335">
        <v>249544</v>
      </c>
      <c r="KX35" s="333">
        <v>249544</v>
      </c>
      <c r="KY35" s="334">
        <v>0</v>
      </c>
      <c r="KZ35" s="331">
        <v>0</v>
      </c>
      <c r="LA35" s="335">
        <v>0</v>
      </c>
      <c r="LB35" s="390">
        <v>0</v>
      </c>
      <c r="LC35" s="331">
        <v>0</v>
      </c>
      <c r="LD35" s="331">
        <v>0</v>
      </c>
      <c r="LE35" s="331">
        <v>0</v>
      </c>
      <c r="LF35" s="331">
        <v>0</v>
      </c>
      <c r="LG35" s="331">
        <v>0</v>
      </c>
      <c r="LH35" s="335">
        <v>0</v>
      </c>
      <c r="LI35" s="336">
        <v>0</v>
      </c>
      <c r="LJ35" s="334">
        <v>0</v>
      </c>
      <c r="LK35" s="331">
        <v>0</v>
      </c>
      <c r="LL35" s="335">
        <v>0</v>
      </c>
      <c r="LM35" s="390">
        <v>0</v>
      </c>
      <c r="LN35" s="331">
        <v>0</v>
      </c>
      <c r="LO35" s="331">
        <v>0</v>
      </c>
      <c r="LP35" s="331">
        <v>0</v>
      </c>
      <c r="LQ35" s="331">
        <v>0</v>
      </c>
      <c r="LR35" s="331">
        <v>0</v>
      </c>
      <c r="LS35" s="335">
        <v>0</v>
      </c>
      <c r="LT35" s="333">
        <v>0</v>
      </c>
      <c r="LU35" s="334">
        <v>0</v>
      </c>
      <c r="LV35" s="331">
        <v>0</v>
      </c>
      <c r="LW35" s="335">
        <v>0</v>
      </c>
      <c r="LX35" s="390">
        <v>0</v>
      </c>
      <c r="LY35" s="331">
        <v>0</v>
      </c>
      <c r="LZ35" s="331">
        <v>0</v>
      </c>
      <c r="MA35" s="331">
        <v>0</v>
      </c>
      <c r="MB35" s="331">
        <v>0</v>
      </c>
      <c r="MC35" s="331">
        <v>0</v>
      </c>
      <c r="MD35" s="335">
        <v>0</v>
      </c>
      <c r="ME35" s="336">
        <v>0</v>
      </c>
      <c r="MF35" s="334">
        <v>0</v>
      </c>
      <c r="MG35" s="331">
        <v>0</v>
      </c>
      <c r="MH35" s="335">
        <v>0</v>
      </c>
      <c r="MI35" s="390">
        <v>0</v>
      </c>
      <c r="MJ35" s="331">
        <v>0</v>
      </c>
      <c r="MK35" s="331">
        <v>0</v>
      </c>
      <c r="ML35" s="331">
        <v>541689</v>
      </c>
      <c r="MM35" s="331">
        <v>1309298</v>
      </c>
      <c r="MN35" s="331">
        <v>239088</v>
      </c>
      <c r="MO35" s="335">
        <v>2090075</v>
      </c>
      <c r="MP35" s="340">
        <v>2090075</v>
      </c>
      <c r="MQ35" s="334">
        <v>0</v>
      </c>
      <c r="MR35" s="331">
        <v>0</v>
      </c>
      <c r="MS35" s="335">
        <v>0</v>
      </c>
      <c r="MT35" s="390">
        <v>0</v>
      </c>
      <c r="MU35" s="331">
        <v>0</v>
      </c>
      <c r="MV35" s="331">
        <v>0</v>
      </c>
      <c r="MW35" s="331">
        <v>245144</v>
      </c>
      <c r="MX35" s="331">
        <v>483184</v>
      </c>
      <c r="MY35" s="331">
        <v>239088</v>
      </c>
      <c r="MZ35" s="335">
        <v>967416</v>
      </c>
      <c r="NA35" s="340">
        <v>967416</v>
      </c>
      <c r="NB35" s="334">
        <v>0</v>
      </c>
      <c r="NC35" s="331">
        <v>0</v>
      </c>
      <c r="ND35" s="335">
        <v>0</v>
      </c>
      <c r="NE35" s="390">
        <v>0</v>
      </c>
      <c r="NF35" s="331">
        <v>0</v>
      </c>
      <c r="NG35" s="331">
        <v>0</v>
      </c>
      <c r="NH35" s="331">
        <v>296545</v>
      </c>
      <c r="NI35" s="331">
        <v>826114</v>
      </c>
      <c r="NJ35" s="331">
        <v>0</v>
      </c>
      <c r="NK35" s="335">
        <v>1122659</v>
      </c>
      <c r="NL35" s="333">
        <v>1122659</v>
      </c>
      <c r="NM35" s="334">
        <v>0</v>
      </c>
      <c r="NN35" s="331">
        <v>0</v>
      </c>
      <c r="NO35" s="335">
        <v>0</v>
      </c>
      <c r="NP35" s="390">
        <v>0</v>
      </c>
      <c r="NQ35" s="331">
        <v>0</v>
      </c>
      <c r="NR35" s="331">
        <v>0</v>
      </c>
      <c r="NS35" s="331">
        <v>0</v>
      </c>
      <c r="NT35" s="331">
        <v>0</v>
      </c>
      <c r="NU35" s="331">
        <v>0</v>
      </c>
      <c r="NV35" s="335">
        <v>0</v>
      </c>
      <c r="NW35" s="336">
        <v>0</v>
      </c>
      <c r="NX35" s="334">
        <v>0</v>
      </c>
      <c r="NY35" s="331">
        <v>0</v>
      </c>
      <c r="NZ35" s="335">
        <v>0</v>
      </c>
      <c r="OA35" s="390">
        <v>0</v>
      </c>
      <c r="OB35" s="331">
        <v>0</v>
      </c>
      <c r="OC35" s="331">
        <v>0</v>
      </c>
      <c r="OD35" s="331">
        <v>0</v>
      </c>
      <c r="OE35" s="331">
        <v>0</v>
      </c>
      <c r="OF35" s="331">
        <v>0</v>
      </c>
      <c r="OG35" s="335">
        <v>0</v>
      </c>
      <c r="OH35" s="336">
        <v>0</v>
      </c>
      <c r="OI35" s="334">
        <v>38624</v>
      </c>
      <c r="OJ35" s="331">
        <v>94438</v>
      </c>
      <c r="OK35" s="332">
        <v>133062</v>
      </c>
      <c r="OL35" s="337">
        <v>0</v>
      </c>
      <c r="OM35" s="331">
        <v>208144</v>
      </c>
      <c r="ON35" s="331">
        <v>780429</v>
      </c>
      <c r="OO35" s="331">
        <v>1010841</v>
      </c>
      <c r="OP35" s="331">
        <v>1924780</v>
      </c>
      <c r="OQ35" s="331">
        <v>551040</v>
      </c>
      <c r="OR35" s="335">
        <v>4475234</v>
      </c>
      <c r="OS35" s="340">
        <v>4608296</v>
      </c>
    </row>
    <row r="36" spans="2:409" s="56" customFormat="1" ht="21" customHeight="1" x14ac:dyDescent="0.2">
      <c r="B36" s="396" t="s">
        <v>31</v>
      </c>
      <c r="C36" s="312">
        <v>25616</v>
      </c>
      <c r="D36" s="313">
        <v>35616</v>
      </c>
      <c r="E36" s="314">
        <v>61232</v>
      </c>
      <c r="F36" s="315">
        <v>0</v>
      </c>
      <c r="G36" s="313">
        <v>248490</v>
      </c>
      <c r="H36" s="313">
        <v>542919</v>
      </c>
      <c r="I36" s="313">
        <v>550243</v>
      </c>
      <c r="J36" s="313">
        <v>140883</v>
      </c>
      <c r="K36" s="313">
        <v>16720</v>
      </c>
      <c r="L36" s="353">
        <v>1499255</v>
      </c>
      <c r="M36" s="316">
        <v>1560487</v>
      </c>
      <c r="N36" s="312">
        <v>0</v>
      </c>
      <c r="O36" s="313">
        <v>0</v>
      </c>
      <c r="P36" s="314">
        <v>0</v>
      </c>
      <c r="Q36" s="312">
        <v>0</v>
      </c>
      <c r="R36" s="313">
        <v>0</v>
      </c>
      <c r="S36" s="313">
        <v>222266</v>
      </c>
      <c r="T36" s="313">
        <v>269007</v>
      </c>
      <c r="U36" s="313">
        <v>17184</v>
      </c>
      <c r="V36" s="313">
        <v>16720</v>
      </c>
      <c r="W36" s="314">
        <v>525177</v>
      </c>
      <c r="X36" s="316">
        <v>525177</v>
      </c>
      <c r="Y36" s="312">
        <v>0</v>
      </c>
      <c r="Z36" s="313">
        <v>0</v>
      </c>
      <c r="AA36" s="314">
        <v>0</v>
      </c>
      <c r="AB36" s="312">
        <v>0</v>
      </c>
      <c r="AC36" s="313">
        <v>0</v>
      </c>
      <c r="AD36" s="313">
        <v>41848</v>
      </c>
      <c r="AE36" s="313">
        <v>190551</v>
      </c>
      <c r="AF36" s="313">
        <v>0</v>
      </c>
      <c r="AG36" s="313">
        <v>0</v>
      </c>
      <c r="AH36" s="314">
        <v>232399</v>
      </c>
      <c r="AI36" s="316">
        <v>232399</v>
      </c>
      <c r="AJ36" s="312">
        <v>0</v>
      </c>
      <c r="AK36" s="313">
        <v>0</v>
      </c>
      <c r="AL36" s="314">
        <v>0</v>
      </c>
      <c r="AM36" s="312">
        <v>0</v>
      </c>
      <c r="AN36" s="313">
        <v>0</v>
      </c>
      <c r="AO36" s="313">
        <v>105930</v>
      </c>
      <c r="AP36" s="313">
        <v>0</v>
      </c>
      <c r="AQ36" s="313">
        <v>0</v>
      </c>
      <c r="AR36" s="313">
        <v>0</v>
      </c>
      <c r="AS36" s="314">
        <v>105930</v>
      </c>
      <c r="AT36" s="316">
        <v>105930</v>
      </c>
      <c r="AU36" s="312">
        <v>0</v>
      </c>
      <c r="AV36" s="313">
        <v>0</v>
      </c>
      <c r="AW36" s="314">
        <v>0</v>
      </c>
      <c r="AX36" s="312">
        <v>0</v>
      </c>
      <c r="AY36" s="313">
        <v>0</v>
      </c>
      <c r="AZ36" s="313">
        <v>50840</v>
      </c>
      <c r="BA36" s="313">
        <v>68824</v>
      </c>
      <c r="BB36" s="313">
        <v>0</v>
      </c>
      <c r="BC36" s="313">
        <v>0</v>
      </c>
      <c r="BD36" s="314">
        <v>119664</v>
      </c>
      <c r="BE36" s="316">
        <v>119664</v>
      </c>
      <c r="BF36" s="312">
        <v>0</v>
      </c>
      <c r="BG36" s="313">
        <v>0</v>
      </c>
      <c r="BH36" s="317">
        <v>0</v>
      </c>
      <c r="BI36" s="318">
        <v>0</v>
      </c>
      <c r="BJ36" s="313">
        <v>0</v>
      </c>
      <c r="BK36" s="313">
        <v>0</v>
      </c>
      <c r="BL36" s="313">
        <v>0</v>
      </c>
      <c r="BM36" s="313">
        <v>0</v>
      </c>
      <c r="BN36" s="313">
        <v>0</v>
      </c>
      <c r="BO36" s="314">
        <v>0</v>
      </c>
      <c r="BP36" s="316">
        <v>0</v>
      </c>
      <c r="BQ36" s="312">
        <v>0</v>
      </c>
      <c r="BR36" s="313">
        <v>0</v>
      </c>
      <c r="BS36" s="314">
        <v>0</v>
      </c>
      <c r="BT36" s="312">
        <v>0</v>
      </c>
      <c r="BU36" s="313">
        <v>0</v>
      </c>
      <c r="BV36" s="313">
        <v>23648</v>
      </c>
      <c r="BW36" s="313">
        <v>9632</v>
      </c>
      <c r="BX36" s="313">
        <v>17184</v>
      </c>
      <c r="BY36" s="313">
        <v>16720</v>
      </c>
      <c r="BZ36" s="314">
        <v>67184</v>
      </c>
      <c r="CA36" s="316">
        <v>67184</v>
      </c>
      <c r="CB36" s="312">
        <v>20816</v>
      </c>
      <c r="CC36" s="313">
        <v>0</v>
      </c>
      <c r="CD36" s="314">
        <v>20816</v>
      </c>
      <c r="CE36" s="312">
        <v>0</v>
      </c>
      <c r="CF36" s="313">
        <v>212090</v>
      </c>
      <c r="CG36" s="313">
        <v>226293</v>
      </c>
      <c r="CH36" s="313">
        <v>63484</v>
      </c>
      <c r="CI36" s="313">
        <v>70160</v>
      </c>
      <c r="CJ36" s="313">
        <v>0</v>
      </c>
      <c r="CK36" s="314">
        <v>572027</v>
      </c>
      <c r="CL36" s="316">
        <v>592843</v>
      </c>
      <c r="CM36" s="312">
        <v>0</v>
      </c>
      <c r="CN36" s="313">
        <v>0</v>
      </c>
      <c r="CO36" s="314">
        <v>0</v>
      </c>
      <c r="CP36" s="318">
        <v>0</v>
      </c>
      <c r="CQ36" s="313">
        <v>163690</v>
      </c>
      <c r="CR36" s="313">
        <v>130321</v>
      </c>
      <c r="CS36" s="313">
        <v>0</v>
      </c>
      <c r="CT36" s="313">
        <v>70160</v>
      </c>
      <c r="CU36" s="313">
        <v>0</v>
      </c>
      <c r="CV36" s="314">
        <v>364171</v>
      </c>
      <c r="CW36" s="316">
        <v>364171</v>
      </c>
      <c r="CX36" s="312">
        <v>20816</v>
      </c>
      <c r="CY36" s="313">
        <v>0</v>
      </c>
      <c r="CZ36" s="314">
        <v>20816</v>
      </c>
      <c r="DA36" s="312">
        <v>0</v>
      </c>
      <c r="DB36" s="313">
        <v>48400</v>
      </c>
      <c r="DC36" s="313">
        <v>95972</v>
      </c>
      <c r="DD36" s="313">
        <v>63484</v>
      </c>
      <c r="DE36" s="313">
        <v>0</v>
      </c>
      <c r="DF36" s="313">
        <v>0</v>
      </c>
      <c r="DG36" s="314">
        <v>207856</v>
      </c>
      <c r="DH36" s="316">
        <v>228672</v>
      </c>
      <c r="DI36" s="312">
        <v>0</v>
      </c>
      <c r="DJ36" s="313">
        <v>14416</v>
      </c>
      <c r="DK36" s="317">
        <v>14416</v>
      </c>
      <c r="DL36" s="318">
        <v>0</v>
      </c>
      <c r="DM36" s="313">
        <v>0</v>
      </c>
      <c r="DN36" s="313">
        <v>0</v>
      </c>
      <c r="DO36" s="313">
        <v>0</v>
      </c>
      <c r="DP36" s="313">
        <v>27539</v>
      </c>
      <c r="DQ36" s="313">
        <v>0</v>
      </c>
      <c r="DR36" s="314">
        <v>27539</v>
      </c>
      <c r="DS36" s="316">
        <v>41955</v>
      </c>
      <c r="DT36" s="312">
        <v>0</v>
      </c>
      <c r="DU36" s="313">
        <v>14416</v>
      </c>
      <c r="DV36" s="314">
        <v>14416</v>
      </c>
      <c r="DW36" s="312">
        <v>0</v>
      </c>
      <c r="DX36" s="313">
        <v>0</v>
      </c>
      <c r="DY36" s="313">
        <v>0</v>
      </c>
      <c r="DZ36" s="313">
        <v>0</v>
      </c>
      <c r="EA36" s="313">
        <v>27539</v>
      </c>
      <c r="EB36" s="313">
        <v>0</v>
      </c>
      <c r="EC36" s="314">
        <v>27539</v>
      </c>
      <c r="ED36" s="316">
        <v>41955</v>
      </c>
      <c r="EE36" s="312">
        <v>0</v>
      </c>
      <c r="EF36" s="317">
        <v>0</v>
      </c>
      <c r="EG36" s="314">
        <v>0</v>
      </c>
      <c r="EH36" s="312">
        <v>0</v>
      </c>
      <c r="EI36" s="313">
        <v>0</v>
      </c>
      <c r="EJ36" s="313">
        <v>0</v>
      </c>
      <c r="EK36" s="313">
        <v>0</v>
      </c>
      <c r="EL36" s="313">
        <v>0</v>
      </c>
      <c r="EM36" s="313">
        <v>0</v>
      </c>
      <c r="EN36" s="317">
        <v>0</v>
      </c>
      <c r="EO36" s="316">
        <v>0</v>
      </c>
      <c r="EP36" s="312">
        <v>0</v>
      </c>
      <c r="EQ36" s="313">
        <v>0</v>
      </c>
      <c r="ER36" s="317">
        <v>0</v>
      </c>
      <c r="ES36" s="318">
        <v>0</v>
      </c>
      <c r="ET36" s="313">
        <v>0</v>
      </c>
      <c r="EU36" s="313">
        <v>0</v>
      </c>
      <c r="EV36" s="313">
        <v>0</v>
      </c>
      <c r="EW36" s="313">
        <v>0</v>
      </c>
      <c r="EX36" s="313">
        <v>0</v>
      </c>
      <c r="EY36" s="314">
        <v>0</v>
      </c>
      <c r="EZ36" s="316">
        <v>0</v>
      </c>
      <c r="FA36" s="312">
        <v>0</v>
      </c>
      <c r="FB36" s="313">
        <v>0</v>
      </c>
      <c r="FC36" s="317">
        <v>0</v>
      </c>
      <c r="FD36" s="318">
        <v>0</v>
      </c>
      <c r="FE36" s="313">
        <v>0</v>
      </c>
      <c r="FF36" s="313">
        <v>0</v>
      </c>
      <c r="FG36" s="313">
        <v>0</v>
      </c>
      <c r="FH36" s="313">
        <v>0</v>
      </c>
      <c r="FI36" s="313">
        <v>0</v>
      </c>
      <c r="FJ36" s="314">
        <v>0</v>
      </c>
      <c r="FK36" s="316">
        <v>0</v>
      </c>
      <c r="FL36" s="312">
        <v>4800</v>
      </c>
      <c r="FM36" s="313">
        <v>21200</v>
      </c>
      <c r="FN36" s="314">
        <v>26000</v>
      </c>
      <c r="FO36" s="312">
        <v>0</v>
      </c>
      <c r="FP36" s="313">
        <v>36400</v>
      </c>
      <c r="FQ36" s="313">
        <v>94360</v>
      </c>
      <c r="FR36" s="313">
        <v>34912</v>
      </c>
      <c r="FS36" s="313">
        <v>26000</v>
      </c>
      <c r="FT36" s="313">
        <v>0</v>
      </c>
      <c r="FU36" s="314">
        <v>191672</v>
      </c>
      <c r="FV36" s="316">
        <v>217672</v>
      </c>
      <c r="FW36" s="319">
        <v>4800</v>
      </c>
      <c r="FX36" s="313">
        <v>21200</v>
      </c>
      <c r="FY36" s="317">
        <v>26000</v>
      </c>
      <c r="FZ36" s="318">
        <v>0</v>
      </c>
      <c r="GA36" s="313">
        <v>36400</v>
      </c>
      <c r="GB36" s="313">
        <v>54360</v>
      </c>
      <c r="GC36" s="313">
        <v>34912</v>
      </c>
      <c r="GD36" s="313">
        <v>26000</v>
      </c>
      <c r="GE36" s="313">
        <v>0</v>
      </c>
      <c r="GF36" s="314">
        <v>151672</v>
      </c>
      <c r="GG36" s="320">
        <v>177672</v>
      </c>
      <c r="GH36" s="319">
        <v>0</v>
      </c>
      <c r="GI36" s="313">
        <v>0</v>
      </c>
      <c r="GJ36" s="317">
        <v>0</v>
      </c>
      <c r="GK36" s="318">
        <v>0</v>
      </c>
      <c r="GL36" s="313">
        <v>0</v>
      </c>
      <c r="GM36" s="313">
        <v>0</v>
      </c>
      <c r="GN36" s="313">
        <v>0</v>
      </c>
      <c r="GO36" s="313">
        <v>0</v>
      </c>
      <c r="GP36" s="313">
        <v>0</v>
      </c>
      <c r="GQ36" s="314">
        <v>0</v>
      </c>
      <c r="GR36" s="316">
        <v>0</v>
      </c>
      <c r="GS36" s="312">
        <v>0</v>
      </c>
      <c r="GT36" s="313">
        <v>0</v>
      </c>
      <c r="GU36" s="314">
        <v>0</v>
      </c>
      <c r="GV36" s="312">
        <v>0</v>
      </c>
      <c r="GW36" s="313">
        <v>0</v>
      </c>
      <c r="GX36" s="313">
        <v>40000</v>
      </c>
      <c r="GY36" s="313">
        <v>0</v>
      </c>
      <c r="GZ36" s="313">
        <v>0</v>
      </c>
      <c r="HA36" s="313">
        <v>0</v>
      </c>
      <c r="HB36" s="317">
        <v>40000</v>
      </c>
      <c r="HC36" s="316">
        <v>40000</v>
      </c>
      <c r="HD36" s="312">
        <v>0</v>
      </c>
      <c r="HE36" s="313">
        <v>0</v>
      </c>
      <c r="HF36" s="317">
        <v>0</v>
      </c>
      <c r="HG36" s="318">
        <v>0</v>
      </c>
      <c r="HH36" s="313">
        <v>0</v>
      </c>
      <c r="HI36" s="313">
        <v>0</v>
      </c>
      <c r="HJ36" s="313">
        <v>182840</v>
      </c>
      <c r="HK36" s="313">
        <v>0</v>
      </c>
      <c r="HL36" s="313">
        <v>0</v>
      </c>
      <c r="HM36" s="314">
        <v>182840</v>
      </c>
      <c r="HN36" s="315">
        <v>182840</v>
      </c>
      <c r="HO36" s="319">
        <v>0</v>
      </c>
      <c r="HP36" s="313">
        <v>0</v>
      </c>
      <c r="HQ36" s="314">
        <v>0</v>
      </c>
      <c r="HR36" s="312">
        <v>0</v>
      </c>
      <c r="HS36" s="313">
        <v>0</v>
      </c>
      <c r="HT36" s="313">
        <v>0</v>
      </c>
      <c r="HU36" s="313">
        <v>0</v>
      </c>
      <c r="HV36" s="313">
        <v>0</v>
      </c>
      <c r="HW36" s="313">
        <v>0</v>
      </c>
      <c r="HX36" s="317">
        <v>0</v>
      </c>
      <c r="HY36" s="316">
        <v>0</v>
      </c>
      <c r="HZ36" s="344">
        <v>0</v>
      </c>
      <c r="IA36" s="342">
        <v>0</v>
      </c>
      <c r="IB36" s="344">
        <v>0</v>
      </c>
      <c r="IC36" s="341">
        <v>0</v>
      </c>
      <c r="ID36" s="342">
        <v>136277</v>
      </c>
      <c r="IE36" s="343">
        <v>495153</v>
      </c>
      <c r="IF36" s="344">
        <v>0</v>
      </c>
      <c r="IG36" s="342">
        <v>649757</v>
      </c>
      <c r="IH36" s="344">
        <v>250680</v>
      </c>
      <c r="II36" s="345">
        <v>1531867</v>
      </c>
      <c r="IJ36" s="344">
        <v>1531867</v>
      </c>
      <c r="IK36" s="328">
        <v>0</v>
      </c>
      <c r="IL36" s="329">
        <v>0</v>
      </c>
      <c r="IM36" s="330">
        <v>0</v>
      </c>
      <c r="IN36" s="390">
        <v>0</v>
      </c>
      <c r="IO36" s="331">
        <v>0</v>
      </c>
      <c r="IP36" s="331">
        <v>0</v>
      </c>
      <c r="IQ36" s="331">
        <v>0</v>
      </c>
      <c r="IR36" s="331">
        <v>0</v>
      </c>
      <c r="IS36" s="331">
        <v>0</v>
      </c>
      <c r="IT36" s="332">
        <v>0</v>
      </c>
      <c r="IU36" s="333">
        <v>0</v>
      </c>
      <c r="IV36" s="334">
        <v>0</v>
      </c>
      <c r="IW36" s="331">
        <v>0</v>
      </c>
      <c r="IX36" s="335">
        <v>0</v>
      </c>
      <c r="IY36" s="390">
        <v>0</v>
      </c>
      <c r="IZ36" s="331">
        <v>0</v>
      </c>
      <c r="JA36" s="331">
        <v>0</v>
      </c>
      <c r="JB36" s="331">
        <v>0</v>
      </c>
      <c r="JC36" s="331">
        <v>0</v>
      </c>
      <c r="JD36" s="331">
        <v>0</v>
      </c>
      <c r="JE36" s="335">
        <v>0</v>
      </c>
      <c r="JF36" s="336">
        <v>0</v>
      </c>
      <c r="JG36" s="334">
        <v>0</v>
      </c>
      <c r="JH36" s="331">
        <v>0</v>
      </c>
      <c r="JI36" s="332">
        <v>0</v>
      </c>
      <c r="JJ36" s="337">
        <v>0</v>
      </c>
      <c r="JK36" s="331">
        <v>0</v>
      </c>
      <c r="JL36" s="331">
        <v>18713</v>
      </c>
      <c r="JM36" s="331">
        <v>0</v>
      </c>
      <c r="JN36" s="331">
        <v>0</v>
      </c>
      <c r="JO36" s="331">
        <v>0</v>
      </c>
      <c r="JP36" s="335">
        <v>18713</v>
      </c>
      <c r="JQ36" s="333">
        <v>18713</v>
      </c>
      <c r="JR36" s="334">
        <v>0</v>
      </c>
      <c r="JS36" s="331">
        <v>0</v>
      </c>
      <c r="JT36" s="332">
        <v>0</v>
      </c>
      <c r="JU36" s="337">
        <v>0</v>
      </c>
      <c r="JV36" s="331">
        <v>0</v>
      </c>
      <c r="JW36" s="331">
        <v>0</v>
      </c>
      <c r="JX36" s="331">
        <v>0</v>
      </c>
      <c r="JY36" s="331">
        <v>187629</v>
      </c>
      <c r="JZ36" s="331">
        <v>0</v>
      </c>
      <c r="KA36" s="335">
        <v>187629</v>
      </c>
      <c r="KB36" s="333">
        <v>187629</v>
      </c>
      <c r="KC36" s="338">
        <v>0</v>
      </c>
      <c r="KD36" s="339">
        <v>0</v>
      </c>
      <c r="KE36" s="335">
        <v>0</v>
      </c>
      <c r="KF36" s="337">
        <v>0</v>
      </c>
      <c r="KG36" s="331">
        <v>136277</v>
      </c>
      <c r="KH36" s="331">
        <v>0</v>
      </c>
      <c r="KI36" s="331">
        <v>0</v>
      </c>
      <c r="KJ36" s="331">
        <v>0</v>
      </c>
      <c r="KK36" s="331">
        <v>0</v>
      </c>
      <c r="KL36" s="335">
        <v>136277</v>
      </c>
      <c r="KM36" s="340">
        <v>136277</v>
      </c>
      <c r="KN36" s="328">
        <v>0</v>
      </c>
      <c r="KO36" s="329">
        <v>0</v>
      </c>
      <c r="KP36" s="330">
        <v>0</v>
      </c>
      <c r="KQ36" s="390">
        <v>0</v>
      </c>
      <c r="KR36" s="331">
        <v>0</v>
      </c>
      <c r="KS36" s="331">
        <v>476440</v>
      </c>
      <c r="KT36" s="331">
        <v>0</v>
      </c>
      <c r="KU36" s="331">
        <v>234472</v>
      </c>
      <c r="KV36" s="331">
        <v>250680</v>
      </c>
      <c r="KW36" s="335">
        <v>961592</v>
      </c>
      <c r="KX36" s="333">
        <v>961592</v>
      </c>
      <c r="KY36" s="334">
        <v>0</v>
      </c>
      <c r="KZ36" s="331">
        <v>0</v>
      </c>
      <c r="LA36" s="335">
        <v>0</v>
      </c>
      <c r="LB36" s="390">
        <v>0</v>
      </c>
      <c r="LC36" s="331">
        <v>0</v>
      </c>
      <c r="LD36" s="331">
        <v>0</v>
      </c>
      <c r="LE36" s="331">
        <v>0</v>
      </c>
      <c r="LF36" s="331">
        <v>0</v>
      </c>
      <c r="LG36" s="331">
        <v>0</v>
      </c>
      <c r="LH36" s="335">
        <v>0</v>
      </c>
      <c r="LI36" s="336">
        <v>0</v>
      </c>
      <c r="LJ36" s="334">
        <v>0</v>
      </c>
      <c r="LK36" s="331">
        <v>0</v>
      </c>
      <c r="LL36" s="335">
        <v>0</v>
      </c>
      <c r="LM36" s="390">
        <v>0</v>
      </c>
      <c r="LN36" s="331">
        <v>0</v>
      </c>
      <c r="LO36" s="331">
        <v>0</v>
      </c>
      <c r="LP36" s="331">
        <v>0</v>
      </c>
      <c r="LQ36" s="331">
        <v>227656</v>
      </c>
      <c r="LR36" s="331">
        <v>0</v>
      </c>
      <c r="LS36" s="335">
        <v>227656</v>
      </c>
      <c r="LT36" s="333">
        <v>227656</v>
      </c>
      <c r="LU36" s="334">
        <v>0</v>
      </c>
      <c r="LV36" s="331">
        <v>0</v>
      </c>
      <c r="LW36" s="335">
        <v>0</v>
      </c>
      <c r="LX36" s="390">
        <v>0</v>
      </c>
      <c r="LY36" s="331">
        <v>0</v>
      </c>
      <c r="LZ36" s="331">
        <v>0</v>
      </c>
      <c r="MA36" s="331">
        <v>0</v>
      </c>
      <c r="MB36" s="331">
        <v>0</v>
      </c>
      <c r="MC36" s="331">
        <v>0</v>
      </c>
      <c r="MD36" s="335">
        <v>0</v>
      </c>
      <c r="ME36" s="336">
        <v>0</v>
      </c>
      <c r="MF36" s="334">
        <v>0</v>
      </c>
      <c r="MG36" s="331">
        <v>0</v>
      </c>
      <c r="MH36" s="335">
        <v>0</v>
      </c>
      <c r="MI36" s="390">
        <v>0</v>
      </c>
      <c r="MJ36" s="331">
        <v>0</v>
      </c>
      <c r="MK36" s="331">
        <v>0</v>
      </c>
      <c r="ML36" s="331">
        <v>458423</v>
      </c>
      <c r="MM36" s="331">
        <v>558169</v>
      </c>
      <c r="MN36" s="331">
        <v>295693</v>
      </c>
      <c r="MO36" s="335">
        <v>1312285</v>
      </c>
      <c r="MP36" s="340">
        <v>1312285</v>
      </c>
      <c r="MQ36" s="334">
        <v>0</v>
      </c>
      <c r="MR36" s="331">
        <v>0</v>
      </c>
      <c r="MS36" s="335">
        <v>0</v>
      </c>
      <c r="MT36" s="390">
        <v>0</v>
      </c>
      <c r="MU36" s="331">
        <v>0</v>
      </c>
      <c r="MV36" s="331">
        <v>0</v>
      </c>
      <c r="MW36" s="331">
        <v>458423</v>
      </c>
      <c r="MX36" s="331">
        <v>558169</v>
      </c>
      <c r="MY36" s="331">
        <v>295693</v>
      </c>
      <c r="MZ36" s="335">
        <v>1312285</v>
      </c>
      <c r="NA36" s="340">
        <v>1312285</v>
      </c>
      <c r="NB36" s="334">
        <v>0</v>
      </c>
      <c r="NC36" s="331">
        <v>0</v>
      </c>
      <c r="ND36" s="335">
        <v>0</v>
      </c>
      <c r="NE36" s="390">
        <v>0</v>
      </c>
      <c r="NF36" s="331">
        <v>0</v>
      </c>
      <c r="NG36" s="331">
        <v>0</v>
      </c>
      <c r="NH36" s="331">
        <v>0</v>
      </c>
      <c r="NI36" s="331">
        <v>0</v>
      </c>
      <c r="NJ36" s="331">
        <v>0</v>
      </c>
      <c r="NK36" s="335">
        <v>0</v>
      </c>
      <c r="NL36" s="333">
        <v>0</v>
      </c>
      <c r="NM36" s="334">
        <v>0</v>
      </c>
      <c r="NN36" s="331">
        <v>0</v>
      </c>
      <c r="NO36" s="335">
        <v>0</v>
      </c>
      <c r="NP36" s="390">
        <v>0</v>
      </c>
      <c r="NQ36" s="331">
        <v>0</v>
      </c>
      <c r="NR36" s="331">
        <v>0</v>
      </c>
      <c r="NS36" s="331">
        <v>0</v>
      </c>
      <c r="NT36" s="331">
        <v>0</v>
      </c>
      <c r="NU36" s="331">
        <v>0</v>
      </c>
      <c r="NV36" s="335">
        <v>0</v>
      </c>
      <c r="NW36" s="336">
        <v>0</v>
      </c>
      <c r="NX36" s="334">
        <v>0</v>
      </c>
      <c r="NY36" s="331">
        <v>0</v>
      </c>
      <c r="NZ36" s="335">
        <v>0</v>
      </c>
      <c r="OA36" s="390">
        <v>0</v>
      </c>
      <c r="OB36" s="331">
        <v>0</v>
      </c>
      <c r="OC36" s="331">
        <v>0</v>
      </c>
      <c r="OD36" s="331">
        <v>0</v>
      </c>
      <c r="OE36" s="331">
        <v>0</v>
      </c>
      <c r="OF36" s="331">
        <v>0</v>
      </c>
      <c r="OG36" s="335">
        <v>0</v>
      </c>
      <c r="OH36" s="336">
        <v>0</v>
      </c>
      <c r="OI36" s="334">
        <v>25616</v>
      </c>
      <c r="OJ36" s="331">
        <v>35616</v>
      </c>
      <c r="OK36" s="332">
        <v>61232</v>
      </c>
      <c r="OL36" s="337">
        <v>0</v>
      </c>
      <c r="OM36" s="331">
        <v>384767</v>
      </c>
      <c r="ON36" s="331">
        <v>1038072</v>
      </c>
      <c r="OO36" s="331">
        <v>1008666</v>
      </c>
      <c r="OP36" s="331">
        <v>1348809</v>
      </c>
      <c r="OQ36" s="331">
        <v>563093</v>
      </c>
      <c r="OR36" s="335">
        <v>4343407</v>
      </c>
      <c r="OS36" s="340">
        <v>4404639</v>
      </c>
    </row>
    <row r="37" spans="2:409" s="56" customFormat="1" ht="21" customHeight="1" x14ac:dyDescent="0.2">
      <c r="B37" s="396" t="s">
        <v>32</v>
      </c>
      <c r="C37" s="312">
        <v>46240</v>
      </c>
      <c r="D37" s="313">
        <v>13200</v>
      </c>
      <c r="E37" s="354">
        <v>59440</v>
      </c>
      <c r="F37" s="356">
        <v>0</v>
      </c>
      <c r="G37" s="355">
        <v>576939</v>
      </c>
      <c r="H37" s="355">
        <v>1139220</v>
      </c>
      <c r="I37" s="355">
        <v>440224</v>
      </c>
      <c r="J37" s="355">
        <v>469875</v>
      </c>
      <c r="K37" s="355">
        <v>253334</v>
      </c>
      <c r="L37" s="356">
        <v>2879592</v>
      </c>
      <c r="M37" s="316">
        <v>2939032</v>
      </c>
      <c r="N37" s="312">
        <v>21424</v>
      </c>
      <c r="O37" s="313">
        <v>0</v>
      </c>
      <c r="P37" s="314">
        <v>21424</v>
      </c>
      <c r="Q37" s="312">
        <v>0</v>
      </c>
      <c r="R37" s="313">
        <v>250235</v>
      </c>
      <c r="S37" s="313">
        <v>512518</v>
      </c>
      <c r="T37" s="313">
        <v>112208</v>
      </c>
      <c r="U37" s="313">
        <v>38592</v>
      </c>
      <c r="V37" s="313">
        <v>230614</v>
      </c>
      <c r="W37" s="314">
        <v>1144167</v>
      </c>
      <c r="X37" s="316">
        <v>1165591</v>
      </c>
      <c r="Y37" s="312">
        <v>0</v>
      </c>
      <c r="Z37" s="313">
        <v>0</v>
      </c>
      <c r="AA37" s="314">
        <v>0</v>
      </c>
      <c r="AB37" s="312">
        <v>0</v>
      </c>
      <c r="AC37" s="313">
        <v>81740</v>
      </c>
      <c r="AD37" s="313">
        <v>374496</v>
      </c>
      <c r="AE37" s="313">
        <v>91136</v>
      </c>
      <c r="AF37" s="313">
        <v>0</v>
      </c>
      <c r="AG37" s="313">
        <v>154912</v>
      </c>
      <c r="AH37" s="314">
        <v>702284</v>
      </c>
      <c r="AI37" s="316">
        <v>702284</v>
      </c>
      <c r="AJ37" s="312">
        <v>0</v>
      </c>
      <c r="AK37" s="313">
        <v>0</v>
      </c>
      <c r="AL37" s="314">
        <v>0</v>
      </c>
      <c r="AM37" s="312">
        <v>0</v>
      </c>
      <c r="AN37" s="313">
        <v>0</v>
      </c>
      <c r="AO37" s="313">
        <v>0</v>
      </c>
      <c r="AP37" s="313">
        <v>0</v>
      </c>
      <c r="AQ37" s="313">
        <v>0</v>
      </c>
      <c r="AR37" s="313">
        <v>47422</v>
      </c>
      <c r="AS37" s="314">
        <v>47422</v>
      </c>
      <c r="AT37" s="316">
        <v>47422</v>
      </c>
      <c r="AU37" s="312">
        <v>21424</v>
      </c>
      <c r="AV37" s="313">
        <v>0</v>
      </c>
      <c r="AW37" s="314">
        <v>21424</v>
      </c>
      <c r="AX37" s="312">
        <v>0</v>
      </c>
      <c r="AY37" s="313">
        <v>94100</v>
      </c>
      <c r="AZ37" s="313">
        <v>99150</v>
      </c>
      <c r="BA37" s="313">
        <v>0</v>
      </c>
      <c r="BB37" s="313">
        <v>0</v>
      </c>
      <c r="BC37" s="313">
        <v>28280</v>
      </c>
      <c r="BD37" s="314">
        <v>221530</v>
      </c>
      <c r="BE37" s="316">
        <v>242954</v>
      </c>
      <c r="BF37" s="312">
        <v>0</v>
      </c>
      <c r="BG37" s="313">
        <v>0</v>
      </c>
      <c r="BH37" s="317">
        <v>0</v>
      </c>
      <c r="BI37" s="318">
        <v>0</v>
      </c>
      <c r="BJ37" s="313">
        <v>62419</v>
      </c>
      <c r="BK37" s="313">
        <v>0</v>
      </c>
      <c r="BL37" s="313">
        <v>0</v>
      </c>
      <c r="BM37" s="313">
        <v>0</v>
      </c>
      <c r="BN37" s="313">
        <v>0</v>
      </c>
      <c r="BO37" s="314">
        <v>62419</v>
      </c>
      <c r="BP37" s="316">
        <v>62419</v>
      </c>
      <c r="BQ37" s="312">
        <v>0</v>
      </c>
      <c r="BR37" s="313">
        <v>0</v>
      </c>
      <c r="BS37" s="314">
        <v>0</v>
      </c>
      <c r="BT37" s="312">
        <v>0</v>
      </c>
      <c r="BU37" s="313">
        <v>11976</v>
      </c>
      <c r="BV37" s="313">
        <v>38872</v>
      </c>
      <c r="BW37" s="313">
        <v>21072</v>
      </c>
      <c r="BX37" s="313">
        <v>38592</v>
      </c>
      <c r="BY37" s="313">
        <v>0</v>
      </c>
      <c r="BZ37" s="314">
        <v>110512</v>
      </c>
      <c r="CA37" s="316">
        <v>110512</v>
      </c>
      <c r="CB37" s="312">
        <v>20816</v>
      </c>
      <c r="CC37" s="313">
        <v>0</v>
      </c>
      <c r="CD37" s="314">
        <v>20816</v>
      </c>
      <c r="CE37" s="312">
        <v>0</v>
      </c>
      <c r="CF37" s="313">
        <v>72648</v>
      </c>
      <c r="CG37" s="313">
        <v>338078</v>
      </c>
      <c r="CH37" s="313">
        <v>289288</v>
      </c>
      <c r="CI37" s="313">
        <v>0</v>
      </c>
      <c r="CJ37" s="313">
        <v>0</v>
      </c>
      <c r="CK37" s="314">
        <v>700014</v>
      </c>
      <c r="CL37" s="316">
        <v>720830</v>
      </c>
      <c r="CM37" s="312">
        <v>0</v>
      </c>
      <c r="CN37" s="313">
        <v>0</v>
      </c>
      <c r="CO37" s="314">
        <v>0</v>
      </c>
      <c r="CP37" s="318">
        <v>0</v>
      </c>
      <c r="CQ37" s="313">
        <v>72648</v>
      </c>
      <c r="CR37" s="313">
        <v>248033</v>
      </c>
      <c r="CS37" s="313">
        <v>289288</v>
      </c>
      <c r="CT37" s="313">
        <v>0</v>
      </c>
      <c r="CU37" s="313">
        <v>0</v>
      </c>
      <c r="CV37" s="314">
        <v>609969</v>
      </c>
      <c r="CW37" s="316">
        <v>609969</v>
      </c>
      <c r="CX37" s="312">
        <v>20816</v>
      </c>
      <c r="CY37" s="313">
        <v>0</v>
      </c>
      <c r="CZ37" s="314">
        <v>20816</v>
      </c>
      <c r="DA37" s="312">
        <v>0</v>
      </c>
      <c r="DB37" s="313">
        <v>0</v>
      </c>
      <c r="DC37" s="313">
        <v>90045</v>
      </c>
      <c r="DD37" s="313">
        <v>0</v>
      </c>
      <c r="DE37" s="313">
        <v>0</v>
      </c>
      <c r="DF37" s="313">
        <v>0</v>
      </c>
      <c r="DG37" s="314">
        <v>90045</v>
      </c>
      <c r="DH37" s="316">
        <v>110861</v>
      </c>
      <c r="DI37" s="312">
        <v>0</v>
      </c>
      <c r="DJ37" s="313">
        <v>0</v>
      </c>
      <c r="DK37" s="317">
        <v>0</v>
      </c>
      <c r="DL37" s="318">
        <v>0</v>
      </c>
      <c r="DM37" s="313">
        <v>0</v>
      </c>
      <c r="DN37" s="313">
        <v>13512</v>
      </c>
      <c r="DO37" s="313">
        <v>0</v>
      </c>
      <c r="DP37" s="313">
        <v>0</v>
      </c>
      <c r="DQ37" s="313">
        <v>0</v>
      </c>
      <c r="DR37" s="314">
        <v>13512</v>
      </c>
      <c r="DS37" s="316">
        <v>13512</v>
      </c>
      <c r="DT37" s="312">
        <v>0</v>
      </c>
      <c r="DU37" s="313">
        <v>0</v>
      </c>
      <c r="DV37" s="314">
        <v>0</v>
      </c>
      <c r="DW37" s="312">
        <v>0</v>
      </c>
      <c r="DX37" s="313">
        <v>0</v>
      </c>
      <c r="DY37" s="313">
        <v>13512</v>
      </c>
      <c r="DZ37" s="313">
        <v>0</v>
      </c>
      <c r="EA37" s="313">
        <v>0</v>
      </c>
      <c r="EB37" s="313">
        <v>0</v>
      </c>
      <c r="EC37" s="314">
        <v>13512</v>
      </c>
      <c r="ED37" s="316">
        <v>13512</v>
      </c>
      <c r="EE37" s="312">
        <v>0</v>
      </c>
      <c r="EF37" s="317">
        <v>0</v>
      </c>
      <c r="EG37" s="314">
        <v>0</v>
      </c>
      <c r="EH37" s="312">
        <v>0</v>
      </c>
      <c r="EI37" s="313">
        <v>0</v>
      </c>
      <c r="EJ37" s="313">
        <v>0</v>
      </c>
      <c r="EK37" s="313">
        <v>0</v>
      </c>
      <c r="EL37" s="313">
        <v>0</v>
      </c>
      <c r="EM37" s="313">
        <v>0</v>
      </c>
      <c r="EN37" s="317">
        <v>0</v>
      </c>
      <c r="EO37" s="316">
        <v>0</v>
      </c>
      <c r="EP37" s="312">
        <v>0</v>
      </c>
      <c r="EQ37" s="313">
        <v>0</v>
      </c>
      <c r="ER37" s="317">
        <v>0</v>
      </c>
      <c r="ES37" s="318">
        <v>0</v>
      </c>
      <c r="ET37" s="313">
        <v>0</v>
      </c>
      <c r="EU37" s="313">
        <v>0</v>
      </c>
      <c r="EV37" s="313">
        <v>0</v>
      </c>
      <c r="EW37" s="313">
        <v>0</v>
      </c>
      <c r="EX37" s="313">
        <v>0</v>
      </c>
      <c r="EY37" s="314">
        <v>0</v>
      </c>
      <c r="EZ37" s="316">
        <v>0</v>
      </c>
      <c r="FA37" s="312">
        <v>0</v>
      </c>
      <c r="FB37" s="313">
        <v>0</v>
      </c>
      <c r="FC37" s="317">
        <v>0</v>
      </c>
      <c r="FD37" s="318">
        <v>0</v>
      </c>
      <c r="FE37" s="313">
        <v>0</v>
      </c>
      <c r="FF37" s="313">
        <v>0</v>
      </c>
      <c r="FG37" s="313">
        <v>0</v>
      </c>
      <c r="FH37" s="313">
        <v>0</v>
      </c>
      <c r="FI37" s="313">
        <v>0</v>
      </c>
      <c r="FJ37" s="314">
        <v>0</v>
      </c>
      <c r="FK37" s="316">
        <v>0</v>
      </c>
      <c r="FL37" s="312">
        <v>4000</v>
      </c>
      <c r="FM37" s="313">
        <v>13200</v>
      </c>
      <c r="FN37" s="314">
        <v>17200</v>
      </c>
      <c r="FO37" s="312">
        <v>0</v>
      </c>
      <c r="FP37" s="313">
        <v>102808</v>
      </c>
      <c r="FQ37" s="313">
        <v>106184</v>
      </c>
      <c r="FR37" s="313">
        <v>38728</v>
      </c>
      <c r="FS37" s="313">
        <v>0</v>
      </c>
      <c r="FT37" s="313">
        <v>22720</v>
      </c>
      <c r="FU37" s="314">
        <v>270440</v>
      </c>
      <c r="FV37" s="316">
        <v>287640</v>
      </c>
      <c r="FW37" s="319">
        <v>4000</v>
      </c>
      <c r="FX37" s="313">
        <v>13200</v>
      </c>
      <c r="FY37" s="317">
        <v>17200</v>
      </c>
      <c r="FZ37" s="318">
        <v>0</v>
      </c>
      <c r="GA37" s="313">
        <v>72272</v>
      </c>
      <c r="GB37" s="313">
        <v>106184</v>
      </c>
      <c r="GC37" s="313">
        <v>38728</v>
      </c>
      <c r="GD37" s="313">
        <v>0</v>
      </c>
      <c r="GE37" s="313">
        <v>22720</v>
      </c>
      <c r="GF37" s="314">
        <v>239904</v>
      </c>
      <c r="GG37" s="320">
        <v>257104</v>
      </c>
      <c r="GH37" s="319">
        <v>0</v>
      </c>
      <c r="GI37" s="313">
        <v>0</v>
      </c>
      <c r="GJ37" s="317">
        <v>0</v>
      </c>
      <c r="GK37" s="318">
        <v>0</v>
      </c>
      <c r="GL37" s="313">
        <v>0</v>
      </c>
      <c r="GM37" s="313">
        <v>0</v>
      </c>
      <c r="GN37" s="313">
        <v>0</v>
      </c>
      <c r="GO37" s="313">
        <v>0</v>
      </c>
      <c r="GP37" s="313">
        <v>0</v>
      </c>
      <c r="GQ37" s="314">
        <v>0</v>
      </c>
      <c r="GR37" s="316">
        <v>0</v>
      </c>
      <c r="GS37" s="312">
        <v>0</v>
      </c>
      <c r="GT37" s="313">
        <v>0</v>
      </c>
      <c r="GU37" s="314">
        <v>0</v>
      </c>
      <c r="GV37" s="312">
        <v>0</v>
      </c>
      <c r="GW37" s="313">
        <v>30536</v>
      </c>
      <c r="GX37" s="313">
        <v>0</v>
      </c>
      <c r="GY37" s="313">
        <v>0</v>
      </c>
      <c r="GZ37" s="313">
        <v>0</v>
      </c>
      <c r="HA37" s="313">
        <v>0</v>
      </c>
      <c r="HB37" s="317">
        <v>30536</v>
      </c>
      <c r="HC37" s="316">
        <v>30536</v>
      </c>
      <c r="HD37" s="312">
        <v>0</v>
      </c>
      <c r="HE37" s="313">
        <v>0</v>
      </c>
      <c r="HF37" s="317">
        <v>0</v>
      </c>
      <c r="HG37" s="318">
        <v>0</v>
      </c>
      <c r="HH37" s="313">
        <v>151248</v>
      </c>
      <c r="HI37" s="313">
        <v>168928</v>
      </c>
      <c r="HJ37" s="313">
        <v>0</v>
      </c>
      <c r="HK37" s="313">
        <v>431283</v>
      </c>
      <c r="HL37" s="313">
        <v>0</v>
      </c>
      <c r="HM37" s="314">
        <v>751459</v>
      </c>
      <c r="HN37" s="315">
        <v>751459</v>
      </c>
      <c r="HO37" s="319">
        <v>0</v>
      </c>
      <c r="HP37" s="313">
        <v>0</v>
      </c>
      <c r="HQ37" s="314">
        <v>0</v>
      </c>
      <c r="HR37" s="312">
        <v>0</v>
      </c>
      <c r="HS37" s="313">
        <v>0</v>
      </c>
      <c r="HT37" s="313">
        <v>0</v>
      </c>
      <c r="HU37" s="313">
        <v>0</v>
      </c>
      <c r="HV37" s="313">
        <v>0</v>
      </c>
      <c r="HW37" s="313">
        <v>0</v>
      </c>
      <c r="HX37" s="317">
        <v>0</v>
      </c>
      <c r="HY37" s="316">
        <v>0</v>
      </c>
      <c r="HZ37" s="321">
        <v>0</v>
      </c>
      <c r="IA37" s="322">
        <v>0</v>
      </c>
      <c r="IB37" s="323">
        <v>0</v>
      </c>
      <c r="IC37" s="324">
        <v>0</v>
      </c>
      <c r="ID37" s="322">
        <v>317744</v>
      </c>
      <c r="IE37" s="325">
        <v>152216</v>
      </c>
      <c r="IF37" s="323">
        <v>656080</v>
      </c>
      <c r="IG37" s="322">
        <v>244552</v>
      </c>
      <c r="IH37" s="323">
        <v>53344</v>
      </c>
      <c r="II37" s="326">
        <v>1423936</v>
      </c>
      <c r="IJ37" s="327">
        <v>1423936</v>
      </c>
      <c r="IK37" s="328">
        <v>0</v>
      </c>
      <c r="IL37" s="329">
        <v>0</v>
      </c>
      <c r="IM37" s="330">
        <v>0</v>
      </c>
      <c r="IN37" s="390">
        <v>0</v>
      </c>
      <c r="IO37" s="331">
        <v>0</v>
      </c>
      <c r="IP37" s="331">
        <v>0</v>
      </c>
      <c r="IQ37" s="331">
        <v>0</v>
      </c>
      <c r="IR37" s="331">
        <v>0</v>
      </c>
      <c r="IS37" s="331">
        <v>0</v>
      </c>
      <c r="IT37" s="332">
        <v>0</v>
      </c>
      <c r="IU37" s="333">
        <v>0</v>
      </c>
      <c r="IV37" s="334">
        <v>0</v>
      </c>
      <c r="IW37" s="331">
        <v>0</v>
      </c>
      <c r="IX37" s="335">
        <v>0</v>
      </c>
      <c r="IY37" s="390">
        <v>0</v>
      </c>
      <c r="IZ37" s="331">
        <v>0</v>
      </c>
      <c r="JA37" s="331">
        <v>0</v>
      </c>
      <c r="JB37" s="331">
        <v>0</v>
      </c>
      <c r="JC37" s="331">
        <v>0</v>
      </c>
      <c r="JD37" s="331">
        <v>0</v>
      </c>
      <c r="JE37" s="335">
        <v>0</v>
      </c>
      <c r="JF37" s="336">
        <v>0</v>
      </c>
      <c r="JG37" s="334">
        <v>0</v>
      </c>
      <c r="JH37" s="331">
        <v>0</v>
      </c>
      <c r="JI37" s="332">
        <v>0</v>
      </c>
      <c r="JJ37" s="337">
        <v>0</v>
      </c>
      <c r="JK37" s="331">
        <v>91288</v>
      </c>
      <c r="JL37" s="331">
        <v>135592</v>
      </c>
      <c r="JM37" s="331">
        <v>0</v>
      </c>
      <c r="JN37" s="331">
        <v>0</v>
      </c>
      <c r="JO37" s="331">
        <v>53344</v>
      </c>
      <c r="JP37" s="335">
        <v>280224</v>
      </c>
      <c r="JQ37" s="333">
        <v>280224</v>
      </c>
      <c r="JR37" s="334">
        <v>0</v>
      </c>
      <c r="JS37" s="331">
        <v>0</v>
      </c>
      <c r="JT37" s="332">
        <v>0</v>
      </c>
      <c r="JU37" s="337">
        <v>0</v>
      </c>
      <c r="JV37" s="331">
        <v>0</v>
      </c>
      <c r="JW37" s="331">
        <v>0</v>
      </c>
      <c r="JX37" s="331">
        <v>0</v>
      </c>
      <c r="JY37" s="331">
        <v>0</v>
      </c>
      <c r="JZ37" s="331">
        <v>0</v>
      </c>
      <c r="KA37" s="335">
        <v>0</v>
      </c>
      <c r="KB37" s="333">
        <v>0</v>
      </c>
      <c r="KC37" s="338">
        <v>0</v>
      </c>
      <c r="KD37" s="339">
        <v>0</v>
      </c>
      <c r="KE37" s="335">
        <v>0</v>
      </c>
      <c r="KF37" s="337">
        <v>0</v>
      </c>
      <c r="KG37" s="331">
        <v>0</v>
      </c>
      <c r="KH37" s="331">
        <v>0</v>
      </c>
      <c r="KI37" s="331">
        <v>0</v>
      </c>
      <c r="KJ37" s="331">
        <v>0</v>
      </c>
      <c r="KK37" s="331">
        <v>0</v>
      </c>
      <c r="KL37" s="335">
        <v>0</v>
      </c>
      <c r="KM37" s="340">
        <v>0</v>
      </c>
      <c r="KN37" s="328">
        <v>0</v>
      </c>
      <c r="KO37" s="329">
        <v>0</v>
      </c>
      <c r="KP37" s="330">
        <v>0</v>
      </c>
      <c r="KQ37" s="390">
        <v>0</v>
      </c>
      <c r="KR37" s="331">
        <v>226456</v>
      </c>
      <c r="KS37" s="331">
        <v>16624</v>
      </c>
      <c r="KT37" s="331">
        <v>240032</v>
      </c>
      <c r="KU37" s="331">
        <v>244552</v>
      </c>
      <c r="KV37" s="331">
        <v>0</v>
      </c>
      <c r="KW37" s="335">
        <v>727664</v>
      </c>
      <c r="KX37" s="333">
        <v>727664</v>
      </c>
      <c r="KY37" s="334">
        <v>0</v>
      </c>
      <c r="KZ37" s="331">
        <v>0</v>
      </c>
      <c r="LA37" s="335">
        <v>0</v>
      </c>
      <c r="LB37" s="390">
        <v>0</v>
      </c>
      <c r="LC37" s="331">
        <v>0</v>
      </c>
      <c r="LD37" s="331">
        <v>0</v>
      </c>
      <c r="LE37" s="331">
        <v>0</v>
      </c>
      <c r="LF37" s="331">
        <v>0</v>
      </c>
      <c r="LG37" s="331">
        <v>0</v>
      </c>
      <c r="LH37" s="335">
        <v>0</v>
      </c>
      <c r="LI37" s="336">
        <v>0</v>
      </c>
      <c r="LJ37" s="334">
        <v>0</v>
      </c>
      <c r="LK37" s="331">
        <v>0</v>
      </c>
      <c r="LL37" s="335">
        <v>0</v>
      </c>
      <c r="LM37" s="390">
        <v>0</v>
      </c>
      <c r="LN37" s="331">
        <v>0</v>
      </c>
      <c r="LO37" s="331">
        <v>0</v>
      </c>
      <c r="LP37" s="331">
        <v>416048</v>
      </c>
      <c r="LQ37" s="331">
        <v>0</v>
      </c>
      <c r="LR37" s="331">
        <v>0</v>
      </c>
      <c r="LS37" s="335">
        <v>416048</v>
      </c>
      <c r="LT37" s="333">
        <v>416048</v>
      </c>
      <c r="LU37" s="334">
        <v>0</v>
      </c>
      <c r="LV37" s="331">
        <v>0</v>
      </c>
      <c r="LW37" s="335">
        <v>0</v>
      </c>
      <c r="LX37" s="390">
        <v>0</v>
      </c>
      <c r="LY37" s="331">
        <v>0</v>
      </c>
      <c r="LZ37" s="331">
        <v>0</v>
      </c>
      <c r="MA37" s="331">
        <v>0</v>
      </c>
      <c r="MB37" s="331">
        <v>0</v>
      </c>
      <c r="MC37" s="331">
        <v>0</v>
      </c>
      <c r="MD37" s="335">
        <v>0</v>
      </c>
      <c r="ME37" s="336">
        <v>0</v>
      </c>
      <c r="MF37" s="334">
        <v>0</v>
      </c>
      <c r="MG37" s="331">
        <v>0</v>
      </c>
      <c r="MH37" s="335">
        <v>0</v>
      </c>
      <c r="MI37" s="390">
        <v>0</v>
      </c>
      <c r="MJ37" s="331">
        <v>0</v>
      </c>
      <c r="MK37" s="331">
        <v>0</v>
      </c>
      <c r="ML37" s="331">
        <v>0</v>
      </c>
      <c r="MM37" s="331">
        <v>257989</v>
      </c>
      <c r="MN37" s="331">
        <v>0</v>
      </c>
      <c r="MO37" s="335">
        <v>257989</v>
      </c>
      <c r="MP37" s="340">
        <v>257989</v>
      </c>
      <c r="MQ37" s="334">
        <v>0</v>
      </c>
      <c r="MR37" s="331">
        <v>0</v>
      </c>
      <c r="MS37" s="335">
        <v>0</v>
      </c>
      <c r="MT37" s="390">
        <v>0</v>
      </c>
      <c r="MU37" s="331">
        <v>0</v>
      </c>
      <c r="MV37" s="331">
        <v>0</v>
      </c>
      <c r="MW37" s="331">
        <v>0</v>
      </c>
      <c r="MX37" s="331">
        <v>257989</v>
      </c>
      <c r="MY37" s="331">
        <v>0</v>
      </c>
      <c r="MZ37" s="335">
        <v>257989</v>
      </c>
      <c r="NA37" s="340">
        <v>257989</v>
      </c>
      <c r="NB37" s="334">
        <v>0</v>
      </c>
      <c r="NC37" s="331">
        <v>0</v>
      </c>
      <c r="ND37" s="335">
        <v>0</v>
      </c>
      <c r="NE37" s="390">
        <v>0</v>
      </c>
      <c r="NF37" s="331">
        <v>0</v>
      </c>
      <c r="NG37" s="331">
        <v>0</v>
      </c>
      <c r="NH37" s="331">
        <v>0</v>
      </c>
      <c r="NI37" s="331">
        <v>0</v>
      </c>
      <c r="NJ37" s="331">
        <v>0</v>
      </c>
      <c r="NK37" s="335">
        <v>0</v>
      </c>
      <c r="NL37" s="333">
        <v>0</v>
      </c>
      <c r="NM37" s="334">
        <v>0</v>
      </c>
      <c r="NN37" s="331">
        <v>0</v>
      </c>
      <c r="NO37" s="335">
        <v>0</v>
      </c>
      <c r="NP37" s="390">
        <v>0</v>
      </c>
      <c r="NQ37" s="331">
        <v>0</v>
      </c>
      <c r="NR37" s="331">
        <v>0</v>
      </c>
      <c r="NS37" s="331">
        <v>0</v>
      </c>
      <c r="NT37" s="331">
        <v>0</v>
      </c>
      <c r="NU37" s="331">
        <v>0</v>
      </c>
      <c r="NV37" s="335">
        <v>0</v>
      </c>
      <c r="NW37" s="336">
        <v>0</v>
      </c>
      <c r="NX37" s="334">
        <v>0</v>
      </c>
      <c r="NY37" s="331">
        <v>0</v>
      </c>
      <c r="NZ37" s="335">
        <v>0</v>
      </c>
      <c r="OA37" s="390">
        <v>0</v>
      </c>
      <c r="OB37" s="331">
        <v>0</v>
      </c>
      <c r="OC37" s="331">
        <v>0</v>
      </c>
      <c r="OD37" s="331">
        <v>0</v>
      </c>
      <c r="OE37" s="331">
        <v>0</v>
      </c>
      <c r="OF37" s="331">
        <v>0</v>
      </c>
      <c r="OG37" s="335">
        <v>0</v>
      </c>
      <c r="OH37" s="336">
        <v>0</v>
      </c>
      <c r="OI37" s="334">
        <v>46240</v>
      </c>
      <c r="OJ37" s="331">
        <v>13200</v>
      </c>
      <c r="OK37" s="332">
        <v>59440</v>
      </c>
      <c r="OL37" s="337">
        <v>0</v>
      </c>
      <c r="OM37" s="331">
        <v>894683</v>
      </c>
      <c r="ON37" s="331">
        <v>1291436</v>
      </c>
      <c r="OO37" s="331">
        <v>1096304</v>
      </c>
      <c r="OP37" s="331">
        <v>972416</v>
      </c>
      <c r="OQ37" s="331">
        <v>306678</v>
      </c>
      <c r="OR37" s="335">
        <v>4561517</v>
      </c>
      <c r="OS37" s="340">
        <v>4620957</v>
      </c>
    </row>
    <row r="38" spans="2:409" s="56" customFormat="1" ht="21" customHeight="1" x14ac:dyDescent="0.2">
      <c r="B38" s="396" t="s">
        <v>33</v>
      </c>
      <c r="C38" s="312">
        <v>71484</v>
      </c>
      <c r="D38" s="313">
        <v>49466</v>
      </c>
      <c r="E38" s="314">
        <v>120950</v>
      </c>
      <c r="F38" s="315">
        <v>0</v>
      </c>
      <c r="G38" s="313">
        <v>312904</v>
      </c>
      <c r="H38" s="313">
        <v>0</v>
      </c>
      <c r="I38" s="313">
        <v>341878</v>
      </c>
      <c r="J38" s="313">
        <v>0</v>
      </c>
      <c r="K38" s="313">
        <v>763073</v>
      </c>
      <c r="L38" s="353">
        <v>1417855</v>
      </c>
      <c r="M38" s="316">
        <v>1538805</v>
      </c>
      <c r="N38" s="312">
        <v>66780</v>
      </c>
      <c r="O38" s="313">
        <v>49466</v>
      </c>
      <c r="P38" s="314">
        <v>116246</v>
      </c>
      <c r="Q38" s="312">
        <v>0</v>
      </c>
      <c r="R38" s="313">
        <v>264024</v>
      </c>
      <c r="S38" s="313">
        <v>0</v>
      </c>
      <c r="T38" s="313">
        <v>341878</v>
      </c>
      <c r="U38" s="313">
        <v>0</v>
      </c>
      <c r="V38" s="313">
        <v>8320</v>
      </c>
      <c r="W38" s="314">
        <v>614222</v>
      </c>
      <c r="X38" s="316">
        <v>730468</v>
      </c>
      <c r="Y38" s="312">
        <v>0</v>
      </c>
      <c r="Z38" s="313">
        <v>0</v>
      </c>
      <c r="AA38" s="314">
        <v>0</v>
      </c>
      <c r="AB38" s="312">
        <v>0</v>
      </c>
      <c r="AC38" s="313">
        <v>58775</v>
      </c>
      <c r="AD38" s="313">
        <v>0</v>
      </c>
      <c r="AE38" s="313">
        <v>89512</v>
      </c>
      <c r="AF38" s="313">
        <v>0</v>
      </c>
      <c r="AG38" s="313">
        <v>0</v>
      </c>
      <c r="AH38" s="314">
        <v>148287</v>
      </c>
      <c r="AI38" s="316">
        <v>148287</v>
      </c>
      <c r="AJ38" s="312">
        <v>0</v>
      </c>
      <c r="AK38" s="313">
        <v>0</v>
      </c>
      <c r="AL38" s="314">
        <v>0</v>
      </c>
      <c r="AM38" s="312">
        <v>0</v>
      </c>
      <c r="AN38" s="313">
        <v>0</v>
      </c>
      <c r="AO38" s="313">
        <v>0</v>
      </c>
      <c r="AP38" s="313">
        <v>0</v>
      </c>
      <c r="AQ38" s="313">
        <v>0</v>
      </c>
      <c r="AR38" s="313">
        <v>0</v>
      </c>
      <c r="AS38" s="314">
        <v>0</v>
      </c>
      <c r="AT38" s="316">
        <v>0</v>
      </c>
      <c r="AU38" s="312">
        <v>0</v>
      </c>
      <c r="AV38" s="313">
        <v>0</v>
      </c>
      <c r="AW38" s="314">
        <v>0</v>
      </c>
      <c r="AX38" s="312">
        <v>0</v>
      </c>
      <c r="AY38" s="313">
        <v>23180</v>
      </c>
      <c r="AZ38" s="313">
        <v>0</v>
      </c>
      <c r="BA38" s="313">
        <v>44424</v>
      </c>
      <c r="BB38" s="313">
        <v>0</v>
      </c>
      <c r="BC38" s="313">
        <v>0</v>
      </c>
      <c r="BD38" s="314">
        <v>67604</v>
      </c>
      <c r="BE38" s="316">
        <v>67604</v>
      </c>
      <c r="BF38" s="312">
        <v>66780</v>
      </c>
      <c r="BG38" s="313">
        <v>49466</v>
      </c>
      <c r="BH38" s="317">
        <v>116246</v>
      </c>
      <c r="BI38" s="318">
        <v>0</v>
      </c>
      <c r="BJ38" s="313">
        <v>168997</v>
      </c>
      <c r="BK38" s="313">
        <v>0</v>
      </c>
      <c r="BL38" s="313">
        <v>199654</v>
      </c>
      <c r="BM38" s="313">
        <v>0</v>
      </c>
      <c r="BN38" s="313">
        <v>0</v>
      </c>
      <c r="BO38" s="314">
        <v>368651</v>
      </c>
      <c r="BP38" s="316">
        <v>484897</v>
      </c>
      <c r="BQ38" s="312">
        <v>0</v>
      </c>
      <c r="BR38" s="313">
        <v>0</v>
      </c>
      <c r="BS38" s="314">
        <v>0</v>
      </c>
      <c r="BT38" s="312">
        <v>0</v>
      </c>
      <c r="BU38" s="313">
        <v>13072</v>
      </c>
      <c r="BV38" s="313">
        <v>0</v>
      </c>
      <c r="BW38" s="313">
        <v>8288</v>
      </c>
      <c r="BX38" s="313">
        <v>0</v>
      </c>
      <c r="BY38" s="313">
        <v>8320</v>
      </c>
      <c r="BZ38" s="314">
        <v>29680</v>
      </c>
      <c r="CA38" s="316">
        <v>29680</v>
      </c>
      <c r="CB38" s="312">
        <v>0</v>
      </c>
      <c r="CC38" s="313">
        <v>0</v>
      </c>
      <c r="CD38" s="314">
        <v>0</v>
      </c>
      <c r="CE38" s="312">
        <v>0</v>
      </c>
      <c r="CF38" s="313">
        <v>0</v>
      </c>
      <c r="CG38" s="313">
        <v>0</v>
      </c>
      <c r="CH38" s="313">
        <v>0</v>
      </c>
      <c r="CI38" s="313">
        <v>0</v>
      </c>
      <c r="CJ38" s="313">
        <v>0</v>
      </c>
      <c r="CK38" s="314">
        <v>0</v>
      </c>
      <c r="CL38" s="316">
        <v>0</v>
      </c>
      <c r="CM38" s="312">
        <v>0</v>
      </c>
      <c r="CN38" s="313">
        <v>0</v>
      </c>
      <c r="CO38" s="314">
        <v>0</v>
      </c>
      <c r="CP38" s="318">
        <v>0</v>
      </c>
      <c r="CQ38" s="313">
        <v>0</v>
      </c>
      <c r="CR38" s="313">
        <v>0</v>
      </c>
      <c r="CS38" s="313">
        <v>0</v>
      </c>
      <c r="CT38" s="313">
        <v>0</v>
      </c>
      <c r="CU38" s="313">
        <v>0</v>
      </c>
      <c r="CV38" s="314">
        <v>0</v>
      </c>
      <c r="CW38" s="316">
        <v>0</v>
      </c>
      <c r="CX38" s="312">
        <v>0</v>
      </c>
      <c r="CY38" s="313">
        <v>0</v>
      </c>
      <c r="CZ38" s="314">
        <v>0</v>
      </c>
      <c r="DA38" s="312">
        <v>0</v>
      </c>
      <c r="DB38" s="313">
        <v>0</v>
      </c>
      <c r="DC38" s="313">
        <v>0</v>
      </c>
      <c r="DD38" s="313">
        <v>0</v>
      </c>
      <c r="DE38" s="313">
        <v>0</v>
      </c>
      <c r="DF38" s="313">
        <v>0</v>
      </c>
      <c r="DG38" s="314">
        <v>0</v>
      </c>
      <c r="DH38" s="316">
        <v>0</v>
      </c>
      <c r="DI38" s="312">
        <v>0</v>
      </c>
      <c r="DJ38" s="313">
        <v>0</v>
      </c>
      <c r="DK38" s="317">
        <v>0</v>
      </c>
      <c r="DL38" s="318">
        <v>0</v>
      </c>
      <c r="DM38" s="313">
        <v>0</v>
      </c>
      <c r="DN38" s="313">
        <v>0</v>
      </c>
      <c r="DO38" s="313">
        <v>0</v>
      </c>
      <c r="DP38" s="313">
        <v>0</v>
      </c>
      <c r="DQ38" s="313">
        <v>257968</v>
      </c>
      <c r="DR38" s="314">
        <v>257968</v>
      </c>
      <c r="DS38" s="316">
        <v>257968</v>
      </c>
      <c r="DT38" s="312">
        <v>0</v>
      </c>
      <c r="DU38" s="313">
        <v>0</v>
      </c>
      <c r="DV38" s="314">
        <v>0</v>
      </c>
      <c r="DW38" s="312">
        <v>0</v>
      </c>
      <c r="DX38" s="313">
        <v>0</v>
      </c>
      <c r="DY38" s="313">
        <v>0</v>
      </c>
      <c r="DZ38" s="313">
        <v>0</v>
      </c>
      <c r="EA38" s="313">
        <v>0</v>
      </c>
      <c r="EB38" s="313">
        <v>257968</v>
      </c>
      <c r="EC38" s="314">
        <v>257968</v>
      </c>
      <c r="ED38" s="316">
        <v>257968</v>
      </c>
      <c r="EE38" s="312">
        <v>0</v>
      </c>
      <c r="EF38" s="317">
        <v>0</v>
      </c>
      <c r="EG38" s="314">
        <v>0</v>
      </c>
      <c r="EH38" s="312">
        <v>0</v>
      </c>
      <c r="EI38" s="313">
        <v>0</v>
      </c>
      <c r="EJ38" s="313">
        <v>0</v>
      </c>
      <c r="EK38" s="313">
        <v>0</v>
      </c>
      <c r="EL38" s="313">
        <v>0</v>
      </c>
      <c r="EM38" s="313">
        <v>0</v>
      </c>
      <c r="EN38" s="317">
        <v>0</v>
      </c>
      <c r="EO38" s="316">
        <v>0</v>
      </c>
      <c r="EP38" s="312">
        <v>0</v>
      </c>
      <c r="EQ38" s="313">
        <v>0</v>
      </c>
      <c r="ER38" s="317">
        <v>0</v>
      </c>
      <c r="ES38" s="318">
        <v>0</v>
      </c>
      <c r="ET38" s="313">
        <v>0</v>
      </c>
      <c r="EU38" s="313">
        <v>0</v>
      </c>
      <c r="EV38" s="313">
        <v>0</v>
      </c>
      <c r="EW38" s="313">
        <v>0</v>
      </c>
      <c r="EX38" s="313">
        <v>0</v>
      </c>
      <c r="EY38" s="314">
        <v>0</v>
      </c>
      <c r="EZ38" s="316">
        <v>0</v>
      </c>
      <c r="FA38" s="312">
        <v>0</v>
      </c>
      <c r="FB38" s="313">
        <v>0</v>
      </c>
      <c r="FC38" s="317">
        <v>0</v>
      </c>
      <c r="FD38" s="318">
        <v>0</v>
      </c>
      <c r="FE38" s="313">
        <v>0</v>
      </c>
      <c r="FF38" s="313">
        <v>0</v>
      </c>
      <c r="FG38" s="313">
        <v>0</v>
      </c>
      <c r="FH38" s="313">
        <v>0</v>
      </c>
      <c r="FI38" s="313">
        <v>0</v>
      </c>
      <c r="FJ38" s="314">
        <v>0</v>
      </c>
      <c r="FK38" s="316">
        <v>0</v>
      </c>
      <c r="FL38" s="312">
        <v>4704</v>
      </c>
      <c r="FM38" s="313">
        <v>0</v>
      </c>
      <c r="FN38" s="314">
        <v>4704</v>
      </c>
      <c r="FO38" s="312">
        <v>0</v>
      </c>
      <c r="FP38" s="313">
        <v>48880</v>
      </c>
      <c r="FQ38" s="313">
        <v>0</v>
      </c>
      <c r="FR38" s="313">
        <v>0</v>
      </c>
      <c r="FS38" s="313">
        <v>0</v>
      </c>
      <c r="FT38" s="313">
        <v>0</v>
      </c>
      <c r="FU38" s="314">
        <v>48880</v>
      </c>
      <c r="FV38" s="316">
        <v>53584</v>
      </c>
      <c r="FW38" s="319">
        <v>4704</v>
      </c>
      <c r="FX38" s="313">
        <v>0</v>
      </c>
      <c r="FY38" s="317">
        <v>4704</v>
      </c>
      <c r="FZ38" s="318">
        <v>0</v>
      </c>
      <c r="GA38" s="313">
        <v>48880</v>
      </c>
      <c r="GB38" s="313">
        <v>0</v>
      </c>
      <c r="GC38" s="313">
        <v>0</v>
      </c>
      <c r="GD38" s="313">
        <v>0</v>
      </c>
      <c r="GE38" s="313">
        <v>0</v>
      </c>
      <c r="GF38" s="314">
        <v>48880</v>
      </c>
      <c r="GG38" s="320">
        <v>53584</v>
      </c>
      <c r="GH38" s="319">
        <v>0</v>
      </c>
      <c r="GI38" s="313">
        <v>0</v>
      </c>
      <c r="GJ38" s="317">
        <v>0</v>
      </c>
      <c r="GK38" s="318">
        <v>0</v>
      </c>
      <c r="GL38" s="313">
        <v>0</v>
      </c>
      <c r="GM38" s="313">
        <v>0</v>
      </c>
      <c r="GN38" s="313">
        <v>0</v>
      </c>
      <c r="GO38" s="313">
        <v>0</v>
      </c>
      <c r="GP38" s="313">
        <v>0</v>
      </c>
      <c r="GQ38" s="314">
        <v>0</v>
      </c>
      <c r="GR38" s="316">
        <v>0</v>
      </c>
      <c r="GS38" s="312">
        <v>0</v>
      </c>
      <c r="GT38" s="313">
        <v>0</v>
      </c>
      <c r="GU38" s="314">
        <v>0</v>
      </c>
      <c r="GV38" s="312">
        <v>0</v>
      </c>
      <c r="GW38" s="313">
        <v>0</v>
      </c>
      <c r="GX38" s="313">
        <v>0</v>
      </c>
      <c r="GY38" s="313">
        <v>0</v>
      </c>
      <c r="GZ38" s="313">
        <v>0</v>
      </c>
      <c r="HA38" s="313">
        <v>0</v>
      </c>
      <c r="HB38" s="317">
        <v>0</v>
      </c>
      <c r="HC38" s="316">
        <v>0</v>
      </c>
      <c r="HD38" s="312">
        <v>0</v>
      </c>
      <c r="HE38" s="313">
        <v>0</v>
      </c>
      <c r="HF38" s="317">
        <v>0</v>
      </c>
      <c r="HG38" s="318">
        <v>0</v>
      </c>
      <c r="HH38" s="313">
        <v>0</v>
      </c>
      <c r="HI38" s="313">
        <v>0</v>
      </c>
      <c r="HJ38" s="313">
        <v>0</v>
      </c>
      <c r="HK38" s="313">
        <v>0</v>
      </c>
      <c r="HL38" s="313">
        <v>496785</v>
      </c>
      <c r="HM38" s="314">
        <v>496785</v>
      </c>
      <c r="HN38" s="315">
        <v>496785</v>
      </c>
      <c r="HO38" s="319">
        <v>0</v>
      </c>
      <c r="HP38" s="313">
        <v>0</v>
      </c>
      <c r="HQ38" s="314">
        <v>0</v>
      </c>
      <c r="HR38" s="312">
        <v>0</v>
      </c>
      <c r="HS38" s="313">
        <v>0</v>
      </c>
      <c r="HT38" s="313">
        <v>0</v>
      </c>
      <c r="HU38" s="313">
        <v>0</v>
      </c>
      <c r="HV38" s="313">
        <v>0</v>
      </c>
      <c r="HW38" s="313">
        <v>0</v>
      </c>
      <c r="HX38" s="317">
        <v>0</v>
      </c>
      <c r="HY38" s="316">
        <v>0</v>
      </c>
      <c r="HZ38" s="344">
        <v>0</v>
      </c>
      <c r="IA38" s="342">
        <v>0</v>
      </c>
      <c r="IB38" s="344">
        <v>0</v>
      </c>
      <c r="IC38" s="324">
        <v>0</v>
      </c>
      <c r="ID38" s="322">
        <v>222510</v>
      </c>
      <c r="IE38" s="325">
        <v>0</v>
      </c>
      <c r="IF38" s="323">
        <v>0</v>
      </c>
      <c r="IG38" s="322">
        <v>0</v>
      </c>
      <c r="IH38" s="323">
        <v>0</v>
      </c>
      <c r="II38" s="326">
        <v>222510</v>
      </c>
      <c r="IJ38" s="344">
        <v>222510</v>
      </c>
      <c r="IK38" s="328">
        <v>0</v>
      </c>
      <c r="IL38" s="329">
        <v>0</v>
      </c>
      <c r="IM38" s="330">
        <v>0</v>
      </c>
      <c r="IN38" s="390">
        <v>0</v>
      </c>
      <c r="IO38" s="331">
        <v>0</v>
      </c>
      <c r="IP38" s="331">
        <v>0</v>
      </c>
      <c r="IQ38" s="331">
        <v>0</v>
      </c>
      <c r="IR38" s="331">
        <v>0</v>
      </c>
      <c r="IS38" s="331">
        <v>0</v>
      </c>
      <c r="IT38" s="332">
        <v>0</v>
      </c>
      <c r="IU38" s="333">
        <v>0</v>
      </c>
      <c r="IV38" s="334">
        <v>0</v>
      </c>
      <c r="IW38" s="331">
        <v>0</v>
      </c>
      <c r="IX38" s="335">
        <v>0</v>
      </c>
      <c r="IY38" s="390">
        <v>0</v>
      </c>
      <c r="IZ38" s="331">
        <v>0</v>
      </c>
      <c r="JA38" s="331">
        <v>0</v>
      </c>
      <c r="JB38" s="331">
        <v>0</v>
      </c>
      <c r="JC38" s="331">
        <v>0</v>
      </c>
      <c r="JD38" s="331">
        <v>0</v>
      </c>
      <c r="JE38" s="335">
        <v>0</v>
      </c>
      <c r="JF38" s="336">
        <v>0</v>
      </c>
      <c r="JG38" s="334">
        <v>0</v>
      </c>
      <c r="JH38" s="331">
        <v>0</v>
      </c>
      <c r="JI38" s="332">
        <v>0</v>
      </c>
      <c r="JJ38" s="337">
        <v>0</v>
      </c>
      <c r="JK38" s="331">
        <v>222510</v>
      </c>
      <c r="JL38" s="331">
        <v>0</v>
      </c>
      <c r="JM38" s="331">
        <v>0</v>
      </c>
      <c r="JN38" s="331">
        <v>0</v>
      </c>
      <c r="JO38" s="331">
        <v>0</v>
      </c>
      <c r="JP38" s="335">
        <v>222510</v>
      </c>
      <c r="JQ38" s="333">
        <v>222510</v>
      </c>
      <c r="JR38" s="334">
        <v>0</v>
      </c>
      <c r="JS38" s="331">
        <v>0</v>
      </c>
      <c r="JT38" s="332">
        <v>0</v>
      </c>
      <c r="JU38" s="337">
        <v>0</v>
      </c>
      <c r="JV38" s="331">
        <v>0</v>
      </c>
      <c r="JW38" s="331">
        <v>0</v>
      </c>
      <c r="JX38" s="331">
        <v>0</v>
      </c>
      <c r="JY38" s="331">
        <v>0</v>
      </c>
      <c r="JZ38" s="331">
        <v>0</v>
      </c>
      <c r="KA38" s="335">
        <v>0</v>
      </c>
      <c r="KB38" s="333">
        <v>0</v>
      </c>
      <c r="KC38" s="338">
        <v>0</v>
      </c>
      <c r="KD38" s="339">
        <v>0</v>
      </c>
      <c r="KE38" s="335">
        <v>0</v>
      </c>
      <c r="KF38" s="337">
        <v>0</v>
      </c>
      <c r="KG38" s="331">
        <v>0</v>
      </c>
      <c r="KH38" s="331">
        <v>0</v>
      </c>
      <c r="KI38" s="331">
        <v>0</v>
      </c>
      <c r="KJ38" s="331">
        <v>0</v>
      </c>
      <c r="KK38" s="331">
        <v>0</v>
      </c>
      <c r="KL38" s="335">
        <v>0</v>
      </c>
      <c r="KM38" s="340">
        <v>0</v>
      </c>
      <c r="KN38" s="328">
        <v>0</v>
      </c>
      <c r="KO38" s="329">
        <v>0</v>
      </c>
      <c r="KP38" s="330">
        <v>0</v>
      </c>
      <c r="KQ38" s="390">
        <v>0</v>
      </c>
      <c r="KR38" s="331">
        <v>0</v>
      </c>
      <c r="KS38" s="331">
        <v>0</v>
      </c>
      <c r="KT38" s="331">
        <v>0</v>
      </c>
      <c r="KU38" s="331">
        <v>0</v>
      </c>
      <c r="KV38" s="331">
        <v>0</v>
      </c>
      <c r="KW38" s="335">
        <v>0</v>
      </c>
      <c r="KX38" s="333">
        <v>0</v>
      </c>
      <c r="KY38" s="334">
        <v>0</v>
      </c>
      <c r="KZ38" s="331">
        <v>0</v>
      </c>
      <c r="LA38" s="335">
        <v>0</v>
      </c>
      <c r="LB38" s="390">
        <v>0</v>
      </c>
      <c r="LC38" s="331">
        <v>0</v>
      </c>
      <c r="LD38" s="331">
        <v>0</v>
      </c>
      <c r="LE38" s="331">
        <v>0</v>
      </c>
      <c r="LF38" s="331">
        <v>0</v>
      </c>
      <c r="LG38" s="331">
        <v>0</v>
      </c>
      <c r="LH38" s="335">
        <v>0</v>
      </c>
      <c r="LI38" s="336">
        <v>0</v>
      </c>
      <c r="LJ38" s="334">
        <v>0</v>
      </c>
      <c r="LK38" s="331">
        <v>0</v>
      </c>
      <c r="LL38" s="335">
        <v>0</v>
      </c>
      <c r="LM38" s="390">
        <v>0</v>
      </c>
      <c r="LN38" s="331">
        <v>0</v>
      </c>
      <c r="LO38" s="331">
        <v>0</v>
      </c>
      <c r="LP38" s="331">
        <v>0</v>
      </c>
      <c r="LQ38" s="331">
        <v>0</v>
      </c>
      <c r="LR38" s="331">
        <v>0</v>
      </c>
      <c r="LS38" s="335">
        <v>0</v>
      </c>
      <c r="LT38" s="333">
        <v>0</v>
      </c>
      <c r="LU38" s="334">
        <v>0</v>
      </c>
      <c r="LV38" s="331">
        <v>0</v>
      </c>
      <c r="LW38" s="335">
        <v>0</v>
      </c>
      <c r="LX38" s="390">
        <v>0</v>
      </c>
      <c r="LY38" s="331">
        <v>0</v>
      </c>
      <c r="LZ38" s="331">
        <v>0</v>
      </c>
      <c r="MA38" s="331">
        <v>0</v>
      </c>
      <c r="MB38" s="331">
        <v>0</v>
      </c>
      <c r="MC38" s="331">
        <v>0</v>
      </c>
      <c r="MD38" s="335">
        <v>0</v>
      </c>
      <c r="ME38" s="336">
        <v>0</v>
      </c>
      <c r="MF38" s="334">
        <v>0</v>
      </c>
      <c r="MG38" s="331">
        <v>0</v>
      </c>
      <c r="MH38" s="335">
        <v>0</v>
      </c>
      <c r="MI38" s="390">
        <v>0</v>
      </c>
      <c r="MJ38" s="331">
        <v>0</v>
      </c>
      <c r="MK38" s="331">
        <v>0</v>
      </c>
      <c r="ML38" s="331">
        <v>356460</v>
      </c>
      <c r="MM38" s="331">
        <v>224669</v>
      </c>
      <c r="MN38" s="331">
        <v>0</v>
      </c>
      <c r="MO38" s="335">
        <v>581129</v>
      </c>
      <c r="MP38" s="340">
        <v>581129</v>
      </c>
      <c r="MQ38" s="334">
        <v>0</v>
      </c>
      <c r="MR38" s="331">
        <v>0</v>
      </c>
      <c r="MS38" s="335">
        <v>0</v>
      </c>
      <c r="MT38" s="390">
        <v>0</v>
      </c>
      <c r="MU38" s="331">
        <v>0</v>
      </c>
      <c r="MV38" s="331">
        <v>0</v>
      </c>
      <c r="MW38" s="331">
        <v>0</v>
      </c>
      <c r="MX38" s="331">
        <v>224669</v>
      </c>
      <c r="MY38" s="331">
        <v>0</v>
      </c>
      <c r="MZ38" s="335">
        <v>224669</v>
      </c>
      <c r="NA38" s="340">
        <v>224669</v>
      </c>
      <c r="NB38" s="334">
        <v>0</v>
      </c>
      <c r="NC38" s="331">
        <v>0</v>
      </c>
      <c r="ND38" s="335">
        <v>0</v>
      </c>
      <c r="NE38" s="390">
        <v>0</v>
      </c>
      <c r="NF38" s="331">
        <v>0</v>
      </c>
      <c r="NG38" s="331">
        <v>0</v>
      </c>
      <c r="NH38" s="331">
        <v>0</v>
      </c>
      <c r="NI38" s="331">
        <v>0</v>
      </c>
      <c r="NJ38" s="331">
        <v>0</v>
      </c>
      <c r="NK38" s="335">
        <v>0</v>
      </c>
      <c r="NL38" s="333">
        <v>0</v>
      </c>
      <c r="NM38" s="334">
        <v>0</v>
      </c>
      <c r="NN38" s="331">
        <v>0</v>
      </c>
      <c r="NO38" s="335">
        <v>0</v>
      </c>
      <c r="NP38" s="390">
        <v>0</v>
      </c>
      <c r="NQ38" s="331">
        <v>0</v>
      </c>
      <c r="NR38" s="331">
        <v>0</v>
      </c>
      <c r="NS38" s="331">
        <v>0</v>
      </c>
      <c r="NT38" s="331">
        <v>0</v>
      </c>
      <c r="NU38" s="331">
        <v>0</v>
      </c>
      <c r="NV38" s="335">
        <v>0</v>
      </c>
      <c r="NW38" s="336">
        <v>0</v>
      </c>
      <c r="NX38" s="334">
        <v>0</v>
      </c>
      <c r="NY38" s="331">
        <v>0</v>
      </c>
      <c r="NZ38" s="335">
        <v>0</v>
      </c>
      <c r="OA38" s="390">
        <v>0</v>
      </c>
      <c r="OB38" s="331">
        <v>0</v>
      </c>
      <c r="OC38" s="331">
        <v>0</v>
      </c>
      <c r="OD38" s="331">
        <v>356460</v>
      </c>
      <c r="OE38" s="331">
        <v>0</v>
      </c>
      <c r="OF38" s="331">
        <v>0</v>
      </c>
      <c r="OG38" s="335">
        <v>356460</v>
      </c>
      <c r="OH38" s="336">
        <v>356460</v>
      </c>
      <c r="OI38" s="334">
        <v>71484</v>
      </c>
      <c r="OJ38" s="331">
        <v>49466</v>
      </c>
      <c r="OK38" s="332">
        <v>120950</v>
      </c>
      <c r="OL38" s="337">
        <v>0</v>
      </c>
      <c r="OM38" s="331">
        <v>535414</v>
      </c>
      <c r="ON38" s="331">
        <v>0</v>
      </c>
      <c r="OO38" s="331">
        <v>698338</v>
      </c>
      <c r="OP38" s="331">
        <v>224669</v>
      </c>
      <c r="OQ38" s="331">
        <v>763073</v>
      </c>
      <c r="OR38" s="335">
        <v>2221494</v>
      </c>
      <c r="OS38" s="340">
        <v>2342444</v>
      </c>
    </row>
    <row r="39" spans="2:409" s="56" customFormat="1" ht="21" customHeight="1" x14ac:dyDescent="0.2">
      <c r="B39" s="396" t="s">
        <v>34</v>
      </c>
      <c r="C39" s="312">
        <v>0</v>
      </c>
      <c r="D39" s="313">
        <v>0</v>
      </c>
      <c r="E39" s="354">
        <v>0</v>
      </c>
      <c r="F39" s="356">
        <v>0</v>
      </c>
      <c r="G39" s="355">
        <v>76616</v>
      </c>
      <c r="H39" s="355">
        <v>469726</v>
      </c>
      <c r="I39" s="355">
        <v>86704</v>
      </c>
      <c r="J39" s="355">
        <v>225008</v>
      </c>
      <c r="K39" s="355">
        <v>159872</v>
      </c>
      <c r="L39" s="356">
        <v>1017926</v>
      </c>
      <c r="M39" s="316">
        <v>1017926</v>
      </c>
      <c r="N39" s="312">
        <v>0</v>
      </c>
      <c r="O39" s="313">
        <v>0</v>
      </c>
      <c r="P39" s="314">
        <v>0</v>
      </c>
      <c r="Q39" s="312">
        <v>0</v>
      </c>
      <c r="R39" s="313">
        <v>41288</v>
      </c>
      <c r="S39" s="313">
        <v>141022</v>
      </c>
      <c r="T39" s="313">
        <v>8360</v>
      </c>
      <c r="U39" s="313">
        <v>23768</v>
      </c>
      <c r="V39" s="313">
        <v>145664</v>
      </c>
      <c r="W39" s="314">
        <v>360102</v>
      </c>
      <c r="X39" s="316">
        <v>360102</v>
      </c>
      <c r="Y39" s="312">
        <v>0</v>
      </c>
      <c r="Z39" s="313">
        <v>0</v>
      </c>
      <c r="AA39" s="314">
        <v>0</v>
      </c>
      <c r="AB39" s="312">
        <v>0</v>
      </c>
      <c r="AC39" s="313">
        <v>0</v>
      </c>
      <c r="AD39" s="313">
        <v>0</v>
      </c>
      <c r="AE39" s="313">
        <v>0</v>
      </c>
      <c r="AF39" s="313">
        <v>0</v>
      </c>
      <c r="AG39" s="313">
        <v>0</v>
      </c>
      <c r="AH39" s="314">
        <v>0</v>
      </c>
      <c r="AI39" s="316">
        <v>0</v>
      </c>
      <c r="AJ39" s="312">
        <v>0</v>
      </c>
      <c r="AK39" s="313">
        <v>0</v>
      </c>
      <c r="AL39" s="314">
        <v>0</v>
      </c>
      <c r="AM39" s="312">
        <v>0</v>
      </c>
      <c r="AN39" s="313">
        <v>0</v>
      </c>
      <c r="AO39" s="313">
        <v>0</v>
      </c>
      <c r="AP39" s="313">
        <v>0</v>
      </c>
      <c r="AQ39" s="313">
        <v>0</v>
      </c>
      <c r="AR39" s="313">
        <v>0</v>
      </c>
      <c r="AS39" s="314">
        <v>0</v>
      </c>
      <c r="AT39" s="316">
        <v>0</v>
      </c>
      <c r="AU39" s="312">
        <v>0</v>
      </c>
      <c r="AV39" s="313">
        <v>0</v>
      </c>
      <c r="AW39" s="314">
        <v>0</v>
      </c>
      <c r="AX39" s="312">
        <v>0</v>
      </c>
      <c r="AY39" s="313">
        <v>32928</v>
      </c>
      <c r="AZ39" s="313">
        <v>110870</v>
      </c>
      <c r="BA39" s="313">
        <v>0</v>
      </c>
      <c r="BB39" s="313">
        <v>0</v>
      </c>
      <c r="BC39" s="313">
        <v>94800</v>
      </c>
      <c r="BD39" s="314">
        <v>238598</v>
      </c>
      <c r="BE39" s="316">
        <v>238598</v>
      </c>
      <c r="BF39" s="312">
        <v>0</v>
      </c>
      <c r="BG39" s="313">
        <v>0</v>
      </c>
      <c r="BH39" s="317">
        <v>0</v>
      </c>
      <c r="BI39" s="318">
        <v>0</v>
      </c>
      <c r="BJ39" s="313">
        <v>0</v>
      </c>
      <c r="BK39" s="313">
        <v>0</v>
      </c>
      <c r="BL39" s="313">
        <v>0</v>
      </c>
      <c r="BM39" s="313">
        <v>0</v>
      </c>
      <c r="BN39" s="313">
        <v>40192</v>
      </c>
      <c r="BO39" s="314">
        <v>40192</v>
      </c>
      <c r="BP39" s="316">
        <v>40192</v>
      </c>
      <c r="BQ39" s="312">
        <v>0</v>
      </c>
      <c r="BR39" s="313">
        <v>0</v>
      </c>
      <c r="BS39" s="314">
        <v>0</v>
      </c>
      <c r="BT39" s="312">
        <v>0</v>
      </c>
      <c r="BU39" s="313">
        <v>8360</v>
      </c>
      <c r="BV39" s="313">
        <v>30152</v>
      </c>
      <c r="BW39" s="313">
        <v>8360</v>
      </c>
      <c r="BX39" s="313">
        <v>23768</v>
      </c>
      <c r="BY39" s="313">
        <v>10672</v>
      </c>
      <c r="BZ39" s="314">
        <v>81312</v>
      </c>
      <c r="CA39" s="316">
        <v>81312</v>
      </c>
      <c r="CB39" s="312">
        <v>0</v>
      </c>
      <c r="CC39" s="313">
        <v>0</v>
      </c>
      <c r="CD39" s="314">
        <v>0</v>
      </c>
      <c r="CE39" s="312">
        <v>0</v>
      </c>
      <c r="CF39" s="313">
        <v>26128</v>
      </c>
      <c r="CG39" s="313">
        <v>85768</v>
      </c>
      <c r="CH39" s="313">
        <v>66184</v>
      </c>
      <c r="CI39" s="313">
        <v>0</v>
      </c>
      <c r="CJ39" s="313">
        <v>0</v>
      </c>
      <c r="CK39" s="314">
        <v>178080</v>
      </c>
      <c r="CL39" s="316">
        <v>178080</v>
      </c>
      <c r="CM39" s="312">
        <v>0</v>
      </c>
      <c r="CN39" s="313">
        <v>0</v>
      </c>
      <c r="CO39" s="314">
        <v>0</v>
      </c>
      <c r="CP39" s="318">
        <v>0</v>
      </c>
      <c r="CQ39" s="313">
        <v>26128</v>
      </c>
      <c r="CR39" s="313">
        <v>85768</v>
      </c>
      <c r="CS39" s="313">
        <v>66184</v>
      </c>
      <c r="CT39" s="313">
        <v>0</v>
      </c>
      <c r="CU39" s="313">
        <v>0</v>
      </c>
      <c r="CV39" s="314">
        <v>178080</v>
      </c>
      <c r="CW39" s="316">
        <v>178080</v>
      </c>
      <c r="CX39" s="312">
        <v>0</v>
      </c>
      <c r="CY39" s="313">
        <v>0</v>
      </c>
      <c r="CZ39" s="314">
        <v>0</v>
      </c>
      <c r="DA39" s="312">
        <v>0</v>
      </c>
      <c r="DB39" s="313">
        <v>0</v>
      </c>
      <c r="DC39" s="313">
        <v>0</v>
      </c>
      <c r="DD39" s="313">
        <v>0</v>
      </c>
      <c r="DE39" s="313">
        <v>0</v>
      </c>
      <c r="DF39" s="313">
        <v>0</v>
      </c>
      <c r="DG39" s="314">
        <v>0</v>
      </c>
      <c r="DH39" s="316">
        <v>0</v>
      </c>
      <c r="DI39" s="312">
        <v>0</v>
      </c>
      <c r="DJ39" s="313">
        <v>0</v>
      </c>
      <c r="DK39" s="317">
        <v>0</v>
      </c>
      <c r="DL39" s="318">
        <v>0</v>
      </c>
      <c r="DM39" s="313">
        <v>0</v>
      </c>
      <c r="DN39" s="313">
        <v>0</v>
      </c>
      <c r="DO39" s="313">
        <v>0</v>
      </c>
      <c r="DP39" s="313">
        <v>0</v>
      </c>
      <c r="DQ39" s="313">
        <v>0</v>
      </c>
      <c r="DR39" s="314">
        <v>0</v>
      </c>
      <c r="DS39" s="316">
        <v>0</v>
      </c>
      <c r="DT39" s="312">
        <v>0</v>
      </c>
      <c r="DU39" s="313">
        <v>0</v>
      </c>
      <c r="DV39" s="314">
        <v>0</v>
      </c>
      <c r="DW39" s="312">
        <v>0</v>
      </c>
      <c r="DX39" s="313">
        <v>0</v>
      </c>
      <c r="DY39" s="313">
        <v>0</v>
      </c>
      <c r="DZ39" s="313">
        <v>0</v>
      </c>
      <c r="EA39" s="313">
        <v>0</v>
      </c>
      <c r="EB39" s="313">
        <v>0</v>
      </c>
      <c r="EC39" s="314">
        <v>0</v>
      </c>
      <c r="ED39" s="316">
        <v>0</v>
      </c>
      <c r="EE39" s="312">
        <v>0</v>
      </c>
      <c r="EF39" s="317">
        <v>0</v>
      </c>
      <c r="EG39" s="314">
        <v>0</v>
      </c>
      <c r="EH39" s="312">
        <v>0</v>
      </c>
      <c r="EI39" s="313">
        <v>0</v>
      </c>
      <c r="EJ39" s="313">
        <v>0</v>
      </c>
      <c r="EK39" s="313">
        <v>0</v>
      </c>
      <c r="EL39" s="313">
        <v>0</v>
      </c>
      <c r="EM39" s="313">
        <v>0</v>
      </c>
      <c r="EN39" s="317">
        <v>0</v>
      </c>
      <c r="EO39" s="316">
        <v>0</v>
      </c>
      <c r="EP39" s="312">
        <v>0</v>
      </c>
      <c r="EQ39" s="313">
        <v>0</v>
      </c>
      <c r="ER39" s="317">
        <v>0</v>
      </c>
      <c r="ES39" s="318">
        <v>0</v>
      </c>
      <c r="ET39" s="313">
        <v>0</v>
      </c>
      <c r="EU39" s="313">
        <v>0</v>
      </c>
      <c r="EV39" s="313">
        <v>0</v>
      </c>
      <c r="EW39" s="313">
        <v>0</v>
      </c>
      <c r="EX39" s="313">
        <v>0</v>
      </c>
      <c r="EY39" s="314">
        <v>0</v>
      </c>
      <c r="EZ39" s="316">
        <v>0</v>
      </c>
      <c r="FA39" s="312">
        <v>0</v>
      </c>
      <c r="FB39" s="313">
        <v>0</v>
      </c>
      <c r="FC39" s="317">
        <v>0</v>
      </c>
      <c r="FD39" s="318">
        <v>0</v>
      </c>
      <c r="FE39" s="313">
        <v>0</v>
      </c>
      <c r="FF39" s="313">
        <v>0</v>
      </c>
      <c r="FG39" s="313">
        <v>0</v>
      </c>
      <c r="FH39" s="313">
        <v>0</v>
      </c>
      <c r="FI39" s="313">
        <v>0</v>
      </c>
      <c r="FJ39" s="314">
        <v>0</v>
      </c>
      <c r="FK39" s="316">
        <v>0</v>
      </c>
      <c r="FL39" s="312">
        <v>0</v>
      </c>
      <c r="FM39" s="313">
        <v>0</v>
      </c>
      <c r="FN39" s="314">
        <v>0</v>
      </c>
      <c r="FO39" s="312">
        <v>0</v>
      </c>
      <c r="FP39" s="313">
        <v>9200</v>
      </c>
      <c r="FQ39" s="313">
        <v>77600</v>
      </c>
      <c r="FR39" s="313">
        <v>12160</v>
      </c>
      <c r="FS39" s="313">
        <v>0</v>
      </c>
      <c r="FT39" s="313">
        <v>14208</v>
      </c>
      <c r="FU39" s="314">
        <v>113168</v>
      </c>
      <c r="FV39" s="316">
        <v>113168</v>
      </c>
      <c r="FW39" s="319">
        <v>0</v>
      </c>
      <c r="FX39" s="313">
        <v>0</v>
      </c>
      <c r="FY39" s="317">
        <v>0</v>
      </c>
      <c r="FZ39" s="318">
        <v>0</v>
      </c>
      <c r="GA39" s="313">
        <v>9200</v>
      </c>
      <c r="GB39" s="313">
        <v>77600</v>
      </c>
      <c r="GC39" s="313">
        <v>12160</v>
      </c>
      <c r="GD39" s="313">
        <v>0</v>
      </c>
      <c r="GE39" s="313">
        <v>14208</v>
      </c>
      <c r="GF39" s="314">
        <v>113168</v>
      </c>
      <c r="GG39" s="320">
        <v>113168</v>
      </c>
      <c r="GH39" s="319">
        <v>0</v>
      </c>
      <c r="GI39" s="313">
        <v>0</v>
      </c>
      <c r="GJ39" s="317">
        <v>0</v>
      </c>
      <c r="GK39" s="318">
        <v>0</v>
      </c>
      <c r="GL39" s="313">
        <v>0</v>
      </c>
      <c r="GM39" s="313">
        <v>0</v>
      </c>
      <c r="GN39" s="313">
        <v>0</v>
      </c>
      <c r="GO39" s="313">
        <v>0</v>
      </c>
      <c r="GP39" s="313">
        <v>0</v>
      </c>
      <c r="GQ39" s="314">
        <v>0</v>
      </c>
      <c r="GR39" s="316">
        <v>0</v>
      </c>
      <c r="GS39" s="312">
        <v>0</v>
      </c>
      <c r="GT39" s="313">
        <v>0</v>
      </c>
      <c r="GU39" s="314">
        <v>0</v>
      </c>
      <c r="GV39" s="312">
        <v>0</v>
      </c>
      <c r="GW39" s="313">
        <v>0</v>
      </c>
      <c r="GX39" s="313">
        <v>0</v>
      </c>
      <c r="GY39" s="313">
        <v>0</v>
      </c>
      <c r="GZ39" s="313">
        <v>0</v>
      </c>
      <c r="HA39" s="313">
        <v>0</v>
      </c>
      <c r="HB39" s="317">
        <v>0</v>
      </c>
      <c r="HC39" s="316">
        <v>0</v>
      </c>
      <c r="HD39" s="312">
        <v>0</v>
      </c>
      <c r="HE39" s="313">
        <v>0</v>
      </c>
      <c r="HF39" s="317">
        <v>0</v>
      </c>
      <c r="HG39" s="318">
        <v>0</v>
      </c>
      <c r="HH39" s="313">
        <v>0</v>
      </c>
      <c r="HI39" s="313">
        <v>165336</v>
      </c>
      <c r="HJ39" s="313">
        <v>0</v>
      </c>
      <c r="HK39" s="313">
        <v>201240</v>
      </c>
      <c r="HL39" s="313">
        <v>0</v>
      </c>
      <c r="HM39" s="314">
        <v>366576</v>
      </c>
      <c r="HN39" s="315">
        <v>366576</v>
      </c>
      <c r="HO39" s="319">
        <v>0</v>
      </c>
      <c r="HP39" s="313">
        <v>0</v>
      </c>
      <c r="HQ39" s="314">
        <v>0</v>
      </c>
      <c r="HR39" s="312">
        <v>0</v>
      </c>
      <c r="HS39" s="313">
        <v>0</v>
      </c>
      <c r="HT39" s="313">
        <v>0</v>
      </c>
      <c r="HU39" s="313">
        <v>0</v>
      </c>
      <c r="HV39" s="313">
        <v>0</v>
      </c>
      <c r="HW39" s="313">
        <v>0</v>
      </c>
      <c r="HX39" s="317">
        <v>0</v>
      </c>
      <c r="HY39" s="316">
        <v>0</v>
      </c>
      <c r="HZ39" s="321">
        <v>0</v>
      </c>
      <c r="IA39" s="322">
        <v>0</v>
      </c>
      <c r="IB39" s="323">
        <v>0</v>
      </c>
      <c r="IC39" s="324">
        <v>0</v>
      </c>
      <c r="ID39" s="322">
        <v>404272</v>
      </c>
      <c r="IE39" s="325">
        <v>324240</v>
      </c>
      <c r="IF39" s="323">
        <v>249456</v>
      </c>
      <c r="IG39" s="322">
        <v>0</v>
      </c>
      <c r="IH39" s="323">
        <v>0</v>
      </c>
      <c r="II39" s="326">
        <v>977968</v>
      </c>
      <c r="IJ39" s="327">
        <v>977968</v>
      </c>
      <c r="IK39" s="328">
        <v>0</v>
      </c>
      <c r="IL39" s="329">
        <v>0</v>
      </c>
      <c r="IM39" s="330">
        <v>0</v>
      </c>
      <c r="IN39" s="390">
        <v>0</v>
      </c>
      <c r="IO39" s="331">
        <v>0</v>
      </c>
      <c r="IP39" s="331">
        <v>0</v>
      </c>
      <c r="IQ39" s="331">
        <v>0</v>
      </c>
      <c r="IR39" s="331">
        <v>0</v>
      </c>
      <c r="IS39" s="331">
        <v>0</v>
      </c>
      <c r="IT39" s="332">
        <v>0</v>
      </c>
      <c r="IU39" s="333">
        <v>0</v>
      </c>
      <c r="IV39" s="334">
        <v>0</v>
      </c>
      <c r="IW39" s="331">
        <v>0</v>
      </c>
      <c r="IX39" s="335">
        <v>0</v>
      </c>
      <c r="IY39" s="390">
        <v>0</v>
      </c>
      <c r="IZ39" s="331">
        <v>0</v>
      </c>
      <c r="JA39" s="331">
        <v>0</v>
      </c>
      <c r="JB39" s="331">
        <v>0</v>
      </c>
      <c r="JC39" s="331">
        <v>0</v>
      </c>
      <c r="JD39" s="331">
        <v>0</v>
      </c>
      <c r="JE39" s="335">
        <v>0</v>
      </c>
      <c r="JF39" s="336">
        <v>0</v>
      </c>
      <c r="JG39" s="334">
        <v>0</v>
      </c>
      <c r="JH39" s="331">
        <v>0</v>
      </c>
      <c r="JI39" s="332">
        <v>0</v>
      </c>
      <c r="JJ39" s="337">
        <v>0</v>
      </c>
      <c r="JK39" s="331">
        <v>115400</v>
      </c>
      <c r="JL39" s="331">
        <v>156192</v>
      </c>
      <c r="JM39" s="331">
        <v>0</v>
      </c>
      <c r="JN39" s="331">
        <v>0</v>
      </c>
      <c r="JO39" s="331">
        <v>0</v>
      </c>
      <c r="JP39" s="335">
        <v>271592</v>
      </c>
      <c r="JQ39" s="333">
        <v>271592</v>
      </c>
      <c r="JR39" s="334">
        <v>0</v>
      </c>
      <c r="JS39" s="331">
        <v>0</v>
      </c>
      <c r="JT39" s="332">
        <v>0</v>
      </c>
      <c r="JU39" s="337">
        <v>0</v>
      </c>
      <c r="JV39" s="331">
        <v>0</v>
      </c>
      <c r="JW39" s="331">
        <v>0</v>
      </c>
      <c r="JX39" s="331">
        <v>0</v>
      </c>
      <c r="JY39" s="331">
        <v>0</v>
      </c>
      <c r="JZ39" s="331">
        <v>0</v>
      </c>
      <c r="KA39" s="335">
        <v>0</v>
      </c>
      <c r="KB39" s="333">
        <v>0</v>
      </c>
      <c r="KC39" s="338">
        <v>0</v>
      </c>
      <c r="KD39" s="339">
        <v>0</v>
      </c>
      <c r="KE39" s="335">
        <v>0</v>
      </c>
      <c r="KF39" s="337">
        <v>0</v>
      </c>
      <c r="KG39" s="331">
        <v>102464</v>
      </c>
      <c r="KH39" s="331">
        <v>168048</v>
      </c>
      <c r="KI39" s="331">
        <v>0</v>
      </c>
      <c r="KJ39" s="331">
        <v>0</v>
      </c>
      <c r="KK39" s="331">
        <v>0</v>
      </c>
      <c r="KL39" s="335">
        <v>270512</v>
      </c>
      <c r="KM39" s="340">
        <v>270512</v>
      </c>
      <c r="KN39" s="328">
        <v>0</v>
      </c>
      <c r="KO39" s="329">
        <v>0</v>
      </c>
      <c r="KP39" s="330">
        <v>0</v>
      </c>
      <c r="KQ39" s="390">
        <v>0</v>
      </c>
      <c r="KR39" s="331">
        <v>186408</v>
      </c>
      <c r="KS39" s="331">
        <v>0</v>
      </c>
      <c r="KT39" s="331">
        <v>249456</v>
      </c>
      <c r="KU39" s="331">
        <v>0</v>
      </c>
      <c r="KV39" s="331">
        <v>0</v>
      </c>
      <c r="KW39" s="335">
        <v>435864</v>
      </c>
      <c r="KX39" s="333">
        <v>435864</v>
      </c>
      <c r="KY39" s="334">
        <v>0</v>
      </c>
      <c r="KZ39" s="331">
        <v>0</v>
      </c>
      <c r="LA39" s="335">
        <v>0</v>
      </c>
      <c r="LB39" s="390">
        <v>0</v>
      </c>
      <c r="LC39" s="331">
        <v>0</v>
      </c>
      <c r="LD39" s="331">
        <v>0</v>
      </c>
      <c r="LE39" s="331">
        <v>0</v>
      </c>
      <c r="LF39" s="331">
        <v>0</v>
      </c>
      <c r="LG39" s="331">
        <v>0</v>
      </c>
      <c r="LH39" s="335">
        <v>0</v>
      </c>
      <c r="LI39" s="336">
        <v>0</v>
      </c>
      <c r="LJ39" s="334">
        <v>0</v>
      </c>
      <c r="LK39" s="331">
        <v>0</v>
      </c>
      <c r="LL39" s="335">
        <v>0</v>
      </c>
      <c r="LM39" s="390">
        <v>0</v>
      </c>
      <c r="LN39" s="331">
        <v>0</v>
      </c>
      <c r="LO39" s="331">
        <v>0</v>
      </c>
      <c r="LP39" s="331">
        <v>0</v>
      </c>
      <c r="LQ39" s="331">
        <v>0</v>
      </c>
      <c r="LR39" s="331">
        <v>0</v>
      </c>
      <c r="LS39" s="335">
        <v>0</v>
      </c>
      <c r="LT39" s="333">
        <v>0</v>
      </c>
      <c r="LU39" s="334">
        <v>0</v>
      </c>
      <c r="LV39" s="331">
        <v>0</v>
      </c>
      <c r="LW39" s="335">
        <v>0</v>
      </c>
      <c r="LX39" s="390">
        <v>0</v>
      </c>
      <c r="LY39" s="331">
        <v>0</v>
      </c>
      <c r="LZ39" s="331">
        <v>0</v>
      </c>
      <c r="MA39" s="331">
        <v>0</v>
      </c>
      <c r="MB39" s="331">
        <v>0</v>
      </c>
      <c r="MC39" s="331">
        <v>0</v>
      </c>
      <c r="MD39" s="335">
        <v>0</v>
      </c>
      <c r="ME39" s="336">
        <v>0</v>
      </c>
      <c r="MF39" s="334">
        <v>0</v>
      </c>
      <c r="MG39" s="331">
        <v>0</v>
      </c>
      <c r="MH39" s="335">
        <v>0</v>
      </c>
      <c r="MI39" s="390">
        <v>0</v>
      </c>
      <c r="MJ39" s="331">
        <v>0</v>
      </c>
      <c r="MK39" s="331">
        <v>0</v>
      </c>
      <c r="ML39" s="331">
        <v>253160</v>
      </c>
      <c r="MM39" s="331">
        <v>238944</v>
      </c>
      <c r="MN39" s="331">
        <v>0</v>
      </c>
      <c r="MO39" s="335">
        <v>492104</v>
      </c>
      <c r="MP39" s="340">
        <v>492104</v>
      </c>
      <c r="MQ39" s="334">
        <v>0</v>
      </c>
      <c r="MR39" s="331">
        <v>0</v>
      </c>
      <c r="MS39" s="335">
        <v>0</v>
      </c>
      <c r="MT39" s="390">
        <v>0</v>
      </c>
      <c r="MU39" s="331">
        <v>0</v>
      </c>
      <c r="MV39" s="331">
        <v>0</v>
      </c>
      <c r="MW39" s="331">
        <v>0</v>
      </c>
      <c r="MX39" s="331">
        <v>238944</v>
      </c>
      <c r="MY39" s="331">
        <v>0</v>
      </c>
      <c r="MZ39" s="335">
        <v>238944</v>
      </c>
      <c r="NA39" s="340">
        <v>238944</v>
      </c>
      <c r="NB39" s="334">
        <v>0</v>
      </c>
      <c r="NC39" s="331">
        <v>0</v>
      </c>
      <c r="ND39" s="335">
        <v>0</v>
      </c>
      <c r="NE39" s="390">
        <v>0</v>
      </c>
      <c r="NF39" s="331">
        <v>0</v>
      </c>
      <c r="NG39" s="331">
        <v>0</v>
      </c>
      <c r="NH39" s="331">
        <v>253160</v>
      </c>
      <c r="NI39" s="331">
        <v>0</v>
      </c>
      <c r="NJ39" s="331">
        <v>0</v>
      </c>
      <c r="NK39" s="335">
        <v>253160</v>
      </c>
      <c r="NL39" s="333">
        <v>253160</v>
      </c>
      <c r="NM39" s="334">
        <v>0</v>
      </c>
      <c r="NN39" s="331">
        <v>0</v>
      </c>
      <c r="NO39" s="335">
        <v>0</v>
      </c>
      <c r="NP39" s="390">
        <v>0</v>
      </c>
      <c r="NQ39" s="331">
        <v>0</v>
      </c>
      <c r="NR39" s="331">
        <v>0</v>
      </c>
      <c r="NS39" s="331">
        <v>0</v>
      </c>
      <c r="NT39" s="331">
        <v>0</v>
      </c>
      <c r="NU39" s="331">
        <v>0</v>
      </c>
      <c r="NV39" s="335">
        <v>0</v>
      </c>
      <c r="NW39" s="336">
        <v>0</v>
      </c>
      <c r="NX39" s="334">
        <v>0</v>
      </c>
      <c r="NY39" s="331">
        <v>0</v>
      </c>
      <c r="NZ39" s="335">
        <v>0</v>
      </c>
      <c r="OA39" s="390">
        <v>0</v>
      </c>
      <c r="OB39" s="331">
        <v>0</v>
      </c>
      <c r="OC39" s="331">
        <v>0</v>
      </c>
      <c r="OD39" s="331">
        <v>0</v>
      </c>
      <c r="OE39" s="331">
        <v>0</v>
      </c>
      <c r="OF39" s="331">
        <v>0</v>
      </c>
      <c r="OG39" s="335">
        <v>0</v>
      </c>
      <c r="OH39" s="336">
        <v>0</v>
      </c>
      <c r="OI39" s="334">
        <v>0</v>
      </c>
      <c r="OJ39" s="331">
        <v>0</v>
      </c>
      <c r="OK39" s="332">
        <v>0</v>
      </c>
      <c r="OL39" s="337">
        <v>0</v>
      </c>
      <c r="OM39" s="331">
        <v>480888</v>
      </c>
      <c r="ON39" s="331">
        <v>793966</v>
      </c>
      <c r="OO39" s="331">
        <v>589320</v>
      </c>
      <c r="OP39" s="331">
        <v>463952</v>
      </c>
      <c r="OQ39" s="331">
        <v>159872</v>
      </c>
      <c r="OR39" s="335">
        <v>2487998</v>
      </c>
      <c r="OS39" s="340">
        <v>2487998</v>
      </c>
    </row>
    <row r="40" spans="2:409" s="56" customFormat="1" ht="21" customHeight="1" x14ac:dyDescent="0.2">
      <c r="B40" s="396" t="s">
        <v>35</v>
      </c>
      <c r="C40" s="312">
        <v>116064</v>
      </c>
      <c r="D40" s="313">
        <v>42912</v>
      </c>
      <c r="E40" s="314">
        <v>158976</v>
      </c>
      <c r="F40" s="315">
        <v>0</v>
      </c>
      <c r="G40" s="313">
        <v>1357703</v>
      </c>
      <c r="H40" s="313">
        <v>1157231</v>
      </c>
      <c r="I40" s="313">
        <v>262896</v>
      </c>
      <c r="J40" s="313">
        <v>924862</v>
      </c>
      <c r="K40" s="313">
        <v>565064</v>
      </c>
      <c r="L40" s="353">
        <v>4267756</v>
      </c>
      <c r="M40" s="316">
        <v>4426732</v>
      </c>
      <c r="N40" s="312">
        <v>10944</v>
      </c>
      <c r="O40" s="313">
        <v>42912</v>
      </c>
      <c r="P40" s="314">
        <v>53856</v>
      </c>
      <c r="Q40" s="312">
        <v>0</v>
      </c>
      <c r="R40" s="313">
        <v>229904</v>
      </c>
      <c r="S40" s="313">
        <v>574081</v>
      </c>
      <c r="T40" s="313">
        <v>184208</v>
      </c>
      <c r="U40" s="313">
        <v>41984</v>
      </c>
      <c r="V40" s="313">
        <v>489112</v>
      </c>
      <c r="W40" s="314">
        <v>1519289</v>
      </c>
      <c r="X40" s="316">
        <v>1573145</v>
      </c>
      <c r="Y40" s="312">
        <v>0</v>
      </c>
      <c r="Z40" s="313">
        <v>0</v>
      </c>
      <c r="AA40" s="314">
        <v>0</v>
      </c>
      <c r="AB40" s="312">
        <v>0</v>
      </c>
      <c r="AC40" s="313">
        <v>20002</v>
      </c>
      <c r="AD40" s="313">
        <v>391265</v>
      </c>
      <c r="AE40" s="313">
        <v>0</v>
      </c>
      <c r="AF40" s="313">
        <v>0</v>
      </c>
      <c r="AG40" s="313">
        <v>0</v>
      </c>
      <c r="AH40" s="314">
        <v>411267</v>
      </c>
      <c r="AI40" s="316">
        <v>411267</v>
      </c>
      <c r="AJ40" s="312">
        <v>0</v>
      </c>
      <c r="AK40" s="313">
        <v>0</v>
      </c>
      <c r="AL40" s="314">
        <v>0</v>
      </c>
      <c r="AM40" s="312">
        <v>0</v>
      </c>
      <c r="AN40" s="313">
        <v>0</v>
      </c>
      <c r="AO40" s="313">
        <v>0</v>
      </c>
      <c r="AP40" s="313">
        <v>103752</v>
      </c>
      <c r="AQ40" s="313">
        <v>0</v>
      </c>
      <c r="AR40" s="313">
        <v>103752</v>
      </c>
      <c r="AS40" s="314">
        <v>207504</v>
      </c>
      <c r="AT40" s="316">
        <v>207504</v>
      </c>
      <c r="AU40" s="312">
        <v>0</v>
      </c>
      <c r="AV40" s="313">
        <v>21024</v>
      </c>
      <c r="AW40" s="314">
        <v>21024</v>
      </c>
      <c r="AX40" s="312">
        <v>0</v>
      </c>
      <c r="AY40" s="313">
        <v>90054</v>
      </c>
      <c r="AZ40" s="313">
        <v>117760</v>
      </c>
      <c r="BA40" s="313">
        <v>70824</v>
      </c>
      <c r="BB40" s="313">
        <v>0</v>
      </c>
      <c r="BC40" s="313">
        <v>356512</v>
      </c>
      <c r="BD40" s="314">
        <v>635150</v>
      </c>
      <c r="BE40" s="316">
        <v>656174</v>
      </c>
      <c r="BF40" s="312">
        <v>0</v>
      </c>
      <c r="BG40" s="313">
        <v>21888</v>
      </c>
      <c r="BH40" s="317">
        <v>21888</v>
      </c>
      <c r="BI40" s="318">
        <v>0</v>
      </c>
      <c r="BJ40" s="313">
        <v>69264</v>
      </c>
      <c r="BK40" s="313">
        <v>0</v>
      </c>
      <c r="BL40" s="313">
        <v>0</v>
      </c>
      <c r="BM40" s="313">
        <v>0</v>
      </c>
      <c r="BN40" s="313">
        <v>7536</v>
      </c>
      <c r="BO40" s="314">
        <v>76800</v>
      </c>
      <c r="BP40" s="316">
        <v>98688</v>
      </c>
      <c r="BQ40" s="312">
        <v>10944</v>
      </c>
      <c r="BR40" s="313">
        <v>0</v>
      </c>
      <c r="BS40" s="314">
        <v>10944</v>
      </c>
      <c r="BT40" s="312">
        <v>0</v>
      </c>
      <c r="BU40" s="313">
        <v>50584</v>
      </c>
      <c r="BV40" s="313">
        <v>65056</v>
      </c>
      <c r="BW40" s="313">
        <v>9632</v>
      </c>
      <c r="BX40" s="313">
        <v>41984</v>
      </c>
      <c r="BY40" s="313">
        <v>21312</v>
      </c>
      <c r="BZ40" s="314">
        <v>188568</v>
      </c>
      <c r="CA40" s="316">
        <v>199512</v>
      </c>
      <c r="CB40" s="312">
        <v>41024</v>
      </c>
      <c r="CC40" s="313">
        <v>0</v>
      </c>
      <c r="CD40" s="314">
        <v>41024</v>
      </c>
      <c r="CE40" s="312">
        <v>0</v>
      </c>
      <c r="CF40" s="313">
        <v>500199</v>
      </c>
      <c r="CG40" s="313">
        <v>262266</v>
      </c>
      <c r="CH40" s="313">
        <v>29136</v>
      </c>
      <c r="CI40" s="313">
        <v>213232</v>
      </c>
      <c r="CJ40" s="313">
        <v>0</v>
      </c>
      <c r="CK40" s="314">
        <v>1004833</v>
      </c>
      <c r="CL40" s="316">
        <v>1045857</v>
      </c>
      <c r="CM40" s="312">
        <v>0</v>
      </c>
      <c r="CN40" s="313">
        <v>0</v>
      </c>
      <c r="CO40" s="314">
        <v>0</v>
      </c>
      <c r="CP40" s="318">
        <v>0</v>
      </c>
      <c r="CQ40" s="313">
        <v>275656</v>
      </c>
      <c r="CR40" s="313">
        <v>118554</v>
      </c>
      <c r="CS40" s="313">
        <v>29136</v>
      </c>
      <c r="CT40" s="313">
        <v>0</v>
      </c>
      <c r="CU40" s="313">
        <v>0</v>
      </c>
      <c r="CV40" s="314">
        <v>423346</v>
      </c>
      <c r="CW40" s="316">
        <v>423346</v>
      </c>
      <c r="CX40" s="312">
        <v>41024</v>
      </c>
      <c r="CY40" s="313">
        <v>0</v>
      </c>
      <c r="CZ40" s="314">
        <v>41024</v>
      </c>
      <c r="DA40" s="312">
        <v>0</v>
      </c>
      <c r="DB40" s="313">
        <v>224543</v>
      </c>
      <c r="DC40" s="313">
        <v>143712</v>
      </c>
      <c r="DD40" s="313">
        <v>0</v>
      </c>
      <c r="DE40" s="313">
        <v>213232</v>
      </c>
      <c r="DF40" s="313">
        <v>0</v>
      </c>
      <c r="DG40" s="314">
        <v>581487</v>
      </c>
      <c r="DH40" s="316">
        <v>622511</v>
      </c>
      <c r="DI40" s="312">
        <v>0</v>
      </c>
      <c r="DJ40" s="313">
        <v>0</v>
      </c>
      <c r="DK40" s="317">
        <v>0</v>
      </c>
      <c r="DL40" s="318">
        <v>0</v>
      </c>
      <c r="DM40" s="313">
        <v>0</v>
      </c>
      <c r="DN40" s="313">
        <v>0</v>
      </c>
      <c r="DO40" s="313">
        <v>0</v>
      </c>
      <c r="DP40" s="313">
        <v>0</v>
      </c>
      <c r="DQ40" s="313">
        <v>31672</v>
      </c>
      <c r="DR40" s="314">
        <v>31672</v>
      </c>
      <c r="DS40" s="316">
        <v>31672</v>
      </c>
      <c r="DT40" s="312">
        <v>0</v>
      </c>
      <c r="DU40" s="313">
        <v>0</v>
      </c>
      <c r="DV40" s="314">
        <v>0</v>
      </c>
      <c r="DW40" s="312">
        <v>0</v>
      </c>
      <c r="DX40" s="313">
        <v>0</v>
      </c>
      <c r="DY40" s="313">
        <v>0</v>
      </c>
      <c r="DZ40" s="313">
        <v>0</v>
      </c>
      <c r="EA40" s="313">
        <v>0</v>
      </c>
      <c r="EB40" s="313">
        <v>31672</v>
      </c>
      <c r="EC40" s="314">
        <v>31672</v>
      </c>
      <c r="ED40" s="316">
        <v>31672</v>
      </c>
      <c r="EE40" s="312">
        <v>0</v>
      </c>
      <c r="EF40" s="317">
        <v>0</v>
      </c>
      <c r="EG40" s="314">
        <v>0</v>
      </c>
      <c r="EH40" s="312">
        <v>0</v>
      </c>
      <c r="EI40" s="313">
        <v>0</v>
      </c>
      <c r="EJ40" s="313">
        <v>0</v>
      </c>
      <c r="EK40" s="313">
        <v>0</v>
      </c>
      <c r="EL40" s="313">
        <v>0</v>
      </c>
      <c r="EM40" s="313">
        <v>0</v>
      </c>
      <c r="EN40" s="317">
        <v>0</v>
      </c>
      <c r="EO40" s="316">
        <v>0</v>
      </c>
      <c r="EP40" s="312">
        <v>0</v>
      </c>
      <c r="EQ40" s="313">
        <v>0</v>
      </c>
      <c r="ER40" s="317">
        <v>0</v>
      </c>
      <c r="ES40" s="318">
        <v>0</v>
      </c>
      <c r="ET40" s="313">
        <v>0</v>
      </c>
      <c r="EU40" s="313">
        <v>0</v>
      </c>
      <c r="EV40" s="313">
        <v>0</v>
      </c>
      <c r="EW40" s="313">
        <v>0</v>
      </c>
      <c r="EX40" s="313">
        <v>0</v>
      </c>
      <c r="EY40" s="314">
        <v>0</v>
      </c>
      <c r="EZ40" s="316">
        <v>0</v>
      </c>
      <c r="FA40" s="312">
        <v>0</v>
      </c>
      <c r="FB40" s="313">
        <v>0</v>
      </c>
      <c r="FC40" s="317">
        <v>0</v>
      </c>
      <c r="FD40" s="318">
        <v>0</v>
      </c>
      <c r="FE40" s="313">
        <v>0</v>
      </c>
      <c r="FF40" s="313">
        <v>0</v>
      </c>
      <c r="FG40" s="313">
        <v>0</v>
      </c>
      <c r="FH40" s="313">
        <v>0</v>
      </c>
      <c r="FI40" s="313">
        <v>0</v>
      </c>
      <c r="FJ40" s="314">
        <v>0</v>
      </c>
      <c r="FK40" s="316">
        <v>0</v>
      </c>
      <c r="FL40" s="312">
        <v>4000</v>
      </c>
      <c r="FM40" s="313">
        <v>0</v>
      </c>
      <c r="FN40" s="314">
        <v>4000</v>
      </c>
      <c r="FO40" s="312">
        <v>0</v>
      </c>
      <c r="FP40" s="313">
        <v>33488</v>
      </c>
      <c r="FQ40" s="313">
        <v>133216</v>
      </c>
      <c r="FR40" s="313">
        <v>49552</v>
      </c>
      <c r="FS40" s="313">
        <v>36000</v>
      </c>
      <c r="FT40" s="313">
        <v>44280</v>
      </c>
      <c r="FU40" s="314">
        <v>296536</v>
      </c>
      <c r="FV40" s="316">
        <v>300536</v>
      </c>
      <c r="FW40" s="319">
        <v>4000</v>
      </c>
      <c r="FX40" s="313">
        <v>0</v>
      </c>
      <c r="FY40" s="317">
        <v>4000</v>
      </c>
      <c r="FZ40" s="318">
        <v>0</v>
      </c>
      <c r="GA40" s="313">
        <v>33488</v>
      </c>
      <c r="GB40" s="313">
        <v>133216</v>
      </c>
      <c r="GC40" s="313">
        <v>49552</v>
      </c>
      <c r="GD40" s="313">
        <v>36000</v>
      </c>
      <c r="GE40" s="313">
        <v>44280</v>
      </c>
      <c r="GF40" s="314">
        <v>296536</v>
      </c>
      <c r="GG40" s="320">
        <v>300536</v>
      </c>
      <c r="GH40" s="319">
        <v>0</v>
      </c>
      <c r="GI40" s="313">
        <v>0</v>
      </c>
      <c r="GJ40" s="317">
        <v>0</v>
      </c>
      <c r="GK40" s="318">
        <v>0</v>
      </c>
      <c r="GL40" s="313">
        <v>0</v>
      </c>
      <c r="GM40" s="313">
        <v>0</v>
      </c>
      <c r="GN40" s="313">
        <v>0</v>
      </c>
      <c r="GO40" s="313">
        <v>0</v>
      </c>
      <c r="GP40" s="313">
        <v>0</v>
      </c>
      <c r="GQ40" s="314">
        <v>0</v>
      </c>
      <c r="GR40" s="316">
        <v>0</v>
      </c>
      <c r="GS40" s="312">
        <v>0</v>
      </c>
      <c r="GT40" s="313">
        <v>0</v>
      </c>
      <c r="GU40" s="314">
        <v>0</v>
      </c>
      <c r="GV40" s="312">
        <v>0</v>
      </c>
      <c r="GW40" s="313">
        <v>0</v>
      </c>
      <c r="GX40" s="313">
        <v>0</v>
      </c>
      <c r="GY40" s="313">
        <v>0</v>
      </c>
      <c r="GZ40" s="313">
        <v>0</v>
      </c>
      <c r="HA40" s="313">
        <v>0</v>
      </c>
      <c r="HB40" s="317">
        <v>0</v>
      </c>
      <c r="HC40" s="316">
        <v>0</v>
      </c>
      <c r="HD40" s="312">
        <v>60096</v>
      </c>
      <c r="HE40" s="313">
        <v>0</v>
      </c>
      <c r="HF40" s="317">
        <v>60096</v>
      </c>
      <c r="HG40" s="318">
        <v>0</v>
      </c>
      <c r="HH40" s="313">
        <v>594112</v>
      </c>
      <c r="HI40" s="313">
        <v>187668</v>
      </c>
      <c r="HJ40" s="313">
        <v>0</v>
      </c>
      <c r="HK40" s="313">
        <v>633646</v>
      </c>
      <c r="HL40" s="313">
        <v>0</v>
      </c>
      <c r="HM40" s="314">
        <v>1415426</v>
      </c>
      <c r="HN40" s="315">
        <v>1475522</v>
      </c>
      <c r="HO40" s="319">
        <v>0</v>
      </c>
      <c r="HP40" s="313">
        <v>0</v>
      </c>
      <c r="HQ40" s="314">
        <v>0</v>
      </c>
      <c r="HR40" s="312">
        <v>0</v>
      </c>
      <c r="HS40" s="313">
        <v>0</v>
      </c>
      <c r="HT40" s="313">
        <v>0</v>
      </c>
      <c r="HU40" s="313">
        <v>0</v>
      </c>
      <c r="HV40" s="313">
        <v>0</v>
      </c>
      <c r="HW40" s="313">
        <v>0</v>
      </c>
      <c r="HX40" s="317">
        <v>0</v>
      </c>
      <c r="HY40" s="316">
        <v>0</v>
      </c>
      <c r="HZ40" s="344">
        <v>0</v>
      </c>
      <c r="IA40" s="342">
        <v>0</v>
      </c>
      <c r="IB40" s="344">
        <v>0</v>
      </c>
      <c r="IC40" s="324">
        <v>0</v>
      </c>
      <c r="ID40" s="322">
        <v>0</v>
      </c>
      <c r="IE40" s="325">
        <v>475848</v>
      </c>
      <c r="IF40" s="323">
        <v>149280</v>
      </c>
      <c r="IG40" s="322">
        <v>0</v>
      </c>
      <c r="IH40" s="323">
        <v>0</v>
      </c>
      <c r="II40" s="326">
        <v>625128</v>
      </c>
      <c r="IJ40" s="344">
        <v>625128</v>
      </c>
      <c r="IK40" s="328">
        <v>0</v>
      </c>
      <c r="IL40" s="329">
        <v>0</v>
      </c>
      <c r="IM40" s="330">
        <v>0</v>
      </c>
      <c r="IN40" s="390">
        <v>0</v>
      </c>
      <c r="IO40" s="331">
        <v>0</v>
      </c>
      <c r="IP40" s="331">
        <v>0</v>
      </c>
      <c r="IQ40" s="331">
        <v>149280</v>
      </c>
      <c r="IR40" s="331">
        <v>0</v>
      </c>
      <c r="IS40" s="331">
        <v>0</v>
      </c>
      <c r="IT40" s="332">
        <v>149280</v>
      </c>
      <c r="IU40" s="333">
        <v>149280</v>
      </c>
      <c r="IV40" s="334">
        <v>0</v>
      </c>
      <c r="IW40" s="331">
        <v>0</v>
      </c>
      <c r="IX40" s="335">
        <v>0</v>
      </c>
      <c r="IY40" s="390">
        <v>0</v>
      </c>
      <c r="IZ40" s="331">
        <v>0</v>
      </c>
      <c r="JA40" s="331">
        <v>0</v>
      </c>
      <c r="JB40" s="331">
        <v>0</v>
      </c>
      <c r="JC40" s="331">
        <v>0</v>
      </c>
      <c r="JD40" s="331">
        <v>0</v>
      </c>
      <c r="JE40" s="335">
        <v>0</v>
      </c>
      <c r="JF40" s="336">
        <v>0</v>
      </c>
      <c r="JG40" s="334">
        <v>0</v>
      </c>
      <c r="JH40" s="331">
        <v>0</v>
      </c>
      <c r="JI40" s="332">
        <v>0</v>
      </c>
      <c r="JJ40" s="337">
        <v>0</v>
      </c>
      <c r="JK40" s="331">
        <v>0</v>
      </c>
      <c r="JL40" s="331">
        <v>0</v>
      </c>
      <c r="JM40" s="331">
        <v>0</v>
      </c>
      <c r="JN40" s="331">
        <v>0</v>
      </c>
      <c r="JO40" s="331">
        <v>0</v>
      </c>
      <c r="JP40" s="335">
        <v>0</v>
      </c>
      <c r="JQ40" s="333">
        <v>0</v>
      </c>
      <c r="JR40" s="334">
        <v>0</v>
      </c>
      <c r="JS40" s="331">
        <v>0</v>
      </c>
      <c r="JT40" s="332">
        <v>0</v>
      </c>
      <c r="JU40" s="337">
        <v>0</v>
      </c>
      <c r="JV40" s="331">
        <v>0</v>
      </c>
      <c r="JW40" s="331">
        <v>0</v>
      </c>
      <c r="JX40" s="331">
        <v>0</v>
      </c>
      <c r="JY40" s="331">
        <v>0</v>
      </c>
      <c r="JZ40" s="331">
        <v>0</v>
      </c>
      <c r="KA40" s="335">
        <v>0</v>
      </c>
      <c r="KB40" s="333">
        <v>0</v>
      </c>
      <c r="KC40" s="338">
        <v>0</v>
      </c>
      <c r="KD40" s="339">
        <v>0</v>
      </c>
      <c r="KE40" s="335">
        <v>0</v>
      </c>
      <c r="KF40" s="337">
        <v>0</v>
      </c>
      <c r="KG40" s="331">
        <v>0</v>
      </c>
      <c r="KH40" s="331">
        <v>0</v>
      </c>
      <c r="KI40" s="331">
        <v>0</v>
      </c>
      <c r="KJ40" s="331">
        <v>0</v>
      </c>
      <c r="KK40" s="331">
        <v>0</v>
      </c>
      <c r="KL40" s="335">
        <v>0</v>
      </c>
      <c r="KM40" s="340">
        <v>0</v>
      </c>
      <c r="KN40" s="328">
        <v>0</v>
      </c>
      <c r="KO40" s="329">
        <v>0</v>
      </c>
      <c r="KP40" s="330">
        <v>0</v>
      </c>
      <c r="KQ40" s="390">
        <v>0</v>
      </c>
      <c r="KR40" s="331">
        <v>0</v>
      </c>
      <c r="KS40" s="331">
        <v>475848</v>
      </c>
      <c r="KT40" s="331">
        <v>0</v>
      </c>
      <c r="KU40" s="331">
        <v>0</v>
      </c>
      <c r="KV40" s="331">
        <v>0</v>
      </c>
      <c r="KW40" s="335">
        <v>475848</v>
      </c>
      <c r="KX40" s="333">
        <v>475848</v>
      </c>
      <c r="KY40" s="334">
        <v>0</v>
      </c>
      <c r="KZ40" s="331">
        <v>0</v>
      </c>
      <c r="LA40" s="335">
        <v>0</v>
      </c>
      <c r="LB40" s="390">
        <v>0</v>
      </c>
      <c r="LC40" s="331">
        <v>0</v>
      </c>
      <c r="LD40" s="331">
        <v>0</v>
      </c>
      <c r="LE40" s="331">
        <v>0</v>
      </c>
      <c r="LF40" s="331">
        <v>0</v>
      </c>
      <c r="LG40" s="331">
        <v>0</v>
      </c>
      <c r="LH40" s="335">
        <v>0</v>
      </c>
      <c r="LI40" s="336">
        <v>0</v>
      </c>
      <c r="LJ40" s="334">
        <v>0</v>
      </c>
      <c r="LK40" s="331">
        <v>0</v>
      </c>
      <c r="LL40" s="335">
        <v>0</v>
      </c>
      <c r="LM40" s="390">
        <v>0</v>
      </c>
      <c r="LN40" s="331">
        <v>0</v>
      </c>
      <c r="LO40" s="331">
        <v>0</v>
      </c>
      <c r="LP40" s="331">
        <v>0</v>
      </c>
      <c r="LQ40" s="331">
        <v>0</v>
      </c>
      <c r="LR40" s="331">
        <v>0</v>
      </c>
      <c r="LS40" s="335">
        <v>0</v>
      </c>
      <c r="LT40" s="333">
        <v>0</v>
      </c>
      <c r="LU40" s="334">
        <v>0</v>
      </c>
      <c r="LV40" s="331">
        <v>0</v>
      </c>
      <c r="LW40" s="335">
        <v>0</v>
      </c>
      <c r="LX40" s="390">
        <v>0</v>
      </c>
      <c r="LY40" s="331">
        <v>0</v>
      </c>
      <c r="LZ40" s="331">
        <v>0</v>
      </c>
      <c r="MA40" s="331">
        <v>0</v>
      </c>
      <c r="MB40" s="331">
        <v>0</v>
      </c>
      <c r="MC40" s="331">
        <v>0</v>
      </c>
      <c r="MD40" s="335">
        <v>0</v>
      </c>
      <c r="ME40" s="336">
        <v>0</v>
      </c>
      <c r="MF40" s="334">
        <v>0</v>
      </c>
      <c r="MG40" s="331">
        <v>0</v>
      </c>
      <c r="MH40" s="335">
        <v>0</v>
      </c>
      <c r="MI40" s="390">
        <v>0</v>
      </c>
      <c r="MJ40" s="331">
        <v>212832</v>
      </c>
      <c r="MK40" s="331">
        <v>0</v>
      </c>
      <c r="ML40" s="331">
        <v>543016</v>
      </c>
      <c r="MM40" s="331">
        <v>266304</v>
      </c>
      <c r="MN40" s="331">
        <v>812433</v>
      </c>
      <c r="MO40" s="335">
        <v>1834585</v>
      </c>
      <c r="MP40" s="340">
        <v>1834585</v>
      </c>
      <c r="MQ40" s="334">
        <v>0</v>
      </c>
      <c r="MR40" s="331">
        <v>0</v>
      </c>
      <c r="MS40" s="335">
        <v>0</v>
      </c>
      <c r="MT40" s="390">
        <v>0</v>
      </c>
      <c r="MU40" s="331">
        <v>0</v>
      </c>
      <c r="MV40" s="331">
        <v>0</v>
      </c>
      <c r="MW40" s="331">
        <v>0</v>
      </c>
      <c r="MX40" s="331">
        <v>266304</v>
      </c>
      <c r="MY40" s="331">
        <v>812433</v>
      </c>
      <c r="MZ40" s="335">
        <v>1078737</v>
      </c>
      <c r="NA40" s="340">
        <v>1078737</v>
      </c>
      <c r="NB40" s="334">
        <v>0</v>
      </c>
      <c r="NC40" s="331">
        <v>0</v>
      </c>
      <c r="ND40" s="335">
        <v>0</v>
      </c>
      <c r="NE40" s="390">
        <v>0</v>
      </c>
      <c r="NF40" s="331">
        <v>212832</v>
      </c>
      <c r="NG40" s="331">
        <v>0</v>
      </c>
      <c r="NH40" s="331">
        <v>543016</v>
      </c>
      <c r="NI40" s="331">
        <v>0</v>
      </c>
      <c r="NJ40" s="331">
        <v>0</v>
      </c>
      <c r="NK40" s="335">
        <v>755848</v>
      </c>
      <c r="NL40" s="333">
        <v>755848</v>
      </c>
      <c r="NM40" s="334">
        <v>0</v>
      </c>
      <c r="NN40" s="331">
        <v>0</v>
      </c>
      <c r="NO40" s="335">
        <v>0</v>
      </c>
      <c r="NP40" s="390">
        <v>0</v>
      </c>
      <c r="NQ40" s="331">
        <v>0</v>
      </c>
      <c r="NR40" s="331">
        <v>0</v>
      </c>
      <c r="NS40" s="331">
        <v>0</v>
      </c>
      <c r="NT40" s="331">
        <v>0</v>
      </c>
      <c r="NU40" s="331">
        <v>0</v>
      </c>
      <c r="NV40" s="335">
        <v>0</v>
      </c>
      <c r="NW40" s="336">
        <v>0</v>
      </c>
      <c r="NX40" s="334">
        <v>0</v>
      </c>
      <c r="NY40" s="331">
        <v>0</v>
      </c>
      <c r="NZ40" s="335">
        <v>0</v>
      </c>
      <c r="OA40" s="390">
        <v>0</v>
      </c>
      <c r="OB40" s="331">
        <v>0</v>
      </c>
      <c r="OC40" s="331">
        <v>0</v>
      </c>
      <c r="OD40" s="331">
        <v>0</v>
      </c>
      <c r="OE40" s="331">
        <v>0</v>
      </c>
      <c r="OF40" s="331">
        <v>0</v>
      </c>
      <c r="OG40" s="335">
        <v>0</v>
      </c>
      <c r="OH40" s="336">
        <v>0</v>
      </c>
      <c r="OI40" s="334">
        <v>116064</v>
      </c>
      <c r="OJ40" s="331">
        <v>42912</v>
      </c>
      <c r="OK40" s="332">
        <v>158976</v>
      </c>
      <c r="OL40" s="337">
        <v>0</v>
      </c>
      <c r="OM40" s="331">
        <v>1570535</v>
      </c>
      <c r="ON40" s="331">
        <v>1633079</v>
      </c>
      <c r="OO40" s="331">
        <v>955192</v>
      </c>
      <c r="OP40" s="331">
        <v>1191166</v>
      </c>
      <c r="OQ40" s="331">
        <v>1377497</v>
      </c>
      <c r="OR40" s="335">
        <v>6727469</v>
      </c>
      <c r="OS40" s="340">
        <v>6886445</v>
      </c>
    </row>
    <row r="41" spans="2:409" s="56" customFormat="1" ht="21" customHeight="1" x14ac:dyDescent="0.2">
      <c r="B41" s="396" t="s">
        <v>36</v>
      </c>
      <c r="C41" s="312">
        <v>26508</v>
      </c>
      <c r="D41" s="313">
        <v>78833</v>
      </c>
      <c r="E41" s="314">
        <v>105341</v>
      </c>
      <c r="F41" s="315">
        <v>0</v>
      </c>
      <c r="G41" s="313">
        <v>782043</v>
      </c>
      <c r="H41" s="313">
        <v>448595</v>
      </c>
      <c r="I41" s="313">
        <v>325404</v>
      </c>
      <c r="J41" s="313">
        <v>285053</v>
      </c>
      <c r="K41" s="313">
        <v>470200</v>
      </c>
      <c r="L41" s="353">
        <v>2311295</v>
      </c>
      <c r="M41" s="316">
        <v>2416636</v>
      </c>
      <c r="N41" s="312">
        <v>0</v>
      </c>
      <c r="O41" s="313">
        <v>27392</v>
      </c>
      <c r="P41" s="314">
        <v>27392</v>
      </c>
      <c r="Q41" s="312">
        <v>0</v>
      </c>
      <c r="R41" s="313">
        <v>177008</v>
      </c>
      <c r="S41" s="313">
        <v>39040</v>
      </c>
      <c r="T41" s="313">
        <v>102431</v>
      </c>
      <c r="U41" s="313">
        <v>257053</v>
      </c>
      <c r="V41" s="313">
        <v>443400</v>
      </c>
      <c r="W41" s="314">
        <v>1018932</v>
      </c>
      <c r="X41" s="316">
        <v>1046324</v>
      </c>
      <c r="Y41" s="312">
        <v>0</v>
      </c>
      <c r="Z41" s="313">
        <v>0</v>
      </c>
      <c r="AA41" s="314">
        <v>0</v>
      </c>
      <c r="AB41" s="312">
        <v>0</v>
      </c>
      <c r="AC41" s="313">
        <v>25851</v>
      </c>
      <c r="AD41" s="313">
        <v>0</v>
      </c>
      <c r="AE41" s="313">
        <v>0</v>
      </c>
      <c r="AF41" s="313">
        <v>238421</v>
      </c>
      <c r="AG41" s="313">
        <v>303254</v>
      </c>
      <c r="AH41" s="314">
        <v>567526</v>
      </c>
      <c r="AI41" s="316">
        <v>567526</v>
      </c>
      <c r="AJ41" s="312">
        <v>0</v>
      </c>
      <c r="AK41" s="313">
        <v>0</v>
      </c>
      <c r="AL41" s="314">
        <v>0</v>
      </c>
      <c r="AM41" s="312">
        <v>0</v>
      </c>
      <c r="AN41" s="313">
        <v>0</v>
      </c>
      <c r="AO41" s="313">
        <v>0</v>
      </c>
      <c r="AP41" s="313">
        <v>36225</v>
      </c>
      <c r="AQ41" s="313">
        <v>0</v>
      </c>
      <c r="AR41" s="313">
        <v>96530</v>
      </c>
      <c r="AS41" s="314">
        <v>132755</v>
      </c>
      <c r="AT41" s="316">
        <v>132755</v>
      </c>
      <c r="AU41" s="312">
        <v>0</v>
      </c>
      <c r="AV41" s="313">
        <v>27392</v>
      </c>
      <c r="AW41" s="314">
        <v>27392</v>
      </c>
      <c r="AX41" s="312">
        <v>0</v>
      </c>
      <c r="AY41" s="313">
        <v>111317</v>
      </c>
      <c r="AZ41" s="313">
        <v>0</v>
      </c>
      <c r="BA41" s="313">
        <v>35190</v>
      </c>
      <c r="BB41" s="313">
        <v>0</v>
      </c>
      <c r="BC41" s="313">
        <v>26744</v>
      </c>
      <c r="BD41" s="314">
        <v>173251</v>
      </c>
      <c r="BE41" s="316">
        <v>200643</v>
      </c>
      <c r="BF41" s="312">
        <v>0</v>
      </c>
      <c r="BG41" s="313">
        <v>0</v>
      </c>
      <c r="BH41" s="317">
        <v>0</v>
      </c>
      <c r="BI41" s="318">
        <v>0</v>
      </c>
      <c r="BJ41" s="313">
        <v>0</v>
      </c>
      <c r="BK41" s="313">
        <v>21200</v>
      </c>
      <c r="BL41" s="313">
        <v>0</v>
      </c>
      <c r="BM41" s="313">
        <v>0</v>
      </c>
      <c r="BN41" s="313">
        <v>0</v>
      </c>
      <c r="BO41" s="314">
        <v>21200</v>
      </c>
      <c r="BP41" s="316">
        <v>21200</v>
      </c>
      <c r="BQ41" s="312">
        <v>0</v>
      </c>
      <c r="BR41" s="313">
        <v>0</v>
      </c>
      <c r="BS41" s="314">
        <v>0</v>
      </c>
      <c r="BT41" s="312">
        <v>0</v>
      </c>
      <c r="BU41" s="313">
        <v>39840</v>
      </c>
      <c r="BV41" s="313">
        <v>17840</v>
      </c>
      <c r="BW41" s="313">
        <v>31016</v>
      </c>
      <c r="BX41" s="313">
        <v>18632</v>
      </c>
      <c r="BY41" s="313">
        <v>16872</v>
      </c>
      <c r="BZ41" s="314">
        <v>124200</v>
      </c>
      <c r="CA41" s="316">
        <v>124200</v>
      </c>
      <c r="CB41" s="312">
        <v>0</v>
      </c>
      <c r="CC41" s="313">
        <v>38241</v>
      </c>
      <c r="CD41" s="314">
        <v>38241</v>
      </c>
      <c r="CE41" s="312">
        <v>0</v>
      </c>
      <c r="CF41" s="313">
        <v>87539</v>
      </c>
      <c r="CG41" s="313">
        <v>161091</v>
      </c>
      <c r="CH41" s="313">
        <v>0</v>
      </c>
      <c r="CI41" s="313">
        <v>0</v>
      </c>
      <c r="CJ41" s="313">
        <v>0</v>
      </c>
      <c r="CK41" s="314">
        <v>248630</v>
      </c>
      <c r="CL41" s="316">
        <v>286871</v>
      </c>
      <c r="CM41" s="312">
        <v>0</v>
      </c>
      <c r="CN41" s="313">
        <v>0</v>
      </c>
      <c r="CO41" s="314">
        <v>0</v>
      </c>
      <c r="CP41" s="318">
        <v>0</v>
      </c>
      <c r="CQ41" s="313">
        <v>5621</v>
      </c>
      <c r="CR41" s="313">
        <v>94146</v>
      </c>
      <c r="CS41" s="313">
        <v>0</v>
      </c>
      <c r="CT41" s="313">
        <v>0</v>
      </c>
      <c r="CU41" s="313">
        <v>0</v>
      </c>
      <c r="CV41" s="314">
        <v>99767</v>
      </c>
      <c r="CW41" s="316">
        <v>99767</v>
      </c>
      <c r="CX41" s="312">
        <v>0</v>
      </c>
      <c r="CY41" s="313">
        <v>38241</v>
      </c>
      <c r="CZ41" s="314">
        <v>38241</v>
      </c>
      <c r="DA41" s="312">
        <v>0</v>
      </c>
      <c r="DB41" s="313">
        <v>81918</v>
      </c>
      <c r="DC41" s="313">
        <v>66945</v>
      </c>
      <c r="DD41" s="313">
        <v>0</v>
      </c>
      <c r="DE41" s="313">
        <v>0</v>
      </c>
      <c r="DF41" s="313">
        <v>0</v>
      </c>
      <c r="DG41" s="314">
        <v>148863</v>
      </c>
      <c r="DH41" s="316">
        <v>187104</v>
      </c>
      <c r="DI41" s="312">
        <v>22508</v>
      </c>
      <c r="DJ41" s="313">
        <v>0</v>
      </c>
      <c r="DK41" s="317">
        <v>22508</v>
      </c>
      <c r="DL41" s="318">
        <v>0</v>
      </c>
      <c r="DM41" s="313">
        <v>0</v>
      </c>
      <c r="DN41" s="313">
        <v>23572</v>
      </c>
      <c r="DO41" s="313">
        <v>0</v>
      </c>
      <c r="DP41" s="313">
        <v>0</v>
      </c>
      <c r="DQ41" s="313">
        <v>0</v>
      </c>
      <c r="DR41" s="314">
        <v>23572</v>
      </c>
      <c r="DS41" s="316">
        <v>46080</v>
      </c>
      <c r="DT41" s="312">
        <v>22508</v>
      </c>
      <c r="DU41" s="313">
        <v>0</v>
      </c>
      <c r="DV41" s="314">
        <v>22508</v>
      </c>
      <c r="DW41" s="312">
        <v>0</v>
      </c>
      <c r="DX41" s="313">
        <v>0</v>
      </c>
      <c r="DY41" s="313">
        <v>23572</v>
      </c>
      <c r="DZ41" s="313">
        <v>0</v>
      </c>
      <c r="EA41" s="313">
        <v>0</v>
      </c>
      <c r="EB41" s="313">
        <v>0</v>
      </c>
      <c r="EC41" s="314">
        <v>23572</v>
      </c>
      <c r="ED41" s="316">
        <v>46080</v>
      </c>
      <c r="EE41" s="312">
        <v>0</v>
      </c>
      <c r="EF41" s="317">
        <v>0</v>
      </c>
      <c r="EG41" s="314">
        <v>0</v>
      </c>
      <c r="EH41" s="312">
        <v>0</v>
      </c>
      <c r="EI41" s="313">
        <v>0</v>
      </c>
      <c r="EJ41" s="313">
        <v>0</v>
      </c>
      <c r="EK41" s="313">
        <v>0</v>
      </c>
      <c r="EL41" s="313">
        <v>0</v>
      </c>
      <c r="EM41" s="313">
        <v>0</v>
      </c>
      <c r="EN41" s="317">
        <v>0</v>
      </c>
      <c r="EO41" s="316">
        <v>0</v>
      </c>
      <c r="EP41" s="312">
        <v>0</v>
      </c>
      <c r="EQ41" s="313">
        <v>0</v>
      </c>
      <c r="ER41" s="317">
        <v>0</v>
      </c>
      <c r="ES41" s="318">
        <v>0</v>
      </c>
      <c r="ET41" s="313">
        <v>0</v>
      </c>
      <c r="EU41" s="313">
        <v>0</v>
      </c>
      <c r="EV41" s="313">
        <v>0</v>
      </c>
      <c r="EW41" s="313">
        <v>0</v>
      </c>
      <c r="EX41" s="313">
        <v>0</v>
      </c>
      <c r="EY41" s="314">
        <v>0</v>
      </c>
      <c r="EZ41" s="316">
        <v>0</v>
      </c>
      <c r="FA41" s="312">
        <v>0</v>
      </c>
      <c r="FB41" s="313">
        <v>0</v>
      </c>
      <c r="FC41" s="317">
        <v>0</v>
      </c>
      <c r="FD41" s="318">
        <v>0</v>
      </c>
      <c r="FE41" s="313">
        <v>0</v>
      </c>
      <c r="FF41" s="313">
        <v>0</v>
      </c>
      <c r="FG41" s="313">
        <v>0</v>
      </c>
      <c r="FH41" s="313">
        <v>0</v>
      </c>
      <c r="FI41" s="313">
        <v>0</v>
      </c>
      <c r="FJ41" s="314">
        <v>0</v>
      </c>
      <c r="FK41" s="316">
        <v>0</v>
      </c>
      <c r="FL41" s="312">
        <v>4000</v>
      </c>
      <c r="FM41" s="313">
        <v>13200</v>
      </c>
      <c r="FN41" s="314">
        <v>17200</v>
      </c>
      <c r="FO41" s="312">
        <v>0</v>
      </c>
      <c r="FP41" s="313">
        <v>52288</v>
      </c>
      <c r="FQ41" s="313">
        <v>51584</v>
      </c>
      <c r="FR41" s="313">
        <v>20800</v>
      </c>
      <c r="FS41" s="313">
        <v>28000</v>
      </c>
      <c r="FT41" s="313">
        <v>26800</v>
      </c>
      <c r="FU41" s="314">
        <v>179472</v>
      </c>
      <c r="FV41" s="316">
        <v>196672</v>
      </c>
      <c r="FW41" s="319">
        <v>4000</v>
      </c>
      <c r="FX41" s="313">
        <v>13200</v>
      </c>
      <c r="FY41" s="317">
        <v>17200</v>
      </c>
      <c r="FZ41" s="318">
        <v>0</v>
      </c>
      <c r="GA41" s="313">
        <v>52288</v>
      </c>
      <c r="GB41" s="313">
        <v>51584</v>
      </c>
      <c r="GC41" s="313">
        <v>20800</v>
      </c>
      <c r="GD41" s="313">
        <v>28000</v>
      </c>
      <c r="GE41" s="313">
        <v>26800</v>
      </c>
      <c r="GF41" s="314">
        <v>179472</v>
      </c>
      <c r="GG41" s="320">
        <v>196672</v>
      </c>
      <c r="GH41" s="319">
        <v>0</v>
      </c>
      <c r="GI41" s="313">
        <v>0</v>
      </c>
      <c r="GJ41" s="317">
        <v>0</v>
      </c>
      <c r="GK41" s="318">
        <v>0</v>
      </c>
      <c r="GL41" s="313">
        <v>0</v>
      </c>
      <c r="GM41" s="313">
        <v>0</v>
      </c>
      <c r="GN41" s="313">
        <v>0</v>
      </c>
      <c r="GO41" s="313">
        <v>0</v>
      </c>
      <c r="GP41" s="313">
        <v>0</v>
      </c>
      <c r="GQ41" s="314">
        <v>0</v>
      </c>
      <c r="GR41" s="316">
        <v>0</v>
      </c>
      <c r="GS41" s="312">
        <v>0</v>
      </c>
      <c r="GT41" s="313">
        <v>0</v>
      </c>
      <c r="GU41" s="314">
        <v>0</v>
      </c>
      <c r="GV41" s="312">
        <v>0</v>
      </c>
      <c r="GW41" s="313">
        <v>0</v>
      </c>
      <c r="GX41" s="313">
        <v>0</v>
      </c>
      <c r="GY41" s="313">
        <v>0</v>
      </c>
      <c r="GZ41" s="313">
        <v>0</v>
      </c>
      <c r="HA41" s="313">
        <v>0</v>
      </c>
      <c r="HB41" s="317">
        <v>0</v>
      </c>
      <c r="HC41" s="316">
        <v>0</v>
      </c>
      <c r="HD41" s="312">
        <v>0</v>
      </c>
      <c r="HE41" s="313">
        <v>0</v>
      </c>
      <c r="HF41" s="317">
        <v>0</v>
      </c>
      <c r="HG41" s="318">
        <v>0</v>
      </c>
      <c r="HH41" s="313">
        <v>465208</v>
      </c>
      <c r="HI41" s="313">
        <v>173308</v>
      </c>
      <c r="HJ41" s="313">
        <v>202173</v>
      </c>
      <c r="HK41" s="313">
        <v>0</v>
      </c>
      <c r="HL41" s="313">
        <v>0</v>
      </c>
      <c r="HM41" s="314">
        <v>840689</v>
      </c>
      <c r="HN41" s="315">
        <v>840689</v>
      </c>
      <c r="HO41" s="319">
        <v>0</v>
      </c>
      <c r="HP41" s="313">
        <v>0</v>
      </c>
      <c r="HQ41" s="314">
        <v>0</v>
      </c>
      <c r="HR41" s="312">
        <v>0</v>
      </c>
      <c r="HS41" s="313">
        <v>0</v>
      </c>
      <c r="HT41" s="313">
        <v>0</v>
      </c>
      <c r="HU41" s="313">
        <v>0</v>
      </c>
      <c r="HV41" s="313">
        <v>0</v>
      </c>
      <c r="HW41" s="313">
        <v>0</v>
      </c>
      <c r="HX41" s="317">
        <v>0</v>
      </c>
      <c r="HY41" s="316">
        <v>0</v>
      </c>
      <c r="HZ41" s="321">
        <v>0</v>
      </c>
      <c r="IA41" s="322">
        <v>0</v>
      </c>
      <c r="IB41" s="323">
        <v>0</v>
      </c>
      <c r="IC41" s="324">
        <v>0</v>
      </c>
      <c r="ID41" s="322">
        <v>100520</v>
      </c>
      <c r="IE41" s="325">
        <v>19286</v>
      </c>
      <c r="IF41" s="323">
        <v>0</v>
      </c>
      <c r="IG41" s="322">
        <v>0</v>
      </c>
      <c r="IH41" s="323">
        <v>0</v>
      </c>
      <c r="II41" s="326">
        <v>119806</v>
      </c>
      <c r="IJ41" s="327">
        <v>119806</v>
      </c>
      <c r="IK41" s="328">
        <v>0</v>
      </c>
      <c r="IL41" s="329">
        <v>0</v>
      </c>
      <c r="IM41" s="330">
        <v>0</v>
      </c>
      <c r="IN41" s="390">
        <v>0</v>
      </c>
      <c r="IO41" s="331">
        <v>0</v>
      </c>
      <c r="IP41" s="331">
        <v>0</v>
      </c>
      <c r="IQ41" s="331">
        <v>0</v>
      </c>
      <c r="IR41" s="331">
        <v>0</v>
      </c>
      <c r="IS41" s="331">
        <v>0</v>
      </c>
      <c r="IT41" s="332">
        <v>0</v>
      </c>
      <c r="IU41" s="333">
        <v>0</v>
      </c>
      <c r="IV41" s="334">
        <v>0</v>
      </c>
      <c r="IW41" s="331">
        <v>0</v>
      </c>
      <c r="IX41" s="335">
        <v>0</v>
      </c>
      <c r="IY41" s="390">
        <v>0</v>
      </c>
      <c r="IZ41" s="331">
        <v>0</v>
      </c>
      <c r="JA41" s="331">
        <v>0</v>
      </c>
      <c r="JB41" s="331">
        <v>0</v>
      </c>
      <c r="JC41" s="331">
        <v>0</v>
      </c>
      <c r="JD41" s="331">
        <v>0</v>
      </c>
      <c r="JE41" s="335">
        <v>0</v>
      </c>
      <c r="JF41" s="336">
        <v>0</v>
      </c>
      <c r="JG41" s="334">
        <v>0</v>
      </c>
      <c r="JH41" s="331">
        <v>0</v>
      </c>
      <c r="JI41" s="332">
        <v>0</v>
      </c>
      <c r="JJ41" s="337">
        <v>0</v>
      </c>
      <c r="JK41" s="331">
        <v>100520</v>
      </c>
      <c r="JL41" s="331">
        <v>19286</v>
      </c>
      <c r="JM41" s="331">
        <v>0</v>
      </c>
      <c r="JN41" s="331">
        <v>0</v>
      </c>
      <c r="JO41" s="331">
        <v>0</v>
      </c>
      <c r="JP41" s="335">
        <v>119806</v>
      </c>
      <c r="JQ41" s="333">
        <v>119806</v>
      </c>
      <c r="JR41" s="334">
        <v>0</v>
      </c>
      <c r="JS41" s="331">
        <v>0</v>
      </c>
      <c r="JT41" s="332">
        <v>0</v>
      </c>
      <c r="JU41" s="337">
        <v>0</v>
      </c>
      <c r="JV41" s="331">
        <v>0</v>
      </c>
      <c r="JW41" s="331">
        <v>0</v>
      </c>
      <c r="JX41" s="331">
        <v>0</v>
      </c>
      <c r="JY41" s="331">
        <v>0</v>
      </c>
      <c r="JZ41" s="331">
        <v>0</v>
      </c>
      <c r="KA41" s="335">
        <v>0</v>
      </c>
      <c r="KB41" s="333">
        <v>0</v>
      </c>
      <c r="KC41" s="338">
        <v>0</v>
      </c>
      <c r="KD41" s="339">
        <v>0</v>
      </c>
      <c r="KE41" s="335">
        <v>0</v>
      </c>
      <c r="KF41" s="337">
        <v>0</v>
      </c>
      <c r="KG41" s="331">
        <v>0</v>
      </c>
      <c r="KH41" s="331">
        <v>0</v>
      </c>
      <c r="KI41" s="331">
        <v>0</v>
      </c>
      <c r="KJ41" s="331">
        <v>0</v>
      </c>
      <c r="KK41" s="331">
        <v>0</v>
      </c>
      <c r="KL41" s="335">
        <v>0</v>
      </c>
      <c r="KM41" s="340">
        <v>0</v>
      </c>
      <c r="KN41" s="328">
        <v>0</v>
      </c>
      <c r="KO41" s="329">
        <v>0</v>
      </c>
      <c r="KP41" s="330">
        <v>0</v>
      </c>
      <c r="KQ41" s="390">
        <v>0</v>
      </c>
      <c r="KR41" s="331">
        <v>0</v>
      </c>
      <c r="KS41" s="331">
        <v>0</v>
      </c>
      <c r="KT41" s="331">
        <v>0</v>
      </c>
      <c r="KU41" s="331">
        <v>0</v>
      </c>
      <c r="KV41" s="331">
        <v>0</v>
      </c>
      <c r="KW41" s="335">
        <v>0</v>
      </c>
      <c r="KX41" s="333">
        <v>0</v>
      </c>
      <c r="KY41" s="334">
        <v>0</v>
      </c>
      <c r="KZ41" s="331">
        <v>0</v>
      </c>
      <c r="LA41" s="335">
        <v>0</v>
      </c>
      <c r="LB41" s="390">
        <v>0</v>
      </c>
      <c r="LC41" s="331">
        <v>0</v>
      </c>
      <c r="LD41" s="331">
        <v>0</v>
      </c>
      <c r="LE41" s="331">
        <v>0</v>
      </c>
      <c r="LF41" s="331">
        <v>0</v>
      </c>
      <c r="LG41" s="331">
        <v>0</v>
      </c>
      <c r="LH41" s="335">
        <v>0</v>
      </c>
      <c r="LI41" s="336">
        <v>0</v>
      </c>
      <c r="LJ41" s="334">
        <v>0</v>
      </c>
      <c r="LK41" s="331">
        <v>0</v>
      </c>
      <c r="LL41" s="335">
        <v>0</v>
      </c>
      <c r="LM41" s="390">
        <v>0</v>
      </c>
      <c r="LN41" s="331">
        <v>0</v>
      </c>
      <c r="LO41" s="331">
        <v>0</v>
      </c>
      <c r="LP41" s="331">
        <v>0</v>
      </c>
      <c r="LQ41" s="331">
        <v>0</v>
      </c>
      <c r="LR41" s="331">
        <v>0</v>
      </c>
      <c r="LS41" s="335">
        <v>0</v>
      </c>
      <c r="LT41" s="333">
        <v>0</v>
      </c>
      <c r="LU41" s="334">
        <v>0</v>
      </c>
      <c r="LV41" s="331">
        <v>0</v>
      </c>
      <c r="LW41" s="335">
        <v>0</v>
      </c>
      <c r="LX41" s="390">
        <v>0</v>
      </c>
      <c r="LY41" s="331">
        <v>0</v>
      </c>
      <c r="LZ41" s="331">
        <v>0</v>
      </c>
      <c r="MA41" s="331">
        <v>0</v>
      </c>
      <c r="MB41" s="331">
        <v>0</v>
      </c>
      <c r="MC41" s="331">
        <v>0</v>
      </c>
      <c r="MD41" s="335">
        <v>0</v>
      </c>
      <c r="ME41" s="336">
        <v>0</v>
      </c>
      <c r="MF41" s="334">
        <v>0</v>
      </c>
      <c r="MG41" s="331">
        <v>0</v>
      </c>
      <c r="MH41" s="335">
        <v>0</v>
      </c>
      <c r="MI41" s="390">
        <v>0</v>
      </c>
      <c r="MJ41" s="331">
        <v>0</v>
      </c>
      <c r="MK41" s="331">
        <v>0</v>
      </c>
      <c r="ML41" s="331">
        <v>521219</v>
      </c>
      <c r="MM41" s="331">
        <v>833850</v>
      </c>
      <c r="MN41" s="331">
        <v>429145</v>
      </c>
      <c r="MO41" s="335">
        <v>1784214</v>
      </c>
      <c r="MP41" s="340">
        <v>1784214</v>
      </c>
      <c r="MQ41" s="334">
        <v>0</v>
      </c>
      <c r="MR41" s="331">
        <v>0</v>
      </c>
      <c r="MS41" s="335">
        <v>0</v>
      </c>
      <c r="MT41" s="390">
        <v>0</v>
      </c>
      <c r="MU41" s="331">
        <v>0</v>
      </c>
      <c r="MV41" s="331">
        <v>0</v>
      </c>
      <c r="MW41" s="331">
        <v>258507</v>
      </c>
      <c r="MX41" s="331">
        <v>536126</v>
      </c>
      <c r="MY41" s="331">
        <v>0</v>
      </c>
      <c r="MZ41" s="335">
        <v>794633</v>
      </c>
      <c r="NA41" s="340">
        <v>794633</v>
      </c>
      <c r="NB41" s="334">
        <v>0</v>
      </c>
      <c r="NC41" s="331">
        <v>0</v>
      </c>
      <c r="ND41" s="335">
        <v>0</v>
      </c>
      <c r="NE41" s="390">
        <v>0</v>
      </c>
      <c r="NF41" s="331">
        <v>0</v>
      </c>
      <c r="NG41" s="331">
        <v>0</v>
      </c>
      <c r="NH41" s="331">
        <v>262712</v>
      </c>
      <c r="NI41" s="331">
        <v>297724</v>
      </c>
      <c r="NJ41" s="331">
        <v>429145</v>
      </c>
      <c r="NK41" s="335">
        <v>989581</v>
      </c>
      <c r="NL41" s="333">
        <v>989581</v>
      </c>
      <c r="NM41" s="334">
        <v>0</v>
      </c>
      <c r="NN41" s="331">
        <v>0</v>
      </c>
      <c r="NO41" s="335">
        <v>0</v>
      </c>
      <c r="NP41" s="390">
        <v>0</v>
      </c>
      <c r="NQ41" s="331">
        <v>0</v>
      </c>
      <c r="NR41" s="331">
        <v>0</v>
      </c>
      <c r="NS41" s="331">
        <v>0</v>
      </c>
      <c r="NT41" s="331">
        <v>0</v>
      </c>
      <c r="NU41" s="331">
        <v>0</v>
      </c>
      <c r="NV41" s="335">
        <v>0</v>
      </c>
      <c r="NW41" s="336">
        <v>0</v>
      </c>
      <c r="NX41" s="334">
        <v>0</v>
      </c>
      <c r="NY41" s="331">
        <v>0</v>
      </c>
      <c r="NZ41" s="335">
        <v>0</v>
      </c>
      <c r="OA41" s="390">
        <v>0</v>
      </c>
      <c r="OB41" s="331">
        <v>0</v>
      </c>
      <c r="OC41" s="331">
        <v>0</v>
      </c>
      <c r="OD41" s="331">
        <v>0</v>
      </c>
      <c r="OE41" s="331">
        <v>0</v>
      </c>
      <c r="OF41" s="331">
        <v>0</v>
      </c>
      <c r="OG41" s="335">
        <v>0</v>
      </c>
      <c r="OH41" s="336">
        <v>0</v>
      </c>
      <c r="OI41" s="334">
        <v>26508</v>
      </c>
      <c r="OJ41" s="331">
        <v>78833</v>
      </c>
      <c r="OK41" s="332">
        <v>105341</v>
      </c>
      <c r="OL41" s="337">
        <v>0</v>
      </c>
      <c r="OM41" s="331">
        <v>882563</v>
      </c>
      <c r="ON41" s="331">
        <v>467881</v>
      </c>
      <c r="OO41" s="331">
        <v>846623</v>
      </c>
      <c r="OP41" s="331">
        <v>1118903</v>
      </c>
      <c r="OQ41" s="331">
        <v>899345</v>
      </c>
      <c r="OR41" s="335">
        <v>4215315</v>
      </c>
      <c r="OS41" s="340">
        <v>4320656</v>
      </c>
    </row>
    <row r="42" spans="2:409" s="56" customFormat="1" ht="21" customHeight="1" thickBot="1" x14ac:dyDescent="0.25">
      <c r="B42" s="397" t="s">
        <v>37</v>
      </c>
      <c r="C42" s="357">
        <v>0</v>
      </c>
      <c r="D42" s="358">
        <v>0</v>
      </c>
      <c r="E42" s="359">
        <v>0</v>
      </c>
      <c r="F42" s="360">
        <v>0</v>
      </c>
      <c r="G42" s="358">
        <v>19333</v>
      </c>
      <c r="H42" s="358">
        <v>181794</v>
      </c>
      <c r="I42" s="358">
        <v>0</v>
      </c>
      <c r="J42" s="358">
        <v>0</v>
      </c>
      <c r="K42" s="358">
        <v>0</v>
      </c>
      <c r="L42" s="360">
        <v>201127</v>
      </c>
      <c r="M42" s="361">
        <v>201127</v>
      </c>
      <c r="N42" s="357">
        <v>0</v>
      </c>
      <c r="O42" s="358">
        <v>0</v>
      </c>
      <c r="P42" s="359">
        <v>0</v>
      </c>
      <c r="Q42" s="357">
        <v>0</v>
      </c>
      <c r="R42" s="358">
        <v>0</v>
      </c>
      <c r="S42" s="358">
        <v>0</v>
      </c>
      <c r="T42" s="358">
        <v>0</v>
      </c>
      <c r="U42" s="358">
        <v>0</v>
      </c>
      <c r="V42" s="358">
        <v>0</v>
      </c>
      <c r="W42" s="359">
        <v>0</v>
      </c>
      <c r="X42" s="361">
        <v>0</v>
      </c>
      <c r="Y42" s="357">
        <v>0</v>
      </c>
      <c r="Z42" s="358">
        <v>0</v>
      </c>
      <c r="AA42" s="359">
        <v>0</v>
      </c>
      <c r="AB42" s="357">
        <v>0</v>
      </c>
      <c r="AC42" s="358">
        <v>0</v>
      </c>
      <c r="AD42" s="358">
        <v>0</v>
      </c>
      <c r="AE42" s="358">
        <v>0</v>
      </c>
      <c r="AF42" s="358">
        <v>0</v>
      </c>
      <c r="AG42" s="358">
        <v>0</v>
      </c>
      <c r="AH42" s="359">
        <v>0</v>
      </c>
      <c r="AI42" s="361">
        <v>0</v>
      </c>
      <c r="AJ42" s="357">
        <v>0</v>
      </c>
      <c r="AK42" s="358">
        <v>0</v>
      </c>
      <c r="AL42" s="359">
        <v>0</v>
      </c>
      <c r="AM42" s="357">
        <v>0</v>
      </c>
      <c r="AN42" s="358">
        <v>0</v>
      </c>
      <c r="AO42" s="358">
        <v>0</v>
      </c>
      <c r="AP42" s="358">
        <v>0</v>
      </c>
      <c r="AQ42" s="358">
        <v>0</v>
      </c>
      <c r="AR42" s="358">
        <v>0</v>
      </c>
      <c r="AS42" s="359">
        <v>0</v>
      </c>
      <c r="AT42" s="361">
        <v>0</v>
      </c>
      <c r="AU42" s="357">
        <v>0</v>
      </c>
      <c r="AV42" s="358">
        <v>0</v>
      </c>
      <c r="AW42" s="359">
        <v>0</v>
      </c>
      <c r="AX42" s="357">
        <v>0</v>
      </c>
      <c r="AY42" s="358">
        <v>0</v>
      </c>
      <c r="AZ42" s="358">
        <v>0</v>
      </c>
      <c r="BA42" s="358">
        <v>0</v>
      </c>
      <c r="BB42" s="358">
        <v>0</v>
      </c>
      <c r="BC42" s="358">
        <v>0</v>
      </c>
      <c r="BD42" s="359">
        <v>0</v>
      </c>
      <c r="BE42" s="361">
        <v>0</v>
      </c>
      <c r="BF42" s="357">
        <v>0</v>
      </c>
      <c r="BG42" s="358">
        <v>0</v>
      </c>
      <c r="BH42" s="362">
        <v>0</v>
      </c>
      <c r="BI42" s="363">
        <v>0</v>
      </c>
      <c r="BJ42" s="358">
        <v>0</v>
      </c>
      <c r="BK42" s="358">
        <v>0</v>
      </c>
      <c r="BL42" s="358">
        <v>0</v>
      </c>
      <c r="BM42" s="358">
        <v>0</v>
      </c>
      <c r="BN42" s="358">
        <v>0</v>
      </c>
      <c r="BO42" s="359">
        <v>0</v>
      </c>
      <c r="BP42" s="361">
        <v>0</v>
      </c>
      <c r="BQ42" s="357">
        <v>0</v>
      </c>
      <c r="BR42" s="358">
        <v>0</v>
      </c>
      <c r="BS42" s="359">
        <v>0</v>
      </c>
      <c r="BT42" s="357">
        <v>0</v>
      </c>
      <c r="BU42" s="358">
        <v>0</v>
      </c>
      <c r="BV42" s="358">
        <v>0</v>
      </c>
      <c r="BW42" s="358">
        <v>0</v>
      </c>
      <c r="BX42" s="358">
        <v>0</v>
      </c>
      <c r="BY42" s="358">
        <v>0</v>
      </c>
      <c r="BZ42" s="359">
        <v>0</v>
      </c>
      <c r="CA42" s="361">
        <v>0</v>
      </c>
      <c r="CB42" s="357">
        <v>0</v>
      </c>
      <c r="CC42" s="358">
        <v>0</v>
      </c>
      <c r="CD42" s="359">
        <v>0</v>
      </c>
      <c r="CE42" s="357">
        <v>0</v>
      </c>
      <c r="CF42" s="358">
        <v>18133</v>
      </c>
      <c r="CG42" s="358">
        <v>80834</v>
      </c>
      <c r="CH42" s="358">
        <v>0</v>
      </c>
      <c r="CI42" s="358">
        <v>0</v>
      </c>
      <c r="CJ42" s="358">
        <v>0</v>
      </c>
      <c r="CK42" s="359">
        <v>98967</v>
      </c>
      <c r="CL42" s="361">
        <v>98967</v>
      </c>
      <c r="CM42" s="357">
        <v>0</v>
      </c>
      <c r="CN42" s="358">
        <v>0</v>
      </c>
      <c r="CO42" s="359">
        <v>0</v>
      </c>
      <c r="CP42" s="363">
        <v>0</v>
      </c>
      <c r="CQ42" s="358">
        <v>0</v>
      </c>
      <c r="CR42" s="358">
        <v>0</v>
      </c>
      <c r="CS42" s="358">
        <v>0</v>
      </c>
      <c r="CT42" s="358">
        <v>0</v>
      </c>
      <c r="CU42" s="358">
        <v>0</v>
      </c>
      <c r="CV42" s="359">
        <v>0</v>
      </c>
      <c r="CW42" s="361">
        <v>0</v>
      </c>
      <c r="CX42" s="357">
        <v>0</v>
      </c>
      <c r="CY42" s="358">
        <v>0</v>
      </c>
      <c r="CZ42" s="359">
        <v>0</v>
      </c>
      <c r="DA42" s="357">
        <v>0</v>
      </c>
      <c r="DB42" s="358">
        <v>18133</v>
      </c>
      <c r="DC42" s="358">
        <v>80834</v>
      </c>
      <c r="DD42" s="358">
        <v>0</v>
      </c>
      <c r="DE42" s="358">
        <v>0</v>
      </c>
      <c r="DF42" s="358">
        <v>0</v>
      </c>
      <c r="DG42" s="359">
        <v>98967</v>
      </c>
      <c r="DH42" s="361">
        <v>98967</v>
      </c>
      <c r="DI42" s="357">
        <v>0</v>
      </c>
      <c r="DJ42" s="358">
        <v>0</v>
      </c>
      <c r="DK42" s="362">
        <v>0</v>
      </c>
      <c r="DL42" s="363">
        <v>0</v>
      </c>
      <c r="DM42" s="358">
        <v>0</v>
      </c>
      <c r="DN42" s="358">
        <v>0</v>
      </c>
      <c r="DO42" s="358">
        <v>0</v>
      </c>
      <c r="DP42" s="358">
        <v>0</v>
      </c>
      <c r="DQ42" s="358">
        <v>0</v>
      </c>
      <c r="DR42" s="359">
        <v>0</v>
      </c>
      <c r="DS42" s="361">
        <v>0</v>
      </c>
      <c r="DT42" s="357">
        <v>0</v>
      </c>
      <c r="DU42" s="358">
        <v>0</v>
      </c>
      <c r="DV42" s="359">
        <v>0</v>
      </c>
      <c r="DW42" s="357">
        <v>0</v>
      </c>
      <c r="DX42" s="358">
        <v>0</v>
      </c>
      <c r="DY42" s="358">
        <v>0</v>
      </c>
      <c r="DZ42" s="358">
        <v>0</v>
      </c>
      <c r="EA42" s="358">
        <v>0</v>
      </c>
      <c r="EB42" s="358">
        <v>0</v>
      </c>
      <c r="EC42" s="359">
        <v>0</v>
      </c>
      <c r="ED42" s="361">
        <v>0</v>
      </c>
      <c r="EE42" s="357">
        <v>0</v>
      </c>
      <c r="EF42" s="362">
        <v>0</v>
      </c>
      <c r="EG42" s="359">
        <v>0</v>
      </c>
      <c r="EH42" s="357">
        <v>0</v>
      </c>
      <c r="EI42" s="358">
        <v>0</v>
      </c>
      <c r="EJ42" s="358">
        <v>0</v>
      </c>
      <c r="EK42" s="358">
        <v>0</v>
      </c>
      <c r="EL42" s="358">
        <v>0</v>
      </c>
      <c r="EM42" s="358">
        <v>0</v>
      </c>
      <c r="EN42" s="362">
        <v>0</v>
      </c>
      <c r="EO42" s="361">
        <v>0</v>
      </c>
      <c r="EP42" s="357">
        <v>0</v>
      </c>
      <c r="EQ42" s="358">
        <v>0</v>
      </c>
      <c r="ER42" s="362">
        <v>0</v>
      </c>
      <c r="ES42" s="363">
        <v>0</v>
      </c>
      <c r="ET42" s="358">
        <v>0</v>
      </c>
      <c r="EU42" s="358">
        <v>0</v>
      </c>
      <c r="EV42" s="358">
        <v>0</v>
      </c>
      <c r="EW42" s="358">
        <v>0</v>
      </c>
      <c r="EX42" s="358">
        <v>0</v>
      </c>
      <c r="EY42" s="359">
        <v>0</v>
      </c>
      <c r="EZ42" s="361">
        <v>0</v>
      </c>
      <c r="FA42" s="357">
        <v>0</v>
      </c>
      <c r="FB42" s="358">
        <v>0</v>
      </c>
      <c r="FC42" s="362">
        <v>0</v>
      </c>
      <c r="FD42" s="363">
        <v>0</v>
      </c>
      <c r="FE42" s="358">
        <v>0</v>
      </c>
      <c r="FF42" s="358">
        <v>0</v>
      </c>
      <c r="FG42" s="358">
        <v>0</v>
      </c>
      <c r="FH42" s="358">
        <v>0</v>
      </c>
      <c r="FI42" s="358">
        <v>0</v>
      </c>
      <c r="FJ42" s="359">
        <v>0</v>
      </c>
      <c r="FK42" s="361">
        <v>0</v>
      </c>
      <c r="FL42" s="357">
        <v>0</v>
      </c>
      <c r="FM42" s="358">
        <v>0</v>
      </c>
      <c r="FN42" s="359">
        <v>0</v>
      </c>
      <c r="FO42" s="357">
        <v>0</v>
      </c>
      <c r="FP42" s="358">
        <v>1200</v>
      </c>
      <c r="FQ42" s="358">
        <v>100960</v>
      </c>
      <c r="FR42" s="358">
        <v>0</v>
      </c>
      <c r="FS42" s="358">
        <v>0</v>
      </c>
      <c r="FT42" s="358">
        <v>0</v>
      </c>
      <c r="FU42" s="359">
        <v>102160</v>
      </c>
      <c r="FV42" s="361">
        <v>102160</v>
      </c>
      <c r="FW42" s="364">
        <v>0</v>
      </c>
      <c r="FX42" s="358">
        <v>0</v>
      </c>
      <c r="FY42" s="362">
        <v>0</v>
      </c>
      <c r="FZ42" s="363">
        <v>0</v>
      </c>
      <c r="GA42" s="358">
        <v>1200</v>
      </c>
      <c r="GB42" s="358">
        <v>100960</v>
      </c>
      <c r="GC42" s="358">
        <v>0</v>
      </c>
      <c r="GD42" s="358">
        <v>0</v>
      </c>
      <c r="GE42" s="358">
        <v>0</v>
      </c>
      <c r="GF42" s="359">
        <v>102160</v>
      </c>
      <c r="GG42" s="365">
        <v>102160</v>
      </c>
      <c r="GH42" s="364">
        <v>0</v>
      </c>
      <c r="GI42" s="358">
        <v>0</v>
      </c>
      <c r="GJ42" s="362">
        <v>0</v>
      </c>
      <c r="GK42" s="363">
        <v>0</v>
      </c>
      <c r="GL42" s="358">
        <v>0</v>
      </c>
      <c r="GM42" s="358">
        <v>0</v>
      </c>
      <c r="GN42" s="358">
        <v>0</v>
      </c>
      <c r="GO42" s="358">
        <v>0</v>
      </c>
      <c r="GP42" s="358">
        <v>0</v>
      </c>
      <c r="GQ42" s="359">
        <v>0</v>
      </c>
      <c r="GR42" s="361">
        <v>0</v>
      </c>
      <c r="GS42" s="357">
        <v>0</v>
      </c>
      <c r="GT42" s="358">
        <v>0</v>
      </c>
      <c r="GU42" s="359">
        <v>0</v>
      </c>
      <c r="GV42" s="357">
        <v>0</v>
      </c>
      <c r="GW42" s="358">
        <v>0</v>
      </c>
      <c r="GX42" s="358">
        <v>0</v>
      </c>
      <c r="GY42" s="358">
        <v>0</v>
      </c>
      <c r="GZ42" s="358">
        <v>0</v>
      </c>
      <c r="HA42" s="358">
        <v>0</v>
      </c>
      <c r="HB42" s="362">
        <v>0</v>
      </c>
      <c r="HC42" s="361">
        <v>0</v>
      </c>
      <c r="HD42" s="357">
        <v>0</v>
      </c>
      <c r="HE42" s="358">
        <v>0</v>
      </c>
      <c r="HF42" s="362">
        <v>0</v>
      </c>
      <c r="HG42" s="363">
        <v>0</v>
      </c>
      <c r="HH42" s="358">
        <v>0</v>
      </c>
      <c r="HI42" s="358">
        <v>0</v>
      </c>
      <c r="HJ42" s="358">
        <v>0</v>
      </c>
      <c r="HK42" s="358">
        <v>0</v>
      </c>
      <c r="HL42" s="358">
        <v>0</v>
      </c>
      <c r="HM42" s="359">
        <v>0</v>
      </c>
      <c r="HN42" s="360">
        <v>0</v>
      </c>
      <c r="HO42" s="364">
        <v>0</v>
      </c>
      <c r="HP42" s="358">
        <v>0</v>
      </c>
      <c r="HQ42" s="359">
        <v>0</v>
      </c>
      <c r="HR42" s="357">
        <v>0</v>
      </c>
      <c r="HS42" s="358">
        <v>0</v>
      </c>
      <c r="HT42" s="358">
        <v>0</v>
      </c>
      <c r="HU42" s="358">
        <v>0</v>
      </c>
      <c r="HV42" s="358">
        <v>0</v>
      </c>
      <c r="HW42" s="358">
        <v>0</v>
      </c>
      <c r="HX42" s="362">
        <v>0</v>
      </c>
      <c r="HY42" s="361">
        <v>0</v>
      </c>
      <c r="HZ42" s="366">
        <v>0</v>
      </c>
      <c r="IA42" s="367">
        <v>0</v>
      </c>
      <c r="IB42" s="368">
        <v>0</v>
      </c>
      <c r="IC42" s="369">
        <v>0</v>
      </c>
      <c r="ID42" s="370">
        <v>0</v>
      </c>
      <c r="IE42" s="371">
        <v>0</v>
      </c>
      <c r="IF42" s="372">
        <v>0</v>
      </c>
      <c r="IG42" s="370">
        <v>0</v>
      </c>
      <c r="IH42" s="372">
        <v>0</v>
      </c>
      <c r="II42" s="373">
        <v>0</v>
      </c>
      <c r="IJ42" s="374">
        <v>0</v>
      </c>
      <c r="IK42" s="375">
        <v>0</v>
      </c>
      <c r="IL42" s="376">
        <v>0</v>
      </c>
      <c r="IM42" s="377">
        <v>0</v>
      </c>
      <c r="IN42" s="391">
        <v>0</v>
      </c>
      <c r="IO42" s="378">
        <v>0</v>
      </c>
      <c r="IP42" s="378">
        <v>0</v>
      </c>
      <c r="IQ42" s="378">
        <v>0</v>
      </c>
      <c r="IR42" s="378">
        <v>0</v>
      </c>
      <c r="IS42" s="378">
        <v>0</v>
      </c>
      <c r="IT42" s="379">
        <v>0</v>
      </c>
      <c r="IU42" s="380">
        <v>0</v>
      </c>
      <c r="IV42" s="381">
        <v>0</v>
      </c>
      <c r="IW42" s="378">
        <v>0</v>
      </c>
      <c r="IX42" s="382">
        <v>0</v>
      </c>
      <c r="IY42" s="391">
        <v>0</v>
      </c>
      <c r="IZ42" s="378">
        <v>0</v>
      </c>
      <c r="JA42" s="378">
        <v>0</v>
      </c>
      <c r="JB42" s="378">
        <v>0</v>
      </c>
      <c r="JC42" s="378">
        <v>0</v>
      </c>
      <c r="JD42" s="378">
        <v>0</v>
      </c>
      <c r="JE42" s="382">
        <v>0</v>
      </c>
      <c r="JF42" s="383">
        <v>0</v>
      </c>
      <c r="JG42" s="381">
        <v>0</v>
      </c>
      <c r="JH42" s="378">
        <v>0</v>
      </c>
      <c r="JI42" s="379">
        <v>0</v>
      </c>
      <c r="JJ42" s="384">
        <v>0</v>
      </c>
      <c r="JK42" s="378">
        <v>0</v>
      </c>
      <c r="JL42" s="378">
        <v>0</v>
      </c>
      <c r="JM42" s="378">
        <v>0</v>
      </c>
      <c r="JN42" s="378">
        <v>0</v>
      </c>
      <c r="JO42" s="378">
        <v>0</v>
      </c>
      <c r="JP42" s="382">
        <v>0</v>
      </c>
      <c r="JQ42" s="380">
        <v>0</v>
      </c>
      <c r="JR42" s="381">
        <v>0</v>
      </c>
      <c r="JS42" s="378">
        <v>0</v>
      </c>
      <c r="JT42" s="379">
        <v>0</v>
      </c>
      <c r="JU42" s="384">
        <v>0</v>
      </c>
      <c r="JV42" s="378">
        <v>0</v>
      </c>
      <c r="JW42" s="378">
        <v>0</v>
      </c>
      <c r="JX42" s="378">
        <v>0</v>
      </c>
      <c r="JY42" s="378">
        <v>0</v>
      </c>
      <c r="JZ42" s="378">
        <v>0</v>
      </c>
      <c r="KA42" s="382">
        <v>0</v>
      </c>
      <c r="KB42" s="380">
        <v>0</v>
      </c>
      <c r="KC42" s="385">
        <v>0</v>
      </c>
      <c r="KD42" s="386">
        <v>0</v>
      </c>
      <c r="KE42" s="382">
        <v>0</v>
      </c>
      <c r="KF42" s="384">
        <v>0</v>
      </c>
      <c r="KG42" s="378">
        <v>0</v>
      </c>
      <c r="KH42" s="378">
        <v>0</v>
      </c>
      <c r="KI42" s="378">
        <v>0</v>
      </c>
      <c r="KJ42" s="378">
        <v>0</v>
      </c>
      <c r="KK42" s="378">
        <v>0</v>
      </c>
      <c r="KL42" s="382">
        <v>0</v>
      </c>
      <c r="KM42" s="387">
        <v>0</v>
      </c>
      <c r="KN42" s="375">
        <v>0</v>
      </c>
      <c r="KO42" s="376">
        <v>0</v>
      </c>
      <c r="KP42" s="377">
        <v>0</v>
      </c>
      <c r="KQ42" s="391">
        <v>0</v>
      </c>
      <c r="KR42" s="378">
        <v>0</v>
      </c>
      <c r="KS42" s="378">
        <v>0</v>
      </c>
      <c r="KT42" s="378">
        <v>0</v>
      </c>
      <c r="KU42" s="378">
        <v>0</v>
      </c>
      <c r="KV42" s="378">
        <v>0</v>
      </c>
      <c r="KW42" s="382">
        <v>0</v>
      </c>
      <c r="KX42" s="380">
        <v>0</v>
      </c>
      <c r="KY42" s="381">
        <v>0</v>
      </c>
      <c r="KZ42" s="378">
        <v>0</v>
      </c>
      <c r="LA42" s="382">
        <v>0</v>
      </c>
      <c r="LB42" s="391">
        <v>0</v>
      </c>
      <c r="LC42" s="378">
        <v>0</v>
      </c>
      <c r="LD42" s="378">
        <v>0</v>
      </c>
      <c r="LE42" s="378">
        <v>0</v>
      </c>
      <c r="LF42" s="378">
        <v>0</v>
      </c>
      <c r="LG42" s="378">
        <v>0</v>
      </c>
      <c r="LH42" s="382">
        <v>0</v>
      </c>
      <c r="LI42" s="383">
        <v>0</v>
      </c>
      <c r="LJ42" s="381">
        <v>0</v>
      </c>
      <c r="LK42" s="378">
        <v>0</v>
      </c>
      <c r="LL42" s="382">
        <v>0</v>
      </c>
      <c r="LM42" s="391">
        <v>0</v>
      </c>
      <c r="LN42" s="378">
        <v>0</v>
      </c>
      <c r="LO42" s="378">
        <v>0</v>
      </c>
      <c r="LP42" s="378">
        <v>0</v>
      </c>
      <c r="LQ42" s="378">
        <v>0</v>
      </c>
      <c r="LR42" s="378">
        <v>0</v>
      </c>
      <c r="LS42" s="382">
        <v>0</v>
      </c>
      <c r="LT42" s="380">
        <v>0</v>
      </c>
      <c r="LU42" s="381">
        <v>0</v>
      </c>
      <c r="LV42" s="378">
        <v>0</v>
      </c>
      <c r="LW42" s="382">
        <v>0</v>
      </c>
      <c r="LX42" s="391">
        <v>0</v>
      </c>
      <c r="LY42" s="378">
        <v>0</v>
      </c>
      <c r="LZ42" s="378">
        <v>0</v>
      </c>
      <c r="MA42" s="378">
        <v>0</v>
      </c>
      <c r="MB42" s="378">
        <v>0</v>
      </c>
      <c r="MC42" s="378">
        <v>0</v>
      </c>
      <c r="MD42" s="382">
        <v>0</v>
      </c>
      <c r="ME42" s="383">
        <v>0</v>
      </c>
      <c r="MF42" s="381">
        <v>0</v>
      </c>
      <c r="MG42" s="378">
        <v>0</v>
      </c>
      <c r="MH42" s="382">
        <v>0</v>
      </c>
      <c r="MI42" s="391">
        <v>0</v>
      </c>
      <c r="MJ42" s="378">
        <v>0</v>
      </c>
      <c r="MK42" s="378">
        <v>0</v>
      </c>
      <c r="ML42" s="378">
        <v>234156</v>
      </c>
      <c r="MM42" s="378">
        <v>0</v>
      </c>
      <c r="MN42" s="378">
        <v>0</v>
      </c>
      <c r="MO42" s="382">
        <v>234156</v>
      </c>
      <c r="MP42" s="387">
        <v>234156</v>
      </c>
      <c r="MQ42" s="381">
        <v>0</v>
      </c>
      <c r="MR42" s="378">
        <v>0</v>
      </c>
      <c r="MS42" s="382">
        <v>0</v>
      </c>
      <c r="MT42" s="391">
        <v>0</v>
      </c>
      <c r="MU42" s="378">
        <v>0</v>
      </c>
      <c r="MV42" s="378">
        <v>0</v>
      </c>
      <c r="MW42" s="378">
        <v>234156</v>
      </c>
      <c r="MX42" s="378">
        <v>0</v>
      </c>
      <c r="MY42" s="378">
        <v>0</v>
      </c>
      <c r="MZ42" s="382">
        <v>234156</v>
      </c>
      <c r="NA42" s="387">
        <v>234156</v>
      </c>
      <c r="NB42" s="381">
        <v>0</v>
      </c>
      <c r="NC42" s="378">
        <v>0</v>
      </c>
      <c r="ND42" s="382">
        <v>0</v>
      </c>
      <c r="NE42" s="391">
        <v>0</v>
      </c>
      <c r="NF42" s="378">
        <v>0</v>
      </c>
      <c r="NG42" s="378">
        <v>0</v>
      </c>
      <c r="NH42" s="378">
        <v>0</v>
      </c>
      <c r="NI42" s="378">
        <v>0</v>
      </c>
      <c r="NJ42" s="378">
        <v>0</v>
      </c>
      <c r="NK42" s="382">
        <v>0</v>
      </c>
      <c r="NL42" s="380">
        <v>0</v>
      </c>
      <c r="NM42" s="381">
        <v>0</v>
      </c>
      <c r="NN42" s="378">
        <v>0</v>
      </c>
      <c r="NO42" s="382">
        <v>0</v>
      </c>
      <c r="NP42" s="391">
        <v>0</v>
      </c>
      <c r="NQ42" s="378">
        <v>0</v>
      </c>
      <c r="NR42" s="378">
        <v>0</v>
      </c>
      <c r="NS42" s="378">
        <v>0</v>
      </c>
      <c r="NT42" s="378">
        <v>0</v>
      </c>
      <c r="NU42" s="378">
        <v>0</v>
      </c>
      <c r="NV42" s="382">
        <v>0</v>
      </c>
      <c r="NW42" s="383">
        <v>0</v>
      </c>
      <c r="NX42" s="381">
        <v>0</v>
      </c>
      <c r="NY42" s="378">
        <v>0</v>
      </c>
      <c r="NZ42" s="382">
        <v>0</v>
      </c>
      <c r="OA42" s="391">
        <v>0</v>
      </c>
      <c r="OB42" s="378">
        <v>0</v>
      </c>
      <c r="OC42" s="378">
        <v>0</v>
      </c>
      <c r="OD42" s="378">
        <v>0</v>
      </c>
      <c r="OE42" s="378">
        <v>0</v>
      </c>
      <c r="OF42" s="378">
        <v>0</v>
      </c>
      <c r="OG42" s="382">
        <v>0</v>
      </c>
      <c r="OH42" s="383">
        <v>0</v>
      </c>
      <c r="OI42" s="381">
        <v>0</v>
      </c>
      <c r="OJ42" s="378">
        <v>0</v>
      </c>
      <c r="OK42" s="379">
        <v>0</v>
      </c>
      <c r="OL42" s="384">
        <v>0</v>
      </c>
      <c r="OM42" s="378">
        <v>19333</v>
      </c>
      <c r="ON42" s="378">
        <v>181794</v>
      </c>
      <c r="OO42" s="378">
        <v>234156</v>
      </c>
      <c r="OP42" s="378">
        <v>0</v>
      </c>
      <c r="OQ42" s="378">
        <v>0</v>
      </c>
      <c r="OR42" s="382">
        <v>435283</v>
      </c>
      <c r="OS42" s="387">
        <v>435283</v>
      </c>
    </row>
    <row r="43" spans="2:409" x14ac:dyDescent="0.2">
      <c r="B43" s="57" t="s">
        <v>84</v>
      </c>
    </row>
  </sheetData>
  <mergeCells count="158">
    <mergeCell ref="G1:H1"/>
    <mergeCell ref="HY7:HY8"/>
    <mergeCell ref="HC7:HC8"/>
    <mergeCell ref="HD7:HF7"/>
    <mergeCell ref="HG7:HM7"/>
    <mergeCell ref="HN7:HN8"/>
    <mergeCell ref="HO7:HQ7"/>
    <mergeCell ref="HR7:HX7"/>
    <mergeCell ref="GV7:HB7"/>
    <mergeCell ref="EZ7:EZ8"/>
    <mergeCell ref="FL7:FN7"/>
    <mergeCell ref="FO7:FU7"/>
    <mergeCell ref="FV7:FV8"/>
    <mergeCell ref="FW7:FY7"/>
    <mergeCell ref="FZ7:GF7"/>
    <mergeCell ref="GG7:GG8"/>
    <mergeCell ref="EH7:EN7"/>
    <mergeCell ref="EO7:EO8"/>
    <mergeCell ref="DT7:DV7"/>
    <mergeCell ref="GH7:GJ7"/>
    <mergeCell ref="GK7:GQ7"/>
    <mergeCell ref="EP6:EZ6"/>
    <mergeCell ref="FL6:FV6"/>
    <mergeCell ref="FW6:GG6"/>
    <mergeCell ref="GH6:GR6"/>
    <mergeCell ref="GR7:GR8"/>
    <mergeCell ref="GS7:GU7"/>
    <mergeCell ref="ES7:EY7"/>
    <mergeCell ref="FA7:FC7"/>
    <mergeCell ref="FD7:FJ7"/>
    <mergeCell ref="FK7:FK8"/>
    <mergeCell ref="GS6:HC6"/>
    <mergeCell ref="FA6:FK6"/>
    <mergeCell ref="EP7:ER7"/>
    <mergeCell ref="BE7:BE8"/>
    <mergeCell ref="BF7:BH7"/>
    <mergeCell ref="DA7:DG7"/>
    <mergeCell ref="BP7:BP8"/>
    <mergeCell ref="BQ7:BS7"/>
    <mergeCell ref="BT7:BZ7"/>
    <mergeCell ref="CA7:CA8"/>
    <mergeCell ref="CB7:CD7"/>
    <mergeCell ref="CE7:CK7"/>
    <mergeCell ref="CL7:CL8"/>
    <mergeCell ref="CM7:CO7"/>
    <mergeCell ref="CP7:CV7"/>
    <mergeCell ref="CW7:CW8"/>
    <mergeCell ref="CX7:CZ7"/>
    <mergeCell ref="DW7:EC7"/>
    <mergeCell ref="ED7:ED8"/>
    <mergeCell ref="EE7:EG7"/>
    <mergeCell ref="DH7:DH8"/>
    <mergeCell ref="DI7:DK7"/>
    <mergeCell ref="DL7:DR7"/>
    <mergeCell ref="DS7:DS8"/>
    <mergeCell ref="N7:P7"/>
    <mergeCell ref="Q7:W7"/>
    <mergeCell ref="BI7:BO7"/>
    <mergeCell ref="X7:X8"/>
    <mergeCell ref="Y7:AA7"/>
    <mergeCell ref="AB7:AH7"/>
    <mergeCell ref="AI7:AI8"/>
    <mergeCell ref="AJ7:AL7"/>
    <mergeCell ref="AM7:AS7"/>
    <mergeCell ref="AT7:AT8"/>
    <mergeCell ref="AU7:AW7"/>
    <mergeCell ref="AX7:BD7"/>
    <mergeCell ref="DI5:FK5"/>
    <mergeCell ref="B4:B8"/>
    <mergeCell ref="C4:M6"/>
    <mergeCell ref="N4:HY4"/>
    <mergeCell ref="N5:CA5"/>
    <mergeCell ref="CB5:DH5"/>
    <mergeCell ref="FL5:HC5"/>
    <mergeCell ref="HD5:HN6"/>
    <mergeCell ref="HO5:HY6"/>
    <mergeCell ref="EE6:EO6"/>
    <mergeCell ref="N6:X6"/>
    <mergeCell ref="Y6:AI6"/>
    <mergeCell ref="AJ6:AT6"/>
    <mergeCell ref="AU6:BE6"/>
    <mergeCell ref="BF6:BP6"/>
    <mergeCell ref="BQ6:CA6"/>
    <mergeCell ref="CB6:CL6"/>
    <mergeCell ref="CM6:CW6"/>
    <mergeCell ref="CX6:DH6"/>
    <mergeCell ref="DI6:DS6"/>
    <mergeCell ref="DT6:ED6"/>
    <mergeCell ref="C7:E7"/>
    <mergeCell ref="F7:L7"/>
    <mergeCell ref="M7:M8"/>
    <mergeCell ref="ID1:IE1"/>
    <mergeCell ref="HZ4:ME4"/>
    <mergeCell ref="MF4:OH4"/>
    <mergeCell ref="OI4:OS6"/>
    <mergeCell ref="HZ5:IJ6"/>
    <mergeCell ref="IK5:IU6"/>
    <mergeCell ref="IV5:JF6"/>
    <mergeCell ref="JG5:JQ6"/>
    <mergeCell ref="JR5:KB6"/>
    <mergeCell ref="KC5:KM6"/>
    <mergeCell ref="KN5:KX6"/>
    <mergeCell ref="KY5:LI6"/>
    <mergeCell ref="LJ5:LT6"/>
    <mergeCell ref="LU5:ME6"/>
    <mergeCell ref="MF5:MP6"/>
    <mergeCell ref="MQ5:NA6"/>
    <mergeCell ref="JU7:KA7"/>
    <mergeCell ref="KB7:KB8"/>
    <mergeCell ref="KC7:KE7"/>
    <mergeCell ref="KF7:KL7"/>
    <mergeCell ref="KM7:KM8"/>
    <mergeCell ref="NB5:NL6"/>
    <mergeCell ref="NM5:NW6"/>
    <mergeCell ref="NX5:OH6"/>
    <mergeCell ref="HZ7:IB7"/>
    <mergeCell ref="IC7:II7"/>
    <mergeCell ref="IJ7:IJ8"/>
    <mergeCell ref="IK7:IM7"/>
    <mergeCell ref="IN7:IT7"/>
    <mergeCell ref="IU7:IU8"/>
    <mergeCell ref="IV7:IX7"/>
    <mergeCell ref="IY7:JE7"/>
    <mergeCell ref="JF7:JF8"/>
    <mergeCell ref="JG7:JI7"/>
    <mergeCell ref="JJ7:JP7"/>
    <mergeCell ref="JQ7:JQ8"/>
    <mergeCell ref="JR7:JT7"/>
    <mergeCell ref="LI7:LI8"/>
    <mergeCell ref="LJ7:LL7"/>
    <mergeCell ref="LM7:LS7"/>
    <mergeCell ref="LT7:LT8"/>
    <mergeCell ref="LU7:LW7"/>
    <mergeCell ref="KN7:KP7"/>
    <mergeCell ref="KQ7:KW7"/>
    <mergeCell ref="KX7:KX8"/>
    <mergeCell ref="KY7:LA7"/>
    <mergeCell ref="LB7:LH7"/>
    <mergeCell ref="MQ7:MS7"/>
    <mergeCell ref="MT7:MZ7"/>
    <mergeCell ref="NA7:NA8"/>
    <mergeCell ref="NB7:ND7"/>
    <mergeCell ref="NE7:NK7"/>
    <mergeCell ref="LX7:MD7"/>
    <mergeCell ref="ME7:ME8"/>
    <mergeCell ref="MF7:MH7"/>
    <mergeCell ref="MI7:MO7"/>
    <mergeCell ref="MP7:MP8"/>
    <mergeCell ref="OA7:OG7"/>
    <mergeCell ref="OH7:OH8"/>
    <mergeCell ref="OI7:OK7"/>
    <mergeCell ref="OL7:OR7"/>
    <mergeCell ref="OS7:OS8"/>
    <mergeCell ref="NL7:NL8"/>
    <mergeCell ref="NM7:NO7"/>
    <mergeCell ref="NP7:NV7"/>
    <mergeCell ref="NW7:NW8"/>
    <mergeCell ref="NX7:NZ7"/>
  </mergeCells>
  <phoneticPr fontId="4"/>
  <pageMargins left="0.78740157480314965" right="0.78740157480314965" top="0.39370078740157483" bottom="0.43307086614173229" header="0.19685039370078741" footer="0.19685039370078741"/>
  <pageSetup paperSize="9" scale="55" orientation="landscape" r:id="rId1"/>
  <headerFooter alignWithMargins="0">
    <oddFooter>&amp;L&amp;20&amp;A&amp;C&amp;P/&amp;N</oddFooter>
  </headerFooter>
  <colBreaks count="9" manualBreakCount="9">
    <brk id="24" max="1048575" man="1"/>
    <brk id="46" max="1048575" man="1"/>
    <brk id="68" max="1048575" man="1"/>
    <brk id="90" max="1048575" man="1"/>
    <brk id="112" max="1048575" man="1"/>
    <brk id="134" max="1048575" man="1"/>
    <brk id="167" max="1048575" man="1"/>
    <brk id="189" max="1048575" man="1"/>
    <brk id="211" max="1048575" man="1"/>
  </col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OS43"/>
  <sheetViews>
    <sheetView zoomScaleNormal="100" workbookViewId="0">
      <pane xSplit="2" ySplit="9" topLeftCell="C10" activePane="bottomRight" state="frozen"/>
      <selection activeCell="F37" sqref="F37"/>
      <selection pane="topRight" activeCell="F37" sqref="F37"/>
      <selection pane="bottomLeft" activeCell="F37" sqref="F37"/>
      <selection pane="bottomRight" activeCell="C9" sqref="C9"/>
    </sheetView>
  </sheetViews>
  <sheetFormatPr defaultColWidth="8.21875" defaultRowHeight="13.2" x14ac:dyDescent="0.2"/>
  <cols>
    <col min="1" max="1" width="3.77734375" style="57" customWidth="1"/>
    <col min="2" max="2" width="9.77734375" style="57" customWidth="1"/>
    <col min="3" max="3" width="8.21875" style="57" customWidth="1"/>
    <col min="4" max="5" width="10" style="57" customWidth="1"/>
    <col min="6" max="6" width="7.77734375" style="57" customWidth="1"/>
    <col min="7" max="8" width="10" style="57" customWidth="1"/>
    <col min="9" max="9" width="9.88671875" style="57" customWidth="1"/>
    <col min="10" max="10" width="9.77734375" style="57" customWidth="1"/>
    <col min="11" max="11" width="9.88671875" style="57" customWidth="1"/>
    <col min="12" max="12" width="10.88671875" style="57" customWidth="1"/>
    <col min="13" max="13" width="11.109375" style="57" customWidth="1"/>
    <col min="14" max="16" width="8.21875" style="57" customWidth="1"/>
    <col min="17" max="17" width="7.21875" style="57" customWidth="1"/>
    <col min="18" max="18" width="8.21875" style="57" customWidth="1"/>
    <col min="19" max="19" width="10.109375" style="57" customWidth="1"/>
    <col min="20" max="20" width="9.109375" style="57" customWidth="1"/>
    <col min="21" max="21" width="9.77734375" style="57" customWidth="1"/>
    <col min="22" max="22" width="10.33203125" style="57" customWidth="1"/>
    <col min="23" max="23" width="10.44140625" style="57" customWidth="1"/>
    <col min="24" max="24" width="11" style="57" customWidth="1"/>
    <col min="25" max="27" width="8.21875" style="57" customWidth="1"/>
    <col min="28" max="28" width="7" style="57" customWidth="1"/>
    <col min="29" max="33" width="8.21875" style="57" customWidth="1"/>
    <col min="34" max="34" width="10.6640625" style="57" customWidth="1"/>
    <col min="35" max="35" width="10" style="57" customWidth="1"/>
    <col min="36" max="38" width="8.21875" style="57" customWidth="1"/>
    <col min="39" max="39" width="7" style="57" customWidth="1"/>
    <col min="40" max="49" width="8.21875" style="57" customWidth="1"/>
    <col min="50" max="50" width="7.21875" style="57" customWidth="1"/>
    <col min="51" max="55" width="8.21875" style="57" customWidth="1"/>
    <col min="56" max="57" width="9.33203125" style="57" customWidth="1"/>
    <col min="58" max="60" width="8.21875" style="57" customWidth="1"/>
    <col min="61" max="61" width="6.88671875" style="57" customWidth="1"/>
    <col min="62" max="71" width="8.21875" style="57" customWidth="1"/>
    <col min="72" max="72" width="7.21875" style="57" customWidth="1"/>
    <col min="73" max="79" width="8.21875" style="57" customWidth="1"/>
    <col min="80" max="82" width="8.21875" style="233" customWidth="1"/>
    <col min="83" max="83" width="7.6640625" style="233" customWidth="1"/>
    <col min="84" max="84" width="9.88671875" style="233" customWidth="1"/>
    <col min="85" max="85" width="10" style="233" customWidth="1"/>
    <col min="86" max="86" width="9.77734375" style="233" customWidth="1"/>
    <col min="87" max="87" width="9.21875" style="233" customWidth="1"/>
    <col min="88" max="88" width="8.77734375" style="233" customWidth="1"/>
    <col min="89" max="89" width="9.88671875" style="233" customWidth="1"/>
    <col min="90" max="90" width="9.77734375" style="233" customWidth="1"/>
    <col min="91" max="93" width="8.21875" style="57" customWidth="1"/>
    <col min="94" max="94" width="7.33203125" style="57" customWidth="1"/>
    <col min="95" max="95" width="9.88671875" style="57" bestFit="1" customWidth="1"/>
    <col min="96" max="96" width="10" style="57" customWidth="1"/>
    <col min="97" max="97" width="9.6640625" style="57" customWidth="1"/>
    <col min="98" max="99" width="8.21875" style="57" customWidth="1"/>
    <col min="100" max="101" width="9.88671875" style="57" customWidth="1"/>
    <col min="102" max="104" width="8.21875" style="57" customWidth="1"/>
    <col min="105" max="105" width="7.44140625" style="57" customWidth="1"/>
    <col min="106" max="110" width="8.21875" style="57" customWidth="1"/>
    <col min="111" max="111" width="10" style="57" customWidth="1"/>
    <col min="112" max="112" width="9.88671875" style="57" customWidth="1"/>
    <col min="113" max="115" width="8.21875" style="233" customWidth="1"/>
    <col min="116" max="116" width="7.21875" style="233" customWidth="1"/>
    <col min="117" max="121" width="8.21875" style="233" customWidth="1"/>
    <col min="122" max="122" width="10.109375" style="233" customWidth="1"/>
    <col min="123" max="123" width="9.77734375" style="233" customWidth="1"/>
    <col min="124" max="126" width="8.21875" style="57" customWidth="1"/>
    <col min="127" max="127" width="7.33203125" style="57" customWidth="1"/>
    <col min="128" max="132" width="8.21875" style="57" customWidth="1"/>
    <col min="133" max="133" width="10.33203125" style="57" customWidth="1"/>
    <col min="134" max="134" width="10.109375" style="57" customWidth="1"/>
    <col min="135" max="137" width="8.21875" style="57" customWidth="1"/>
    <col min="138" max="138" width="7.109375" style="57" customWidth="1"/>
    <col min="139" max="148" width="8.21875" style="57" customWidth="1"/>
    <col min="149" max="149" width="7.21875" style="57" customWidth="1"/>
    <col min="150" max="159" width="8.21875" style="57" customWidth="1"/>
    <col min="160" max="160" width="7.21875" style="57" customWidth="1"/>
    <col min="161" max="167" width="8.21875" style="57" customWidth="1"/>
    <col min="168" max="170" width="8.21875" style="233" customWidth="1"/>
    <col min="171" max="171" width="6.6640625" style="233" customWidth="1"/>
    <col min="172" max="176" width="8.21875" style="233" customWidth="1"/>
    <col min="177" max="177" width="10.109375" style="233" customWidth="1"/>
    <col min="178" max="178" width="9.88671875" style="233" customWidth="1"/>
    <col min="179" max="181" width="8.21875" style="57" customWidth="1"/>
    <col min="182" max="182" width="7.33203125" style="57" customWidth="1"/>
    <col min="183" max="187" width="8.21875" style="57" customWidth="1"/>
    <col min="188" max="188" width="10" style="57" customWidth="1"/>
    <col min="189" max="189" width="10.6640625" style="57" customWidth="1"/>
    <col min="190" max="192" width="8.21875" style="57" customWidth="1"/>
    <col min="193" max="193" width="7.21875" style="57" customWidth="1"/>
    <col min="194" max="203" width="8.21875" style="57" customWidth="1"/>
    <col min="204" max="204" width="7.109375" style="57" customWidth="1"/>
    <col min="205" max="214" width="8.21875" style="57" customWidth="1"/>
    <col min="215" max="215" width="7.109375" style="57" customWidth="1"/>
    <col min="216" max="220" width="8.21875" style="57" customWidth="1"/>
    <col min="221" max="222" width="9.77734375" style="57" customWidth="1"/>
    <col min="223" max="225" width="8.21875" style="57" customWidth="1"/>
    <col min="226" max="226" width="7.21875" style="57" customWidth="1"/>
    <col min="227" max="231" width="8.21875" style="57" customWidth="1"/>
    <col min="232" max="233" width="10" style="57" customWidth="1"/>
    <col min="234" max="235" width="7.44140625" style="233" customWidth="1"/>
    <col min="236" max="236" width="9.33203125" style="233" customWidth="1"/>
    <col min="237" max="237" width="7.44140625" style="233" customWidth="1"/>
    <col min="238" max="244" width="10.109375" style="233" customWidth="1"/>
    <col min="245" max="247" width="10.109375" style="57" customWidth="1"/>
    <col min="248" max="248" width="7.109375" style="57" customWidth="1"/>
    <col min="249" max="258" width="10.109375" style="57" customWidth="1"/>
    <col min="259" max="259" width="7.33203125" style="57" customWidth="1"/>
    <col min="260" max="269" width="10.109375" style="57" customWidth="1"/>
    <col min="270" max="270" width="7.21875" style="57" customWidth="1"/>
    <col min="271" max="280" width="10.109375" style="57" customWidth="1"/>
    <col min="281" max="281" width="7.6640625" style="57" customWidth="1"/>
    <col min="282" max="291" width="10.109375" style="57" customWidth="1"/>
    <col min="292" max="292" width="6.33203125" style="57" customWidth="1"/>
    <col min="293" max="302" width="10.109375" style="57" customWidth="1"/>
    <col min="303" max="303" width="7.44140625" style="57" customWidth="1"/>
    <col min="304" max="310" width="10.109375" style="57" customWidth="1"/>
    <col min="311" max="313" width="10.109375" style="233" customWidth="1"/>
    <col min="314" max="314" width="7.109375" style="233" customWidth="1"/>
    <col min="315" max="324" width="10.109375" style="233" customWidth="1"/>
    <col min="325" max="325" width="7.44140625" style="233" customWidth="1"/>
    <col min="326" max="335" width="10.109375" style="233" customWidth="1"/>
    <col min="336" max="336" width="6.88671875" style="233" customWidth="1"/>
    <col min="337" max="343" width="10.109375" style="233" customWidth="1"/>
    <col min="344" max="346" width="10.109375" style="57" customWidth="1"/>
    <col min="347" max="347" width="7.21875" style="57" customWidth="1"/>
    <col min="348" max="357" width="10.109375" style="57" customWidth="1"/>
    <col min="358" max="358" width="7.21875" style="57" customWidth="1"/>
    <col min="359" max="368" width="10.109375" style="57" customWidth="1"/>
    <col min="369" max="369" width="7" style="57" customWidth="1"/>
    <col min="370" max="379" width="10.109375" style="57" customWidth="1"/>
    <col min="380" max="380" width="6.88671875" style="57" customWidth="1"/>
    <col min="381" max="385" width="10.109375" style="57" customWidth="1"/>
    <col min="386" max="387" width="10.33203125" style="57" customWidth="1"/>
    <col min="388" max="390" width="10.109375" style="57" customWidth="1"/>
    <col min="391" max="391" width="6.88671875" style="57" customWidth="1"/>
    <col min="392" max="396" width="10.109375" style="57" customWidth="1"/>
    <col min="397" max="398" width="10.33203125" style="57" customWidth="1"/>
    <col min="399" max="401" width="9.21875" style="57" customWidth="1"/>
    <col min="402" max="402" width="7" style="57" customWidth="1"/>
    <col min="403" max="404" width="9.21875" style="57" customWidth="1"/>
    <col min="405" max="405" width="10.44140625" style="57" customWidth="1"/>
    <col min="406" max="406" width="12.109375" style="57" customWidth="1"/>
    <col min="407" max="407" width="10.109375" style="57" customWidth="1"/>
    <col min="408" max="409" width="10.33203125" style="57" customWidth="1"/>
    <col min="410" max="16384" width="8.21875" style="57"/>
  </cols>
  <sheetData>
    <row r="1" spans="2:409" ht="24" customHeight="1" x14ac:dyDescent="0.2">
      <c r="B1" s="7" t="s">
        <v>132</v>
      </c>
      <c r="E1" s="52">
        <f>第１表!F2</f>
        <v>7</v>
      </c>
      <c r="F1" s="13">
        <f>第１表!G2</f>
        <v>1</v>
      </c>
      <c r="G1" s="572">
        <f>IF(F1&lt;3,F1-2+12,F1-2)</f>
        <v>11</v>
      </c>
      <c r="H1" s="572"/>
      <c r="IB1" s="37"/>
      <c r="IC1" s="19"/>
      <c r="ID1" s="547"/>
      <c r="IE1" s="547"/>
    </row>
    <row r="2" spans="2:409" ht="24" customHeight="1" x14ac:dyDescent="0.2">
      <c r="B2" s="7" t="s">
        <v>143</v>
      </c>
      <c r="E2" s="16"/>
      <c r="F2" s="17"/>
      <c r="G2" s="234"/>
      <c r="H2" s="234"/>
      <c r="IB2" s="18"/>
      <c r="IC2" s="19"/>
      <c r="ID2" s="234"/>
      <c r="IE2" s="234"/>
    </row>
    <row r="3" spans="2:409" ht="24" customHeight="1" thickBot="1" x14ac:dyDescent="0.25">
      <c r="B3" s="7" t="s">
        <v>150</v>
      </c>
    </row>
    <row r="4" spans="2:409" ht="21" customHeight="1" thickBot="1" x14ac:dyDescent="0.25">
      <c r="B4" s="554" t="s">
        <v>42</v>
      </c>
      <c r="C4" s="557" t="s">
        <v>63</v>
      </c>
      <c r="D4" s="557"/>
      <c r="E4" s="557"/>
      <c r="F4" s="557"/>
      <c r="G4" s="557"/>
      <c r="H4" s="557"/>
      <c r="I4" s="557"/>
      <c r="J4" s="557"/>
      <c r="K4" s="557"/>
      <c r="L4" s="557"/>
      <c r="M4" s="557"/>
      <c r="N4" s="520"/>
      <c r="O4" s="520"/>
      <c r="P4" s="520"/>
      <c r="Q4" s="520"/>
      <c r="R4" s="520"/>
      <c r="S4" s="520"/>
      <c r="T4" s="520"/>
      <c r="U4" s="520"/>
      <c r="V4" s="520"/>
      <c r="W4" s="520"/>
      <c r="X4" s="520"/>
      <c r="Y4" s="520"/>
      <c r="Z4" s="520"/>
      <c r="AA4" s="520"/>
      <c r="AB4" s="520"/>
      <c r="AC4" s="520"/>
      <c r="AD4" s="520"/>
      <c r="AE4" s="520"/>
      <c r="AF4" s="520"/>
      <c r="AG4" s="520"/>
      <c r="AH4" s="520"/>
      <c r="AI4" s="520"/>
      <c r="AJ4" s="520"/>
      <c r="AK4" s="520"/>
      <c r="AL4" s="520"/>
      <c r="AM4" s="520"/>
      <c r="AN4" s="520"/>
      <c r="AO4" s="520"/>
      <c r="AP4" s="520"/>
      <c r="AQ4" s="520"/>
      <c r="AR4" s="520"/>
      <c r="AS4" s="520"/>
      <c r="AT4" s="520"/>
      <c r="AU4" s="520"/>
      <c r="AV4" s="520"/>
      <c r="AW4" s="520"/>
      <c r="AX4" s="520"/>
      <c r="AY4" s="520"/>
      <c r="AZ4" s="520"/>
      <c r="BA4" s="520"/>
      <c r="BB4" s="520"/>
      <c r="BC4" s="520"/>
      <c r="BD4" s="520"/>
      <c r="BE4" s="520"/>
      <c r="BF4" s="520"/>
      <c r="BG4" s="520"/>
      <c r="BH4" s="520"/>
      <c r="BI4" s="520"/>
      <c r="BJ4" s="520"/>
      <c r="BK4" s="520"/>
      <c r="BL4" s="520"/>
      <c r="BM4" s="520"/>
      <c r="BN4" s="520"/>
      <c r="BO4" s="520"/>
      <c r="BP4" s="520"/>
      <c r="BQ4" s="520"/>
      <c r="BR4" s="520"/>
      <c r="BS4" s="520"/>
      <c r="BT4" s="520"/>
      <c r="BU4" s="520"/>
      <c r="BV4" s="520"/>
      <c r="BW4" s="520"/>
      <c r="BX4" s="520"/>
      <c r="BY4" s="520"/>
      <c r="BZ4" s="520"/>
      <c r="CA4" s="520"/>
      <c r="CB4" s="520"/>
      <c r="CC4" s="520"/>
      <c r="CD4" s="520"/>
      <c r="CE4" s="520"/>
      <c r="CF4" s="520"/>
      <c r="CG4" s="520"/>
      <c r="CH4" s="520"/>
      <c r="CI4" s="520"/>
      <c r="CJ4" s="520"/>
      <c r="CK4" s="520"/>
      <c r="CL4" s="520"/>
      <c r="CM4" s="520"/>
      <c r="CN4" s="520"/>
      <c r="CO4" s="520"/>
      <c r="CP4" s="520"/>
      <c r="CQ4" s="520"/>
      <c r="CR4" s="520"/>
      <c r="CS4" s="520"/>
      <c r="CT4" s="520"/>
      <c r="CU4" s="520"/>
      <c r="CV4" s="520"/>
      <c r="CW4" s="520"/>
      <c r="CX4" s="520"/>
      <c r="CY4" s="520"/>
      <c r="CZ4" s="520"/>
      <c r="DA4" s="520"/>
      <c r="DB4" s="520"/>
      <c r="DC4" s="520"/>
      <c r="DD4" s="520"/>
      <c r="DE4" s="520"/>
      <c r="DF4" s="520"/>
      <c r="DG4" s="520"/>
      <c r="DH4" s="520"/>
      <c r="DI4" s="520"/>
      <c r="DJ4" s="520"/>
      <c r="DK4" s="520"/>
      <c r="DL4" s="520"/>
      <c r="DM4" s="520"/>
      <c r="DN4" s="520"/>
      <c r="DO4" s="520"/>
      <c r="DP4" s="520"/>
      <c r="DQ4" s="520"/>
      <c r="DR4" s="520"/>
      <c r="DS4" s="520"/>
      <c r="DT4" s="520"/>
      <c r="DU4" s="520"/>
      <c r="DV4" s="520"/>
      <c r="DW4" s="520"/>
      <c r="DX4" s="520"/>
      <c r="DY4" s="520"/>
      <c r="DZ4" s="520"/>
      <c r="EA4" s="520"/>
      <c r="EB4" s="520"/>
      <c r="EC4" s="520"/>
      <c r="ED4" s="520"/>
      <c r="EE4" s="520"/>
      <c r="EF4" s="520"/>
      <c r="EG4" s="520"/>
      <c r="EH4" s="520"/>
      <c r="EI4" s="520"/>
      <c r="EJ4" s="520"/>
      <c r="EK4" s="520"/>
      <c r="EL4" s="520"/>
      <c r="EM4" s="520"/>
      <c r="EN4" s="520"/>
      <c r="EO4" s="520"/>
      <c r="EP4" s="520"/>
      <c r="EQ4" s="520"/>
      <c r="ER4" s="520"/>
      <c r="ES4" s="520"/>
      <c r="ET4" s="520"/>
      <c r="EU4" s="520"/>
      <c r="EV4" s="520"/>
      <c r="EW4" s="520"/>
      <c r="EX4" s="520"/>
      <c r="EY4" s="520"/>
      <c r="EZ4" s="520"/>
      <c r="FA4" s="520"/>
      <c r="FB4" s="520"/>
      <c r="FC4" s="520"/>
      <c r="FD4" s="520"/>
      <c r="FE4" s="520"/>
      <c r="FF4" s="520"/>
      <c r="FG4" s="520"/>
      <c r="FH4" s="520"/>
      <c r="FI4" s="520"/>
      <c r="FJ4" s="520"/>
      <c r="FK4" s="520"/>
      <c r="FL4" s="520"/>
      <c r="FM4" s="520"/>
      <c r="FN4" s="520"/>
      <c r="FO4" s="520"/>
      <c r="FP4" s="520"/>
      <c r="FQ4" s="520"/>
      <c r="FR4" s="520"/>
      <c r="FS4" s="520"/>
      <c r="FT4" s="520"/>
      <c r="FU4" s="520"/>
      <c r="FV4" s="520"/>
      <c r="FW4" s="520"/>
      <c r="FX4" s="520"/>
      <c r="FY4" s="520"/>
      <c r="FZ4" s="520"/>
      <c r="GA4" s="520"/>
      <c r="GB4" s="520"/>
      <c r="GC4" s="520"/>
      <c r="GD4" s="520"/>
      <c r="GE4" s="520"/>
      <c r="GF4" s="520"/>
      <c r="GG4" s="520"/>
      <c r="GH4" s="520"/>
      <c r="GI4" s="520"/>
      <c r="GJ4" s="520"/>
      <c r="GK4" s="520"/>
      <c r="GL4" s="520"/>
      <c r="GM4" s="520"/>
      <c r="GN4" s="520"/>
      <c r="GO4" s="520"/>
      <c r="GP4" s="520"/>
      <c r="GQ4" s="520"/>
      <c r="GR4" s="520"/>
      <c r="GS4" s="520"/>
      <c r="GT4" s="520"/>
      <c r="GU4" s="520"/>
      <c r="GV4" s="520"/>
      <c r="GW4" s="520"/>
      <c r="GX4" s="520"/>
      <c r="GY4" s="520"/>
      <c r="GZ4" s="520"/>
      <c r="HA4" s="520"/>
      <c r="HB4" s="520"/>
      <c r="HC4" s="520"/>
      <c r="HD4" s="520"/>
      <c r="HE4" s="520"/>
      <c r="HF4" s="520"/>
      <c r="HG4" s="520"/>
      <c r="HH4" s="520"/>
      <c r="HI4" s="520"/>
      <c r="HJ4" s="520"/>
      <c r="HK4" s="520"/>
      <c r="HL4" s="520"/>
      <c r="HM4" s="520"/>
      <c r="HN4" s="520"/>
      <c r="HO4" s="520"/>
      <c r="HP4" s="520"/>
      <c r="HQ4" s="520"/>
      <c r="HR4" s="520"/>
      <c r="HS4" s="520"/>
      <c r="HT4" s="520"/>
      <c r="HU4" s="520"/>
      <c r="HV4" s="520"/>
      <c r="HW4" s="520"/>
      <c r="HX4" s="520"/>
      <c r="HY4" s="521"/>
      <c r="HZ4" s="424" t="s">
        <v>85</v>
      </c>
      <c r="IA4" s="425"/>
      <c r="IB4" s="425"/>
      <c r="IC4" s="425"/>
      <c r="ID4" s="425"/>
      <c r="IE4" s="425"/>
      <c r="IF4" s="425"/>
      <c r="IG4" s="425"/>
      <c r="IH4" s="425"/>
      <c r="II4" s="425"/>
      <c r="IJ4" s="425"/>
      <c r="IK4" s="425"/>
      <c r="IL4" s="425"/>
      <c r="IM4" s="425"/>
      <c r="IN4" s="425"/>
      <c r="IO4" s="425"/>
      <c r="IP4" s="425"/>
      <c r="IQ4" s="425"/>
      <c r="IR4" s="425"/>
      <c r="IS4" s="425"/>
      <c r="IT4" s="425"/>
      <c r="IU4" s="425"/>
      <c r="IV4" s="425"/>
      <c r="IW4" s="425"/>
      <c r="IX4" s="425"/>
      <c r="IY4" s="425"/>
      <c r="IZ4" s="425"/>
      <c r="JA4" s="425"/>
      <c r="JB4" s="425"/>
      <c r="JC4" s="425"/>
      <c r="JD4" s="425"/>
      <c r="JE4" s="425"/>
      <c r="JF4" s="425"/>
      <c r="JG4" s="425"/>
      <c r="JH4" s="425"/>
      <c r="JI4" s="425"/>
      <c r="JJ4" s="425"/>
      <c r="JK4" s="425"/>
      <c r="JL4" s="425"/>
      <c r="JM4" s="425"/>
      <c r="JN4" s="425"/>
      <c r="JO4" s="425"/>
      <c r="JP4" s="425"/>
      <c r="JQ4" s="425"/>
      <c r="JR4" s="425"/>
      <c r="JS4" s="425"/>
      <c r="JT4" s="425"/>
      <c r="JU4" s="425"/>
      <c r="JV4" s="425"/>
      <c r="JW4" s="425"/>
      <c r="JX4" s="425"/>
      <c r="JY4" s="425"/>
      <c r="JZ4" s="425"/>
      <c r="KA4" s="425"/>
      <c r="KB4" s="425"/>
      <c r="KC4" s="425"/>
      <c r="KD4" s="425"/>
      <c r="KE4" s="425"/>
      <c r="KF4" s="425"/>
      <c r="KG4" s="425"/>
      <c r="KH4" s="425"/>
      <c r="KI4" s="425"/>
      <c r="KJ4" s="425"/>
      <c r="KK4" s="425"/>
      <c r="KL4" s="425"/>
      <c r="KM4" s="425"/>
      <c r="KN4" s="425"/>
      <c r="KO4" s="425"/>
      <c r="KP4" s="425"/>
      <c r="KQ4" s="425"/>
      <c r="KR4" s="425"/>
      <c r="KS4" s="425"/>
      <c r="KT4" s="425"/>
      <c r="KU4" s="425"/>
      <c r="KV4" s="425"/>
      <c r="KW4" s="425"/>
      <c r="KX4" s="425"/>
      <c r="KY4" s="425"/>
      <c r="KZ4" s="425"/>
      <c r="LA4" s="425"/>
      <c r="LB4" s="425"/>
      <c r="LC4" s="425"/>
      <c r="LD4" s="425"/>
      <c r="LE4" s="425"/>
      <c r="LF4" s="425"/>
      <c r="LG4" s="425"/>
      <c r="LH4" s="425"/>
      <c r="LI4" s="425"/>
      <c r="LJ4" s="425"/>
      <c r="LK4" s="425"/>
      <c r="LL4" s="425"/>
      <c r="LM4" s="425"/>
      <c r="LN4" s="425"/>
      <c r="LO4" s="425"/>
      <c r="LP4" s="425"/>
      <c r="LQ4" s="425"/>
      <c r="LR4" s="425"/>
      <c r="LS4" s="425"/>
      <c r="LT4" s="425"/>
      <c r="LU4" s="425"/>
      <c r="LV4" s="425"/>
      <c r="LW4" s="425"/>
      <c r="LX4" s="425"/>
      <c r="LY4" s="425"/>
      <c r="LZ4" s="425"/>
      <c r="MA4" s="425"/>
      <c r="MB4" s="425"/>
      <c r="MC4" s="425"/>
      <c r="MD4" s="425"/>
      <c r="ME4" s="426"/>
      <c r="MF4" s="424" t="s">
        <v>86</v>
      </c>
      <c r="MG4" s="425"/>
      <c r="MH4" s="425"/>
      <c r="MI4" s="425"/>
      <c r="MJ4" s="425"/>
      <c r="MK4" s="425"/>
      <c r="ML4" s="425"/>
      <c r="MM4" s="425"/>
      <c r="MN4" s="425"/>
      <c r="MO4" s="425"/>
      <c r="MP4" s="425"/>
      <c r="MQ4" s="425"/>
      <c r="MR4" s="425"/>
      <c r="MS4" s="425"/>
      <c r="MT4" s="425"/>
      <c r="MU4" s="425"/>
      <c r="MV4" s="425"/>
      <c r="MW4" s="425"/>
      <c r="MX4" s="425"/>
      <c r="MY4" s="425"/>
      <c r="MZ4" s="425"/>
      <c r="NA4" s="425"/>
      <c r="NB4" s="425"/>
      <c r="NC4" s="425"/>
      <c r="ND4" s="425"/>
      <c r="NE4" s="425"/>
      <c r="NF4" s="425"/>
      <c r="NG4" s="425"/>
      <c r="NH4" s="425"/>
      <c r="NI4" s="425"/>
      <c r="NJ4" s="425"/>
      <c r="NK4" s="425"/>
      <c r="NL4" s="425"/>
      <c r="NM4" s="425"/>
      <c r="NN4" s="425"/>
      <c r="NO4" s="425"/>
      <c r="NP4" s="425"/>
      <c r="NQ4" s="425"/>
      <c r="NR4" s="425"/>
      <c r="NS4" s="425"/>
      <c r="NT4" s="425"/>
      <c r="NU4" s="425"/>
      <c r="NV4" s="425"/>
      <c r="NW4" s="425"/>
      <c r="NX4" s="425"/>
      <c r="NY4" s="425"/>
      <c r="NZ4" s="425"/>
      <c r="OA4" s="425"/>
      <c r="OB4" s="425"/>
      <c r="OC4" s="425"/>
      <c r="OD4" s="425"/>
      <c r="OE4" s="425"/>
      <c r="OF4" s="425"/>
      <c r="OG4" s="425"/>
      <c r="OH4" s="426"/>
      <c r="OI4" s="427" t="s">
        <v>60</v>
      </c>
      <c r="OJ4" s="428"/>
      <c r="OK4" s="428"/>
      <c r="OL4" s="428"/>
      <c r="OM4" s="428"/>
      <c r="ON4" s="428"/>
      <c r="OO4" s="428"/>
      <c r="OP4" s="428"/>
      <c r="OQ4" s="428"/>
      <c r="OR4" s="428"/>
      <c r="OS4" s="429"/>
    </row>
    <row r="5" spans="2:409" ht="21" customHeight="1" thickBot="1" x14ac:dyDescent="0.25">
      <c r="B5" s="555"/>
      <c r="C5" s="558"/>
      <c r="D5" s="558"/>
      <c r="E5" s="558"/>
      <c r="F5" s="558"/>
      <c r="G5" s="558"/>
      <c r="H5" s="558"/>
      <c r="I5" s="558"/>
      <c r="J5" s="558"/>
      <c r="K5" s="558"/>
      <c r="L5" s="558"/>
      <c r="M5" s="558"/>
      <c r="N5" s="560" t="s">
        <v>64</v>
      </c>
      <c r="O5" s="561"/>
      <c r="P5" s="561"/>
      <c r="Q5" s="561"/>
      <c r="R5" s="561"/>
      <c r="S5" s="561"/>
      <c r="T5" s="561"/>
      <c r="U5" s="561"/>
      <c r="V5" s="561"/>
      <c r="W5" s="561"/>
      <c r="X5" s="561"/>
      <c r="Y5" s="561"/>
      <c r="Z5" s="561"/>
      <c r="AA5" s="561"/>
      <c r="AB5" s="561"/>
      <c r="AC5" s="561"/>
      <c r="AD5" s="561"/>
      <c r="AE5" s="561"/>
      <c r="AF5" s="561"/>
      <c r="AG5" s="561"/>
      <c r="AH5" s="561"/>
      <c r="AI5" s="561"/>
      <c r="AJ5" s="561"/>
      <c r="AK5" s="561"/>
      <c r="AL5" s="561"/>
      <c r="AM5" s="561"/>
      <c r="AN5" s="561"/>
      <c r="AO5" s="561"/>
      <c r="AP5" s="561"/>
      <c r="AQ5" s="561"/>
      <c r="AR5" s="561"/>
      <c r="AS5" s="561"/>
      <c r="AT5" s="561"/>
      <c r="AU5" s="561"/>
      <c r="AV5" s="561"/>
      <c r="AW5" s="561"/>
      <c r="AX5" s="561"/>
      <c r="AY5" s="561"/>
      <c r="AZ5" s="561"/>
      <c r="BA5" s="561"/>
      <c r="BB5" s="561"/>
      <c r="BC5" s="561"/>
      <c r="BD5" s="561"/>
      <c r="BE5" s="561"/>
      <c r="BF5" s="561"/>
      <c r="BG5" s="561"/>
      <c r="BH5" s="561"/>
      <c r="BI5" s="561"/>
      <c r="BJ5" s="561"/>
      <c r="BK5" s="561"/>
      <c r="BL5" s="561"/>
      <c r="BM5" s="561"/>
      <c r="BN5" s="561"/>
      <c r="BO5" s="561"/>
      <c r="BP5" s="561"/>
      <c r="BQ5" s="561"/>
      <c r="BR5" s="561"/>
      <c r="BS5" s="561"/>
      <c r="BT5" s="561"/>
      <c r="BU5" s="561"/>
      <c r="BV5" s="561"/>
      <c r="BW5" s="561"/>
      <c r="BX5" s="561"/>
      <c r="BY5" s="561"/>
      <c r="BZ5" s="561"/>
      <c r="CA5" s="562"/>
      <c r="CB5" s="560" t="s">
        <v>65</v>
      </c>
      <c r="CC5" s="561"/>
      <c r="CD5" s="561"/>
      <c r="CE5" s="561"/>
      <c r="CF5" s="561"/>
      <c r="CG5" s="561"/>
      <c r="CH5" s="561"/>
      <c r="CI5" s="561"/>
      <c r="CJ5" s="561"/>
      <c r="CK5" s="561"/>
      <c r="CL5" s="561"/>
      <c r="CM5" s="561"/>
      <c r="CN5" s="561"/>
      <c r="CO5" s="561"/>
      <c r="CP5" s="561"/>
      <c r="CQ5" s="561"/>
      <c r="CR5" s="561"/>
      <c r="CS5" s="561"/>
      <c r="CT5" s="561"/>
      <c r="CU5" s="561"/>
      <c r="CV5" s="561"/>
      <c r="CW5" s="561"/>
      <c r="CX5" s="561"/>
      <c r="CY5" s="561"/>
      <c r="CZ5" s="561"/>
      <c r="DA5" s="561"/>
      <c r="DB5" s="561"/>
      <c r="DC5" s="561"/>
      <c r="DD5" s="561"/>
      <c r="DE5" s="561"/>
      <c r="DF5" s="561"/>
      <c r="DG5" s="561"/>
      <c r="DH5" s="562"/>
      <c r="DI5" s="424" t="s">
        <v>66</v>
      </c>
      <c r="DJ5" s="425"/>
      <c r="DK5" s="425"/>
      <c r="DL5" s="425"/>
      <c r="DM5" s="425"/>
      <c r="DN5" s="425"/>
      <c r="DO5" s="425"/>
      <c r="DP5" s="425"/>
      <c r="DQ5" s="425"/>
      <c r="DR5" s="425"/>
      <c r="DS5" s="425"/>
      <c r="DT5" s="425"/>
      <c r="DU5" s="425"/>
      <c r="DV5" s="425"/>
      <c r="DW5" s="425"/>
      <c r="DX5" s="425"/>
      <c r="DY5" s="425"/>
      <c r="DZ5" s="425"/>
      <c r="EA5" s="425"/>
      <c r="EB5" s="425"/>
      <c r="EC5" s="425"/>
      <c r="ED5" s="425"/>
      <c r="EE5" s="425"/>
      <c r="EF5" s="425"/>
      <c r="EG5" s="425"/>
      <c r="EH5" s="425"/>
      <c r="EI5" s="425"/>
      <c r="EJ5" s="425"/>
      <c r="EK5" s="425"/>
      <c r="EL5" s="425"/>
      <c r="EM5" s="425"/>
      <c r="EN5" s="425"/>
      <c r="EO5" s="425"/>
      <c r="EP5" s="425"/>
      <c r="EQ5" s="425"/>
      <c r="ER5" s="425"/>
      <c r="ES5" s="425"/>
      <c r="ET5" s="425"/>
      <c r="EU5" s="425"/>
      <c r="EV5" s="425"/>
      <c r="EW5" s="425"/>
      <c r="EX5" s="425"/>
      <c r="EY5" s="425"/>
      <c r="EZ5" s="425"/>
      <c r="FA5" s="425"/>
      <c r="FB5" s="425"/>
      <c r="FC5" s="425"/>
      <c r="FD5" s="425"/>
      <c r="FE5" s="425"/>
      <c r="FF5" s="425"/>
      <c r="FG5" s="425"/>
      <c r="FH5" s="425"/>
      <c r="FI5" s="425"/>
      <c r="FJ5" s="425"/>
      <c r="FK5" s="426"/>
      <c r="FL5" s="560" t="s">
        <v>67</v>
      </c>
      <c r="FM5" s="561"/>
      <c r="FN5" s="561"/>
      <c r="FO5" s="561"/>
      <c r="FP5" s="561"/>
      <c r="FQ5" s="561"/>
      <c r="FR5" s="561"/>
      <c r="FS5" s="561"/>
      <c r="FT5" s="561"/>
      <c r="FU5" s="561"/>
      <c r="FV5" s="561"/>
      <c r="FW5" s="561"/>
      <c r="FX5" s="561"/>
      <c r="FY5" s="561"/>
      <c r="FZ5" s="561"/>
      <c r="GA5" s="561"/>
      <c r="GB5" s="561"/>
      <c r="GC5" s="561"/>
      <c r="GD5" s="561"/>
      <c r="GE5" s="561"/>
      <c r="GF5" s="561"/>
      <c r="GG5" s="561"/>
      <c r="GH5" s="561"/>
      <c r="GI5" s="561"/>
      <c r="GJ5" s="561"/>
      <c r="GK5" s="561"/>
      <c r="GL5" s="561"/>
      <c r="GM5" s="561"/>
      <c r="GN5" s="561"/>
      <c r="GO5" s="561"/>
      <c r="GP5" s="561"/>
      <c r="GQ5" s="561"/>
      <c r="GR5" s="561"/>
      <c r="GS5" s="561"/>
      <c r="GT5" s="561"/>
      <c r="GU5" s="561"/>
      <c r="GV5" s="561"/>
      <c r="GW5" s="561"/>
      <c r="GX5" s="561"/>
      <c r="GY5" s="561"/>
      <c r="GZ5" s="561"/>
      <c r="HA5" s="561"/>
      <c r="HB5" s="561"/>
      <c r="HC5" s="562"/>
      <c r="HD5" s="563" t="s">
        <v>68</v>
      </c>
      <c r="HE5" s="564"/>
      <c r="HF5" s="564"/>
      <c r="HG5" s="564"/>
      <c r="HH5" s="564"/>
      <c r="HI5" s="564"/>
      <c r="HJ5" s="564"/>
      <c r="HK5" s="564"/>
      <c r="HL5" s="564"/>
      <c r="HM5" s="564"/>
      <c r="HN5" s="565"/>
      <c r="HO5" s="563" t="s">
        <v>69</v>
      </c>
      <c r="HP5" s="564"/>
      <c r="HQ5" s="564"/>
      <c r="HR5" s="564"/>
      <c r="HS5" s="564"/>
      <c r="HT5" s="564"/>
      <c r="HU5" s="564"/>
      <c r="HV5" s="564"/>
      <c r="HW5" s="564"/>
      <c r="HX5" s="564"/>
      <c r="HY5" s="565"/>
      <c r="HZ5" s="538"/>
      <c r="IA5" s="539"/>
      <c r="IB5" s="539"/>
      <c r="IC5" s="539"/>
      <c r="ID5" s="539"/>
      <c r="IE5" s="539"/>
      <c r="IF5" s="539"/>
      <c r="IG5" s="539"/>
      <c r="IH5" s="539"/>
      <c r="II5" s="539"/>
      <c r="IJ5" s="540"/>
      <c r="IK5" s="427" t="s">
        <v>94</v>
      </c>
      <c r="IL5" s="428"/>
      <c r="IM5" s="428"/>
      <c r="IN5" s="428"/>
      <c r="IO5" s="428"/>
      <c r="IP5" s="428"/>
      <c r="IQ5" s="428"/>
      <c r="IR5" s="428"/>
      <c r="IS5" s="428"/>
      <c r="IT5" s="428"/>
      <c r="IU5" s="429"/>
      <c r="IV5" s="427" t="s">
        <v>88</v>
      </c>
      <c r="IW5" s="428"/>
      <c r="IX5" s="428"/>
      <c r="IY5" s="428"/>
      <c r="IZ5" s="428"/>
      <c r="JA5" s="428"/>
      <c r="JB5" s="428"/>
      <c r="JC5" s="428"/>
      <c r="JD5" s="428"/>
      <c r="JE5" s="428"/>
      <c r="JF5" s="429"/>
      <c r="JG5" s="427" t="s">
        <v>140</v>
      </c>
      <c r="JH5" s="428"/>
      <c r="JI5" s="428"/>
      <c r="JJ5" s="428"/>
      <c r="JK5" s="428"/>
      <c r="JL5" s="428"/>
      <c r="JM5" s="428"/>
      <c r="JN5" s="428"/>
      <c r="JO5" s="428"/>
      <c r="JP5" s="428"/>
      <c r="JQ5" s="429"/>
      <c r="JR5" s="427" t="s">
        <v>90</v>
      </c>
      <c r="JS5" s="428"/>
      <c r="JT5" s="428"/>
      <c r="JU5" s="428"/>
      <c r="JV5" s="428"/>
      <c r="JW5" s="428"/>
      <c r="JX5" s="428"/>
      <c r="JY5" s="428"/>
      <c r="JZ5" s="428"/>
      <c r="KA5" s="428"/>
      <c r="KB5" s="429"/>
      <c r="KC5" s="427" t="s">
        <v>89</v>
      </c>
      <c r="KD5" s="428"/>
      <c r="KE5" s="428"/>
      <c r="KF5" s="428"/>
      <c r="KG5" s="428"/>
      <c r="KH5" s="428"/>
      <c r="KI5" s="428"/>
      <c r="KJ5" s="428"/>
      <c r="KK5" s="428"/>
      <c r="KL5" s="428"/>
      <c r="KM5" s="429"/>
      <c r="KN5" s="427" t="s">
        <v>91</v>
      </c>
      <c r="KO5" s="428"/>
      <c r="KP5" s="428"/>
      <c r="KQ5" s="428"/>
      <c r="KR5" s="428"/>
      <c r="KS5" s="428"/>
      <c r="KT5" s="428"/>
      <c r="KU5" s="428"/>
      <c r="KV5" s="428"/>
      <c r="KW5" s="428"/>
      <c r="KX5" s="429"/>
      <c r="KY5" s="427" t="s">
        <v>92</v>
      </c>
      <c r="KZ5" s="428"/>
      <c r="LA5" s="428"/>
      <c r="LB5" s="428"/>
      <c r="LC5" s="428"/>
      <c r="LD5" s="428"/>
      <c r="LE5" s="428"/>
      <c r="LF5" s="428"/>
      <c r="LG5" s="428"/>
      <c r="LH5" s="428"/>
      <c r="LI5" s="429"/>
      <c r="LJ5" s="544" t="s">
        <v>93</v>
      </c>
      <c r="LK5" s="545"/>
      <c r="LL5" s="545"/>
      <c r="LM5" s="545"/>
      <c r="LN5" s="545"/>
      <c r="LO5" s="545"/>
      <c r="LP5" s="545"/>
      <c r="LQ5" s="545"/>
      <c r="LR5" s="545"/>
      <c r="LS5" s="545"/>
      <c r="LT5" s="546"/>
      <c r="LU5" s="544" t="s">
        <v>141</v>
      </c>
      <c r="LV5" s="545"/>
      <c r="LW5" s="545"/>
      <c r="LX5" s="545"/>
      <c r="LY5" s="545"/>
      <c r="LZ5" s="545"/>
      <c r="MA5" s="545"/>
      <c r="MB5" s="545"/>
      <c r="MC5" s="545"/>
      <c r="MD5" s="545"/>
      <c r="ME5" s="546"/>
      <c r="MF5" s="538"/>
      <c r="MG5" s="539"/>
      <c r="MH5" s="539"/>
      <c r="MI5" s="539"/>
      <c r="MJ5" s="539"/>
      <c r="MK5" s="539"/>
      <c r="ML5" s="539"/>
      <c r="MM5" s="539"/>
      <c r="MN5" s="539"/>
      <c r="MO5" s="539"/>
      <c r="MP5" s="540"/>
      <c r="MQ5" s="427" t="s">
        <v>57</v>
      </c>
      <c r="MR5" s="428"/>
      <c r="MS5" s="428"/>
      <c r="MT5" s="428"/>
      <c r="MU5" s="428"/>
      <c r="MV5" s="428"/>
      <c r="MW5" s="428"/>
      <c r="MX5" s="428"/>
      <c r="MY5" s="428"/>
      <c r="MZ5" s="428"/>
      <c r="NA5" s="429"/>
      <c r="NB5" s="427" t="s">
        <v>58</v>
      </c>
      <c r="NC5" s="428"/>
      <c r="ND5" s="428"/>
      <c r="NE5" s="428"/>
      <c r="NF5" s="428"/>
      <c r="NG5" s="428"/>
      <c r="NH5" s="428"/>
      <c r="NI5" s="428"/>
      <c r="NJ5" s="428"/>
      <c r="NK5" s="428"/>
      <c r="NL5" s="429"/>
      <c r="NM5" s="427" t="s">
        <v>59</v>
      </c>
      <c r="NN5" s="428"/>
      <c r="NO5" s="428"/>
      <c r="NP5" s="428"/>
      <c r="NQ5" s="428"/>
      <c r="NR5" s="428"/>
      <c r="NS5" s="428"/>
      <c r="NT5" s="428"/>
      <c r="NU5" s="428"/>
      <c r="NV5" s="428"/>
      <c r="NW5" s="429"/>
      <c r="NX5" s="427" t="s">
        <v>145</v>
      </c>
      <c r="NY5" s="428"/>
      <c r="NZ5" s="428"/>
      <c r="OA5" s="428"/>
      <c r="OB5" s="428"/>
      <c r="OC5" s="428"/>
      <c r="OD5" s="428"/>
      <c r="OE5" s="428"/>
      <c r="OF5" s="428"/>
      <c r="OG5" s="428"/>
      <c r="OH5" s="429"/>
      <c r="OI5" s="439"/>
      <c r="OJ5" s="536"/>
      <c r="OK5" s="536"/>
      <c r="OL5" s="536"/>
      <c r="OM5" s="536"/>
      <c r="ON5" s="536"/>
      <c r="OO5" s="536"/>
      <c r="OP5" s="536"/>
      <c r="OQ5" s="536"/>
      <c r="OR5" s="536"/>
      <c r="OS5" s="537"/>
    </row>
    <row r="6" spans="2:409" ht="21" customHeight="1" thickBot="1" x14ac:dyDescent="0.25">
      <c r="B6" s="555"/>
      <c r="C6" s="559"/>
      <c r="D6" s="559"/>
      <c r="E6" s="559"/>
      <c r="F6" s="559"/>
      <c r="G6" s="559"/>
      <c r="H6" s="559"/>
      <c r="I6" s="559"/>
      <c r="J6" s="559"/>
      <c r="K6" s="559"/>
      <c r="L6" s="559"/>
      <c r="M6" s="559"/>
      <c r="N6" s="433"/>
      <c r="O6" s="434"/>
      <c r="P6" s="434"/>
      <c r="Q6" s="434"/>
      <c r="R6" s="434"/>
      <c r="S6" s="434"/>
      <c r="T6" s="434"/>
      <c r="U6" s="434"/>
      <c r="V6" s="434"/>
      <c r="W6" s="434"/>
      <c r="X6" s="435"/>
      <c r="Y6" s="436" t="s">
        <v>70</v>
      </c>
      <c r="Z6" s="437"/>
      <c r="AA6" s="437"/>
      <c r="AB6" s="437"/>
      <c r="AC6" s="437"/>
      <c r="AD6" s="437"/>
      <c r="AE6" s="437"/>
      <c r="AF6" s="437"/>
      <c r="AG6" s="437"/>
      <c r="AH6" s="437"/>
      <c r="AI6" s="438"/>
      <c r="AJ6" s="573" t="s">
        <v>71</v>
      </c>
      <c r="AK6" s="574"/>
      <c r="AL6" s="574"/>
      <c r="AM6" s="574"/>
      <c r="AN6" s="574"/>
      <c r="AO6" s="574"/>
      <c r="AP6" s="574"/>
      <c r="AQ6" s="574"/>
      <c r="AR6" s="574"/>
      <c r="AS6" s="574"/>
      <c r="AT6" s="575"/>
      <c r="AU6" s="573" t="s">
        <v>72</v>
      </c>
      <c r="AV6" s="574"/>
      <c r="AW6" s="574"/>
      <c r="AX6" s="574"/>
      <c r="AY6" s="574"/>
      <c r="AZ6" s="574"/>
      <c r="BA6" s="574"/>
      <c r="BB6" s="574"/>
      <c r="BC6" s="574"/>
      <c r="BD6" s="574"/>
      <c r="BE6" s="575"/>
      <c r="BF6" s="573" t="s">
        <v>73</v>
      </c>
      <c r="BG6" s="574"/>
      <c r="BH6" s="574"/>
      <c r="BI6" s="574"/>
      <c r="BJ6" s="574"/>
      <c r="BK6" s="574"/>
      <c r="BL6" s="574"/>
      <c r="BM6" s="574"/>
      <c r="BN6" s="574"/>
      <c r="BO6" s="574"/>
      <c r="BP6" s="575"/>
      <c r="BQ6" s="573" t="s">
        <v>74</v>
      </c>
      <c r="BR6" s="574"/>
      <c r="BS6" s="574"/>
      <c r="BT6" s="574"/>
      <c r="BU6" s="574"/>
      <c r="BV6" s="574"/>
      <c r="BW6" s="574"/>
      <c r="BX6" s="574"/>
      <c r="BY6" s="574"/>
      <c r="BZ6" s="574"/>
      <c r="CA6" s="575"/>
      <c r="CB6" s="541"/>
      <c r="CC6" s="542"/>
      <c r="CD6" s="542"/>
      <c r="CE6" s="542"/>
      <c r="CF6" s="542"/>
      <c r="CG6" s="542"/>
      <c r="CH6" s="542"/>
      <c r="CI6" s="542"/>
      <c r="CJ6" s="542"/>
      <c r="CK6" s="542"/>
      <c r="CL6" s="543"/>
      <c r="CM6" s="573" t="s">
        <v>75</v>
      </c>
      <c r="CN6" s="574"/>
      <c r="CO6" s="574"/>
      <c r="CP6" s="574"/>
      <c r="CQ6" s="574"/>
      <c r="CR6" s="574"/>
      <c r="CS6" s="574"/>
      <c r="CT6" s="574"/>
      <c r="CU6" s="574"/>
      <c r="CV6" s="574"/>
      <c r="CW6" s="575"/>
      <c r="CX6" s="573" t="s">
        <v>76</v>
      </c>
      <c r="CY6" s="574"/>
      <c r="CZ6" s="574"/>
      <c r="DA6" s="574"/>
      <c r="DB6" s="574"/>
      <c r="DC6" s="574"/>
      <c r="DD6" s="574"/>
      <c r="DE6" s="574"/>
      <c r="DF6" s="574"/>
      <c r="DG6" s="574"/>
      <c r="DH6" s="575"/>
      <c r="DI6" s="541"/>
      <c r="DJ6" s="542"/>
      <c r="DK6" s="542"/>
      <c r="DL6" s="542"/>
      <c r="DM6" s="542"/>
      <c r="DN6" s="542"/>
      <c r="DO6" s="542"/>
      <c r="DP6" s="542"/>
      <c r="DQ6" s="542"/>
      <c r="DR6" s="542"/>
      <c r="DS6" s="542"/>
      <c r="DT6" s="573" t="s">
        <v>77</v>
      </c>
      <c r="DU6" s="574"/>
      <c r="DV6" s="574"/>
      <c r="DW6" s="574"/>
      <c r="DX6" s="574"/>
      <c r="DY6" s="574"/>
      <c r="DZ6" s="574"/>
      <c r="EA6" s="574"/>
      <c r="EB6" s="574"/>
      <c r="EC6" s="574"/>
      <c r="ED6" s="575"/>
      <c r="EE6" s="573" t="s">
        <v>78</v>
      </c>
      <c r="EF6" s="574"/>
      <c r="EG6" s="574"/>
      <c r="EH6" s="574"/>
      <c r="EI6" s="574"/>
      <c r="EJ6" s="574"/>
      <c r="EK6" s="574"/>
      <c r="EL6" s="574"/>
      <c r="EM6" s="574"/>
      <c r="EN6" s="574"/>
      <c r="EO6" s="575"/>
      <c r="EP6" s="573" t="s">
        <v>79</v>
      </c>
      <c r="EQ6" s="574"/>
      <c r="ER6" s="574"/>
      <c r="ES6" s="574"/>
      <c r="ET6" s="574"/>
      <c r="EU6" s="574"/>
      <c r="EV6" s="574"/>
      <c r="EW6" s="574"/>
      <c r="EX6" s="574"/>
      <c r="EY6" s="574"/>
      <c r="EZ6" s="575"/>
      <c r="FA6" s="573" t="s">
        <v>146</v>
      </c>
      <c r="FB6" s="574"/>
      <c r="FC6" s="574"/>
      <c r="FD6" s="574"/>
      <c r="FE6" s="574"/>
      <c r="FF6" s="574"/>
      <c r="FG6" s="574"/>
      <c r="FH6" s="574"/>
      <c r="FI6" s="574"/>
      <c r="FJ6" s="574"/>
      <c r="FK6" s="575"/>
      <c r="FL6" s="541"/>
      <c r="FM6" s="542"/>
      <c r="FN6" s="542"/>
      <c r="FO6" s="542"/>
      <c r="FP6" s="542"/>
      <c r="FQ6" s="542"/>
      <c r="FR6" s="542"/>
      <c r="FS6" s="542"/>
      <c r="FT6" s="542"/>
      <c r="FU6" s="542"/>
      <c r="FV6" s="542"/>
      <c r="FW6" s="573" t="s">
        <v>80</v>
      </c>
      <c r="FX6" s="574"/>
      <c r="FY6" s="574"/>
      <c r="FZ6" s="574"/>
      <c r="GA6" s="574"/>
      <c r="GB6" s="574"/>
      <c r="GC6" s="574"/>
      <c r="GD6" s="574"/>
      <c r="GE6" s="574"/>
      <c r="GF6" s="574"/>
      <c r="GG6" s="575"/>
      <c r="GH6" s="436" t="s">
        <v>81</v>
      </c>
      <c r="GI6" s="437"/>
      <c r="GJ6" s="437"/>
      <c r="GK6" s="437"/>
      <c r="GL6" s="437"/>
      <c r="GM6" s="437"/>
      <c r="GN6" s="437"/>
      <c r="GO6" s="437"/>
      <c r="GP6" s="437"/>
      <c r="GQ6" s="437"/>
      <c r="GR6" s="438"/>
      <c r="GS6" s="436" t="s">
        <v>82</v>
      </c>
      <c r="GT6" s="437"/>
      <c r="GU6" s="437"/>
      <c r="GV6" s="437"/>
      <c r="GW6" s="437"/>
      <c r="GX6" s="437"/>
      <c r="GY6" s="437"/>
      <c r="GZ6" s="437"/>
      <c r="HA6" s="437"/>
      <c r="HB6" s="437"/>
      <c r="HC6" s="438"/>
      <c r="HD6" s="566"/>
      <c r="HE6" s="567"/>
      <c r="HF6" s="567"/>
      <c r="HG6" s="567"/>
      <c r="HH6" s="567"/>
      <c r="HI6" s="567"/>
      <c r="HJ6" s="567"/>
      <c r="HK6" s="567"/>
      <c r="HL6" s="567"/>
      <c r="HM6" s="567"/>
      <c r="HN6" s="568"/>
      <c r="HO6" s="566"/>
      <c r="HP6" s="567"/>
      <c r="HQ6" s="567"/>
      <c r="HR6" s="567"/>
      <c r="HS6" s="567"/>
      <c r="HT6" s="567"/>
      <c r="HU6" s="567"/>
      <c r="HV6" s="567"/>
      <c r="HW6" s="567"/>
      <c r="HX6" s="567"/>
      <c r="HY6" s="568"/>
      <c r="HZ6" s="541"/>
      <c r="IA6" s="542"/>
      <c r="IB6" s="542"/>
      <c r="IC6" s="542"/>
      <c r="ID6" s="542"/>
      <c r="IE6" s="542"/>
      <c r="IF6" s="542"/>
      <c r="IG6" s="542"/>
      <c r="IH6" s="542"/>
      <c r="II6" s="542"/>
      <c r="IJ6" s="543"/>
      <c r="IK6" s="433"/>
      <c r="IL6" s="434"/>
      <c r="IM6" s="434"/>
      <c r="IN6" s="434"/>
      <c r="IO6" s="434"/>
      <c r="IP6" s="434"/>
      <c r="IQ6" s="434"/>
      <c r="IR6" s="434"/>
      <c r="IS6" s="434"/>
      <c r="IT6" s="434"/>
      <c r="IU6" s="435"/>
      <c r="IV6" s="433"/>
      <c r="IW6" s="434"/>
      <c r="IX6" s="434"/>
      <c r="IY6" s="434"/>
      <c r="IZ6" s="434"/>
      <c r="JA6" s="434"/>
      <c r="JB6" s="434"/>
      <c r="JC6" s="434"/>
      <c r="JD6" s="434"/>
      <c r="JE6" s="434"/>
      <c r="JF6" s="435"/>
      <c r="JG6" s="433"/>
      <c r="JH6" s="434"/>
      <c r="JI6" s="434"/>
      <c r="JJ6" s="434"/>
      <c r="JK6" s="434"/>
      <c r="JL6" s="434"/>
      <c r="JM6" s="434"/>
      <c r="JN6" s="434"/>
      <c r="JO6" s="434"/>
      <c r="JP6" s="434"/>
      <c r="JQ6" s="435"/>
      <c r="JR6" s="433"/>
      <c r="JS6" s="434"/>
      <c r="JT6" s="434"/>
      <c r="JU6" s="434"/>
      <c r="JV6" s="434"/>
      <c r="JW6" s="434"/>
      <c r="JX6" s="434"/>
      <c r="JY6" s="434"/>
      <c r="JZ6" s="434"/>
      <c r="KA6" s="434"/>
      <c r="KB6" s="435"/>
      <c r="KC6" s="433"/>
      <c r="KD6" s="434"/>
      <c r="KE6" s="434"/>
      <c r="KF6" s="434"/>
      <c r="KG6" s="434"/>
      <c r="KH6" s="434"/>
      <c r="KI6" s="434"/>
      <c r="KJ6" s="434"/>
      <c r="KK6" s="434"/>
      <c r="KL6" s="434"/>
      <c r="KM6" s="435"/>
      <c r="KN6" s="433"/>
      <c r="KO6" s="434"/>
      <c r="KP6" s="434"/>
      <c r="KQ6" s="434"/>
      <c r="KR6" s="434"/>
      <c r="KS6" s="434"/>
      <c r="KT6" s="434"/>
      <c r="KU6" s="434"/>
      <c r="KV6" s="434"/>
      <c r="KW6" s="434"/>
      <c r="KX6" s="435"/>
      <c r="KY6" s="433"/>
      <c r="KZ6" s="434"/>
      <c r="LA6" s="434"/>
      <c r="LB6" s="434"/>
      <c r="LC6" s="434"/>
      <c r="LD6" s="434"/>
      <c r="LE6" s="434"/>
      <c r="LF6" s="434"/>
      <c r="LG6" s="434"/>
      <c r="LH6" s="434"/>
      <c r="LI6" s="435"/>
      <c r="LJ6" s="541"/>
      <c r="LK6" s="542"/>
      <c r="LL6" s="542"/>
      <c r="LM6" s="542"/>
      <c r="LN6" s="542"/>
      <c r="LO6" s="542"/>
      <c r="LP6" s="542"/>
      <c r="LQ6" s="542"/>
      <c r="LR6" s="542"/>
      <c r="LS6" s="542"/>
      <c r="LT6" s="543"/>
      <c r="LU6" s="541"/>
      <c r="LV6" s="542"/>
      <c r="LW6" s="542"/>
      <c r="LX6" s="542"/>
      <c r="LY6" s="542"/>
      <c r="LZ6" s="542"/>
      <c r="MA6" s="542"/>
      <c r="MB6" s="542"/>
      <c r="MC6" s="542"/>
      <c r="MD6" s="542"/>
      <c r="ME6" s="543"/>
      <c r="MF6" s="541"/>
      <c r="MG6" s="542"/>
      <c r="MH6" s="542"/>
      <c r="MI6" s="542"/>
      <c r="MJ6" s="542"/>
      <c r="MK6" s="542"/>
      <c r="ML6" s="542"/>
      <c r="MM6" s="542"/>
      <c r="MN6" s="542"/>
      <c r="MO6" s="542"/>
      <c r="MP6" s="543"/>
      <c r="MQ6" s="433"/>
      <c r="MR6" s="434"/>
      <c r="MS6" s="434"/>
      <c r="MT6" s="434"/>
      <c r="MU6" s="434"/>
      <c r="MV6" s="434"/>
      <c r="MW6" s="434"/>
      <c r="MX6" s="434"/>
      <c r="MY6" s="434"/>
      <c r="MZ6" s="434"/>
      <c r="NA6" s="435"/>
      <c r="NB6" s="433"/>
      <c r="NC6" s="434"/>
      <c r="ND6" s="434"/>
      <c r="NE6" s="434"/>
      <c r="NF6" s="434"/>
      <c r="NG6" s="434"/>
      <c r="NH6" s="434"/>
      <c r="NI6" s="434"/>
      <c r="NJ6" s="434"/>
      <c r="NK6" s="434"/>
      <c r="NL6" s="435"/>
      <c r="NM6" s="433"/>
      <c r="NN6" s="434"/>
      <c r="NO6" s="434"/>
      <c r="NP6" s="434"/>
      <c r="NQ6" s="434"/>
      <c r="NR6" s="434"/>
      <c r="NS6" s="434"/>
      <c r="NT6" s="434"/>
      <c r="NU6" s="434"/>
      <c r="NV6" s="434"/>
      <c r="NW6" s="435"/>
      <c r="NX6" s="433"/>
      <c r="NY6" s="434"/>
      <c r="NZ6" s="434"/>
      <c r="OA6" s="434"/>
      <c r="OB6" s="434"/>
      <c r="OC6" s="434"/>
      <c r="OD6" s="434"/>
      <c r="OE6" s="434"/>
      <c r="OF6" s="434"/>
      <c r="OG6" s="434"/>
      <c r="OH6" s="435"/>
      <c r="OI6" s="433"/>
      <c r="OJ6" s="434"/>
      <c r="OK6" s="434"/>
      <c r="OL6" s="434"/>
      <c r="OM6" s="434"/>
      <c r="ON6" s="434"/>
      <c r="OO6" s="434"/>
      <c r="OP6" s="434"/>
      <c r="OQ6" s="434"/>
      <c r="OR6" s="434"/>
      <c r="OS6" s="435"/>
    </row>
    <row r="7" spans="2:409" ht="21" customHeight="1" x14ac:dyDescent="0.2">
      <c r="B7" s="555"/>
      <c r="C7" s="506" t="s">
        <v>61</v>
      </c>
      <c r="D7" s="506"/>
      <c r="E7" s="506"/>
      <c r="F7" s="505" t="s">
        <v>62</v>
      </c>
      <c r="G7" s="506"/>
      <c r="H7" s="506"/>
      <c r="I7" s="506"/>
      <c r="J7" s="506"/>
      <c r="K7" s="506"/>
      <c r="L7" s="506"/>
      <c r="M7" s="505" t="s">
        <v>52</v>
      </c>
      <c r="N7" s="570" t="s">
        <v>61</v>
      </c>
      <c r="O7" s="506"/>
      <c r="P7" s="506"/>
      <c r="Q7" s="505" t="s">
        <v>62</v>
      </c>
      <c r="R7" s="506"/>
      <c r="S7" s="506"/>
      <c r="T7" s="506"/>
      <c r="U7" s="506"/>
      <c r="V7" s="506"/>
      <c r="W7" s="507"/>
      <c r="X7" s="533" t="s">
        <v>52</v>
      </c>
      <c r="Y7" s="433" t="s">
        <v>61</v>
      </c>
      <c r="Z7" s="434"/>
      <c r="AA7" s="515"/>
      <c r="AB7" s="514" t="s">
        <v>62</v>
      </c>
      <c r="AC7" s="434"/>
      <c r="AD7" s="434"/>
      <c r="AE7" s="434"/>
      <c r="AF7" s="434"/>
      <c r="AG7" s="434"/>
      <c r="AH7" s="515"/>
      <c r="AI7" s="435" t="s">
        <v>52</v>
      </c>
      <c r="AJ7" s="518" t="s">
        <v>61</v>
      </c>
      <c r="AK7" s="512"/>
      <c r="AL7" s="513"/>
      <c r="AM7" s="534" t="s">
        <v>62</v>
      </c>
      <c r="AN7" s="512"/>
      <c r="AO7" s="512"/>
      <c r="AP7" s="512"/>
      <c r="AQ7" s="512"/>
      <c r="AR7" s="512"/>
      <c r="AS7" s="535"/>
      <c r="AT7" s="435" t="s">
        <v>52</v>
      </c>
      <c r="AU7" s="518" t="s">
        <v>61</v>
      </c>
      <c r="AV7" s="512"/>
      <c r="AW7" s="513"/>
      <c r="AX7" s="534" t="s">
        <v>62</v>
      </c>
      <c r="AY7" s="512"/>
      <c r="AZ7" s="512"/>
      <c r="BA7" s="512"/>
      <c r="BB7" s="512"/>
      <c r="BC7" s="512"/>
      <c r="BD7" s="535"/>
      <c r="BE7" s="435" t="s">
        <v>52</v>
      </c>
      <c r="BF7" s="518" t="s">
        <v>61</v>
      </c>
      <c r="BG7" s="512"/>
      <c r="BH7" s="513"/>
      <c r="BI7" s="534" t="s">
        <v>62</v>
      </c>
      <c r="BJ7" s="512"/>
      <c r="BK7" s="512"/>
      <c r="BL7" s="512"/>
      <c r="BM7" s="512"/>
      <c r="BN7" s="512"/>
      <c r="BO7" s="535"/>
      <c r="BP7" s="435" t="s">
        <v>52</v>
      </c>
      <c r="BQ7" s="518" t="s">
        <v>61</v>
      </c>
      <c r="BR7" s="512"/>
      <c r="BS7" s="513"/>
      <c r="BT7" s="534" t="s">
        <v>62</v>
      </c>
      <c r="BU7" s="512"/>
      <c r="BV7" s="512"/>
      <c r="BW7" s="512"/>
      <c r="BX7" s="512"/>
      <c r="BY7" s="512"/>
      <c r="BZ7" s="535"/>
      <c r="CA7" s="435" t="s">
        <v>52</v>
      </c>
      <c r="CB7" s="502" t="s">
        <v>61</v>
      </c>
      <c r="CC7" s="503"/>
      <c r="CD7" s="504"/>
      <c r="CE7" s="531" t="s">
        <v>62</v>
      </c>
      <c r="CF7" s="503"/>
      <c r="CG7" s="503"/>
      <c r="CH7" s="503"/>
      <c r="CI7" s="503"/>
      <c r="CJ7" s="503"/>
      <c r="CK7" s="532"/>
      <c r="CL7" s="533" t="s">
        <v>52</v>
      </c>
      <c r="CM7" s="518" t="s">
        <v>61</v>
      </c>
      <c r="CN7" s="512"/>
      <c r="CO7" s="535"/>
      <c r="CP7" s="534" t="s">
        <v>62</v>
      </c>
      <c r="CQ7" s="512"/>
      <c r="CR7" s="512"/>
      <c r="CS7" s="512"/>
      <c r="CT7" s="512"/>
      <c r="CU7" s="512"/>
      <c r="CV7" s="535"/>
      <c r="CW7" s="529" t="s">
        <v>52</v>
      </c>
      <c r="CX7" s="518" t="s">
        <v>61</v>
      </c>
      <c r="CY7" s="512"/>
      <c r="CZ7" s="535"/>
      <c r="DA7" s="534" t="s">
        <v>62</v>
      </c>
      <c r="DB7" s="512"/>
      <c r="DC7" s="512"/>
      <c r="DD7" s="512"/>
      <c r="DE7" s="512"/>
      <c r="DF7" s="512"/>
      <c r="DG7" s="535"/>
      <c r="DH7" s="529" t="s">
        <v>52</v>
      </c>
      <c r="DI7" s="502" t="s">
        <v>61</v>
      </c>
      <c r="DJ7" s="503"/>
      <c r="DK7" s="532"/>
      <c r="DL7" s="531" t="s">
        <v>62</v>
      </c>
      <c r="DM7" s="503"/>
      <c r="DN7" s="503"/>
      <c r="DO7" s="503"/>
      <c r="DP7" s="503"/>
      <c r="DQ7" s="503"/>
      <c r="DR7" s="532"/>
      <c r="DS7" s="533" t="s">
        <v>52</v>
      </c>
      <c r="DT7" s="518" t="s">
        <v>61</v>
      </c>
      <c r="DU7" s="512"/>
      <c r="DV7" s="513"/>
      <c r="DW7" s="534" t="s">
        <v>62</v>
      </c>
      <c r="DX7" s="512"/>
      <c r="DY7" s="512"/>
      <c r="DZ7" s="512"/>
      <c r="EA7" s="512"/>
      <c r="EB7" s="512"/>
      <c r="EC7" s="535"/>
      <c r="ED7" s="435" t="s">
        <v>52</v>
      </c>
      <c r="EE7" s="518" t="s">
        <v>61</v>
      </c>
      <c r="EF7" s="512"/>
      <c r="EG7" s="513"/>
      <c r="EH7" s="534" t="s">
        <v>62</v>
      </c>
      <c r="EI7" s="512"/>
      <c r="EJ7" s="512"/>
      <c r="EK7" s="512"/>
      <c r="EL7" s="512"/>
      <c r="EM7" s="512"/>
      <c r="EN7" s="535"/>
      <c r="EO7" s="435" t="s">
        <v>52</v>
      </c>
      <c r="EP7" s="518" t="s">
        <v>61</v>
      </c>
      <c r="EQ7" s="512"/>
      <c r="ER7" s="513"/>
      <c r="ES7" s="534" t="s">
        <v>62</v>
      </c>
      <c r="ET7" s="512"/>
      <c r="EU7" s="512"/>
      <c r="EV7" s="512"/>
      <c r="EW7" s="512"/>
      <c r="EX7" s="512"/>
      <c r="EY7" s="535"/>
      <c r="EZ7" s="435" t="s">
        <v>52</v>
      </c>
      <c r="FA7" s="518" t="s">
        <v>61</v>
      </c>
      <c r="FB7" s="512"/>
      <c r="FC7" s="513"/>
      <c r="FD7" s="534" t="s">
        <v>62</v>
      </c>
      <c r="FE7" s="512"/>
      <c r="FF7" s="512"/>
      <c r="FG7" s="512"/>
      <c r="FH7" s="512"/>
      <c r="FI7" s="512"/>
      <c r="FJ7" s="535"/>
      <c r="FK7" s="435" t="s">
        <v>52</v>
      </c>
      <c r="FL7" s="502" t="s">
        <v>61</v>
      </c>
      <c r="FM7" s="503"/>
      <c r="FN7" s="504"/>
      <c r="FO7" s="531" t="s">
        <v>62</v>
      </c>
      <c r="FP7" s="503"/>
      <c r="FQ7" s="503"/>
      <c r="FR7" s="503"/>
      <c r="FS7" s="503"/>
      <c r="FT7" s="503"/>
      <c r="FU7" s="532"/>
      <c r="FV7" s="506" t="s">
        <v>52</v>
      </c>
      <c r="FW7" s="518" t="s">
        <v>61</v>
      </c>
      <c r="FX7" s="512"/>
      <c r="FY7" s="513"/>
      <c r="FZ7" s="534" t="s">
        <v>62</v>
      </c>
      <c r="GA7" s="512"/>
      <c r="GB7" s="512"/>
      <c r="GC7" s="512"/>
      <c r="GD7" s="512"/>
      <c r="GE7" s="512"/>
      <c r="GF7" s="535"/>
      <c r="GG7" s="435" t="s">
        <v>52</v>
      </c>
      <c r="GH7" s="433" t="s">
        <v>61</v>
      </c>
      <c r="GI7" s="434"/>
      <c r="GJ7" s="434"/>
      <c r="GK7" s="514" t="s">
        <v>62</v>
      </c>
      <c r="GL7" s="434"/>
      <c r="GM7" s="434"/>
      <c r="GN7" s="434"/>
      <c r="GO7" s="434"/>
      <c r="GP7" s="434"/>
      <c r="GQ7" s="515"/>
      <c r="GR7" s="552" t="s">
        <v>52</v>
      </c>
      <c r="GS7" s="433" t="s">
        <v>61</v>
      </c>
      <c r="GT7" s="434"/>
      <c r="GU7" s="515"/>
      <c r="GV7" s="514" t="s">
        <v>62</v>
      </c>
      <c r="GW7" s="434"/>
      <c r="GX7" s="434"/>
      <c r="GY7" s="434"/>
      <c r="GZ7" s="434"/>
      <c r="HA7" s="434"/>
      <c r="HB7" s="515"/>
      <c r="HC7" s="552" t="s">
        <v>52</v>
      </c>
      <c r="HD7" s="518" t="s">
        <v>61</v>
      </c>
      <c r="HE7" s="512"/>
      <c r="HF7" s="513"/>
      <c r="HG7" s="534" t="s">
        <v>62</v>
      </c>
      <c r="HH7" s="512"/>
      <c r="HI7" s="512"/>
      <c r="HJ7" s="512"/>
      <c r="HK7" s="512"/>
      <c r="HL7" s="512"/>
      <c r="HM7" s="535"/>
      <c r="HN7" s="435" t="s">
        <v>52</v>
      </c>
      <c r="HO7" s="518" t="s">
        <v>61</v>
      </c>
      <c r="HP7" s="512"/>
      <c r="HQ7" s="513"/>
      <c r="HR7" s="534" t="s">
        <v>62</v>
      </c>
      <c r="HS7" s="512"/>
      <c r="HT7" s="512"/>
      <c r="HU7" s="512"/>
      <c r="HV7" s="512"/>
      <c r="HW7" s="512"/>
      <c r="HX7" s="535"/>
      <c r="HY7" s="435" t="s">
        <v>52</v>
      </c>
      <c r="HZ7" s="502" t="s">
        <v>61</v>
      </c>
      <c r="IA7" s="503"/>
      <c r="IB7" s="504"/>
      <c r="IC7" s="531" t="s">
        <v>62</v>
      </c>
      <c r="ID7" s="503"/>
      <c r="IE7" s="503"/>
      <c r="IF7" s="503"/>
      <c r="IG7" s="503"/>
      <c r="IH7" s="503"/>
      <c r="II7" s="532"/>
      <c r="IJ7" s="506" t="s">
        <v>52</v>
      </c>
      <c r="IK7" s="518" t="s">
        <v>61</v>
      </c>
      <c r="IL7" s="512"/>
      <c r="IM7" s="513"/>
      <c r="IN7" s="534" t="s">
        <v>62</v>
      </c>
      <c r="IO7" s="512"/>
      <c r="IP7" s="512"/>
      <c r="IQ7" s="512"/>
      <c r="IR7" s="512"/>
      <c r="IS7" s="512"/>
      <c r="IT7" s="535"/>
      <c r="IU7" s="435" t="s">
        <v>52</v>
      </c>
      <c r="IV7" s="518" t="s">
        <v>61</v>
      </c>
      <c r="IW7" s="512"/>
      <c r="IX7" s="535"/>
      <c r="IY7" s="534" t="s">
        <v>62</v>
      </c>
      <c r="IZ7" s="512"/>
      <c r="JA7" s="512"/>
      <c r="JB7" s="512"/>
      <c r="JC7" s="512"/>
      <c r="JD7" s="512"/>
      <c r="JE7" s="535"/>
      <c r="JF7" s="435" t="s">
        <v>52</v>
      </c>
      <c r="JG7" s="518" t="s">
        <v>61</v>
      </c>
      <c r="JH7" s="512"/>
      <c r="JI7" s="513"/>
      <c r="JJ7" s="534" t="s">
        <v>62</v>
      </c>
      <c r="JK7" s="512"/>
      <c r="JL7" s="512"/>
      <c r="JM7" s="512"/>
      <c r="JN7" s="512"/>
      <c r="JO7" s="512"/>
      <c r="JP7" s="535"/>
      <c r="JQ7" s="529" t="s">
        <v>52</v>
      </c>
      <c r="JR7" s="518" t="s">
        <v>61</v>
      </c>
      <c r="JS7" s="512"/>
      <c r="JT7" s="513"/>
      <c r="JU7" s="534" t="s">
        <v>62</v>
      </c>
      <c r="JV7" s="512"/>
      <c r="JW7" s="512"/>
      <c r="JX7" s="512"/>
      <c r="JY7" s="512"/>
      <c r="JZ7" s="512"/>
      <c r="KA7" s="535"/>
      <c r="KB7" s="529" t="s">
        <v>52</v>
      </c>
      <c r="KC7" s="518" t="s">
        <v>61</v>
      </c>
      <c r="KD7" s="512"/>
      <c r="KE7" s="513"/>
      <c r="KF7" s="534" t="s">
        <v>62</v>
      </c>
      <c r="KG7" s="512"/>
      <c r="KH7" s="512"/>
      <c r="KI7" s="512"/>
      <c r="KJ7" s="512"/>
      <c r="KK7" s="512"/>
      <c r="KL7" s="535"/>
      <c r="KM7" s="529" t="s">
        <v>52</v>
      </c>
      <c r="KN7" s="518" t="s">
        <v>61</v>
      </c>
      <c r="KO7" s="512"/>
      <c r="KP7" s="513"/>
      <c r="KQ7" s="534" t="s">
        <v>62</v>
      </c>
      <c r="KR7" s="512"/>
      <c r="KS7" s="512"/>
      <c r="KT7" s="512"/>
      <c r="KU7" s="512"/>
      <c r="KV7" s="512"/>
      <c r="KW7" s="535"/>
      <c r="KX7" s="529" t="s">
        <v>52</v>
      </c>
      <c r="KY7" s="518" t="s">
        <v>61</v>
      </c>
      <c r="KZ7" s="512"/>
      <c r="LA7" s="513"/>
      <c r="LB7" s="534" t="s">
        <v>62</v>
      </c>
      <c r="LC7" s="512"/>
      <c r="LD7" s="512"/>
      <c r="LE7" s="512"/>
      <c r="LF7" s="512"/>
      <c r="LG7" s="512"/>
      <c r="LH7" s="535"/>
      <c r="LI7" s="529" t="s">
        <v>52</v>
      </c>
      <c r="LJ7" s="518" t="s">
        <v>61</v>
      </c>
      <c r="LK7" s="512"/>
      <c r="LL7" s="513"/>
      <c r="LM7" s="534" t="s">
        <v>62</v>
      </c>
      <c r="LN7" s="512"/>
      <c r="LO7" s="512"/>
      <c r="LP7" s="512"/>
      <c r="LQ7" s="512"/>
      <c r="LR7" s="512"/>
      <c r="LS7" s="535"/>
      <c r="LT7" s="529" t="s">
        <v>52</v>
      </c>
      <c r="LU7" s="518" t="s">
        <v>61</v>
      </c>
      <c r="LV7" s="512"/>
      <c r="LW7" s="513"/>
      <c r="LX7" s="534" t="s">
        <v>62</v>
      </c>
      <c r="LY7" s="512"/>
      <c r="LZ7" s="512"/>
      <c r="MA7" s="512"/>
      <c r="MB7" s="512"/>
      <c r="MC7" s="512"/>
      <c r="MD7" s="535"/>
      <c r="ME7" s="529" t="s">
        <v>52</v>
      </c>
      <c r="MF7" s="502" t="s">
        <v>61</v>
      </c>
      <c r="MG7" s="503"/>
      <c r="MH7" s="504"/>
      <c r="MI7" s="531" t="s">
        <v>62</v>
      </c>
      <c r="MJ7" s="503"/>
      <c r="MK7" s="503"/>
      <c r="ML7" s="503"/>
      <c r="MM7" s="503"/>
      <c r="MN7" s="503"/>
      <c r="MO7" s="532"/>
      <c r="MP7" s="533" t="s">
        <v>52</v>
      </c>
      <c r="MQ7" s="518" t="s">
        <v>61</v>
      </c>
      <c r="MR7" s="512"/>
      <c r="MS7" s="513"/>
      <c r="MT7" s="534" t="s">
        <v>62</v>
      </c>
      <c r="MU7" s="512"/>
      <c r="MV7" s="512"/>
      <c r="MW7" s="512"/>
      <c r="MX7" s="512"/>
      <c r="MY7" s="512"/>
      <c r="MZ7" s="535"/>
      <c r="NA7" s="529" t="s">
        <v>52</v>
      </c>
      <c r="NB7" s="518" t="s">
        <v>61</v>
      </c>
      <c r="NC7" s="512"/>
      <c r="ND7" s="513"/>
      <c r="NE7" s="534" t="s">
        <v>62</v>
      </c>
      <c r="NF7" s="512"/>
      <c r="NG7" s="512"/>
      <c r="NH7" s="512"/>
      <c r="NI7" s="512"/>
      <c r="NJ7" s="512"/>
      <c r="NK7" s="535"/>
      <c r="NL7" s="529" t="s">
        <v>52</v>
      </c>
      <c r="NM7" s="518" t="s">
        <v>61</v>
      </c>
      <c r="NN7" s="512"/>
      <c r="NO7" s="513"/>
      <c r="NP7" s="534" t="s">
        <v>62</v>
      </c>
      <c r="NQ7" s="512"/>
      <c r="NR7" s="512"/>
      <c r="NS7" s="512"/>
      <c r="NT7" s="512"/>
      <c r="NU7" s="512"/>
      <c r="NV7" s="535"/>
      <c r="NW7" s="529" t="s">
        <v>52</v>
      </c>
      <c r="NX7" s="518" t="s">
        <v>61</v>
      </c>
      <c r="NY7" s="512"/>
      <c r="NZ7" s="513"/>
      <c r="OA7" s="534" t="s">
        <v>62</v>
      </c>
      <c r="OB7" s="512"/>
      <c r="OC7" s="512"/>
      <c r="OD7" s="512"/>
      <c r="OE7" s="512"/>
      <c r="OF7" s="512"/>
      <c r="OG7" s="535"/>
      <c r="OH7" s="529" t="s">
        <v>52</v>
      </c>
      <c r="OI7" s="502" t="s">
        <v>61</v>
      </c>
      <c r="OJ7" s="503"/>
      <c r="OK7" s="504"/>
      <c r="OL7" s="531" t="s">
        <v>62</v>
      </c>
      <c r="OM7" s="503"/>
      <c r="ON7" s="503"/>
      <c r="OO7" s="503"/>
      <c r="OP7" s="503"/>
      <c r="OQ7" s="503"/>
      <c r="OR7" s="532"/>
      <c r="OS7" s="533" t="s">
        <v>52</v>
      </c>
    </row>
    <row r="8" spans="2:409" ht="30" customHeight="1" thickBot="1" x14ac:dyDescent="0.25">
      <c r="B8" s="556"/>
      <c r="C8" s="235" t="s">
        <v>43</v>
      </c>
      <c r="D8" s="60" t="s">
        <v>44</v>
      </c>
      <c r="E8" s="236" t="s">
        <v>45</v>
      </c>
      <c r="F8" s="62" t="s">
        <v>83</v>
      </c>
      <c r="G8" s="60" t="s">
        <v>47</v>
      </c>
      <c r="H8" s="60" t="s">
        <v>48</v>
      </c>
      <c r="I8" s="60" t="s">
        <v>49</v>
      </c>
      <c r="J8" s="60" t="s">
        <v>50</v>
      </c>
      <c r="K8" s="60" t="s">
        <v>51</v>
      </c>
      <c r="L8" s="61" t="s">
        <v>45</v>
      </c>
      <c r="M8" s="569"/>
      <c r="N8" s="59" t="s">
        <v>43</v>
      </c>
      <c r="O8" s="60" t="s">
        <v>44</v>
      </c>
      <c r="P8" s="61" t="s">
        <v>45</v>
      </c>
      <c r="Q8" s="62" t="s">
        <v>83</v>
      </c>
      <c r="R8" s="60" t="s">
        <v>47</v>
      </c>
      <c r="S8" s="60" t="s">
        <v>48</v>
      </c>
      <c r="T8" s="60" t="s">
        <v>49</v>
      </c>
      <c r="U8" s="60" t="s">
        <v>50</v>
      </c>
      <c r="V8" s="60" t="s">
        <v>51</v>
      </c>
      <c r="W8" s="61" t="s">
        <v>45</v>
      </c>
      <c r="X8" s="550"/>
      <c r="Y8" s="59" t="s">
        <v>43</v>
      </c>
      <c r="Z8" s="60" t="s">
        <v>44</v>
      </c>
      <c r="AA8" s="61" t="s">
        <v>45</v>
      </c>
      <c r="AB8" s="62" t="s">
        <v>83</v>
      </c>
      <c r="AC8" s="60" t="s">
        <v>47</v>
      </c>
      <c r="AD8" s="60" t="s">
        <v>48</v>
      </c>
      <c r="AE8" s="60" t="s">
        <v>49</v>
      </c>
      <c r="AF8" s="60" t="s">
        <v>50</v>
      </c>
      <c r="AG8" s="60" t="s">
        <v>51</v>
      </c>
      <c r="AH8" s="61" t="s">
        <v>45</v>
      </c>
      <c r="AI8" s="551"/>
      <c r="AJ8" s="59" t="s">
        <v>43</v>
      </c>
      <c r="AK8" s="60" t="s">
        <v>44</v>
      </c>
      <c r="AL8" s="236" t="s">
        <v>45</v>
      </c>
      <c r="AM8" s="62" t="s">
        <v>83</v>
      </c>
      <c r="AN8" s="60" t="s">
        <v>47</v>
      </c>
      <c r="AO8" s="60" t="s">
        <v>48</v>
      </c>
      <c r="AP8" s="60" t="s">
        <v>49</v>
      </c>
      <c r="AQ8" s="60" t="s">
        <v>50</v>
      </c>
      <c r="AR8" s="60" t="s">
        <v>51</v>
      </c>
      <c r="AS8" s="61" t="s">
        <v>45</v>
      </c>
      <c r="AT8" s="551"/>
      <c r="AU8" s="59" t="s">
        <v>43</v>
      </c>
      <c r="AV8" s="60" t="s">
        <v>44</v>
      </c>
      <c r="AW8" s="236" t="s">
        <v>45</v>
      </c>
      <c r="AX8" s="62" t="s">
        <v>83</v>
      </c>
      <c r="AY8" s="60" t="s">
        <v>47</v>
      </c>
      <c r="AZ8" s="60" t="s">
        <v>48</v>
      </c>
      <c r="BA8" s="60" t="s">
        <v>49</v>
      </c>
      <c r="BB8" s="60" t="s">
        <v>50</v>
      </c>
      <c r="BC8" s="60" t="s">
        <v>51</v>
      </c>
      <c r="BD8" s="61" t="s">
        <v>45</v>
      </c>
      <c r="BE8" s="551"/>
      <c r="BF8" s="237" t="s">
        <v>43</v>
      </c>
      <c r="BG8" s="60" t="s">
        <v>44</v>
      </c>
      <c r="BH8" s="236" t="s">
        <v>45</v>
      </c>
      <c r="BI8" s="62" t="s">
        <v>83</v>
      </c>
      <c r="BJ8" s="60" t="s">
        <v>47</v>
      </c>
      <c r="BK8" s="60" t="s">
        <v>48</v>
      </c>
      <c r="BL8" s="60" t="s">
        <v>49</v>
      </c>
      <c r="BM8" s="60" t="s">
        <v>50</v>
      </c>
      <c r="BN8" s="60" t="s">
        <v>51</v>
      </c>
      <c r="BO8" s="61" t="s">
        <v>45</v>
      </c>
      <c r="BP8" s="551"/>
      <c r="BQ8" s="59" t="s">
        <v>43</v>
      </c>
      <c r="BR8" s="60" t="s">
        <v>44</v>
      </c>
      <c r="BS8" s="236" t="s">
        <v>45</v>
      </c>
      <c r="BT8" s="62" t="s">
        <v>83</v>
      </c>
      <c r="BU8" s="60" t="s">
        <v>47</v>
      </c>
      <c r="BV8" s="60" t="s">
        <v>48</v>
      </c>
      <c r="BW8" s="60" t="s">
        <v>49</v>
      </c>
      <c r="BX8" s="60" t="s">
        <v>50</v>
      </c>
      <c r="BY8" s="60" t="s">
        <v>51</v>
      </c>
      <c r="BZ8" s="61" t="s">
        <v>45</v>
      </c>
      <c r="CA8" s="551"/>
      <c r="CB8" s="59" t="s">
        <v>43</v>
      </c>
      <c r="CC8" s="60" t="s">
        <v>44</v>
      </c>
      <c r="CD8" s="236" t="s">
        <v>45</v>
      </c>
      <c r="CE8" s="62" t="s">
        <v>83</v>
      </c>
      <c r="CF8" s="60" t="s">
        <v>47</v>
      </c>
      <c r="CG8" s="60" t="s">
        <v>48</v>
      </c>
      <c r="CH8" s="60" t="s">
        <v>49</v>
      </c>
      <c r="CI8" s="60" t="s">
        <v>50</v>
      </c>
      <c r="CJ8" s="60" t="s">
        <v>51</v>
      </c>
      <c r="CK8" s="61" t="s">
        <v>45</v>
      </c>
      <c r="CL8" s="550"/>
      <c r="CM8" s="59" t="s">
        <v>43</v>
      </c>
      <c r="CN8" s="60" t="s">
        <v>44</v>
      </c>
      <c r="CO8" s="61" t="s">
        <v>45</v>
      </c>
      <c r="CP8" s="62" t="s">
        <v>83</v>
      </c>
      <c r="CQ8" s="60" t="s">
        <v>47</v>
      </c>
      <c r="CR8" s="60" t="s">
        <v>48</v>
      </c>
      <c r="CS8" s="60" t="s">
        <v>49</v>
      </c>
      <c r="CT8" s="60" t="s">
        <v>50</v>
      </c>
      <c r="CU8" s="60" t="s">
        <v>51</v>
      </c>
      <c r="CV8" s="61" t="s">
        <v>45</v>
      </c>
      <c r="CW8" s="550"/>
      <c r="CX8" s="59" t="s">
        <v>43</v>
      </c>
      <c r="CY8" s="60" t="s">
        <v>44</v>
      </c>
      <c r="CZ8" s="61" t="s">
        <v>45</v>
      </c>
      <c r="DA8" s="62" t="s">
        <v>83</v>
      </c>
      <c r="DB8" s="60" t="s">
        <v>47</v>
      </c>
      <c r="DC8" s="60" t="s">
        <v>48</v>
      </c>
      <c r="DD8" s="60" t="s">
        <v>49</v>
      </c>
      <c r="DE8" s="60" t="s">
        <v>50</v>
      </c>
      <c r="DF8" s="60" t="s">
        <v>51</v>
      </c>
      <c r="DG8" s="61" t="s">
        <v>45</v>
      </c>
      <c r="DH8" s="550"/>
      <c r="DI8" s="59" t="s">
        <v>43</v>
      </c>
      <c r="DJ8" s="60" t="s">
        <v>44</v>
      </c>
      <c r="DK8" s="61" t="s">
        <v>45</v>
      </c>
      <c r="DL8" s="62" t="s">
        <v>83</v>
      </c>
      <c r="DM8" s="60" t="s">
        <v>47</v>
      </c>
      <c r="DN8" s="60" t="s">
        <v>48</v>
      </c>
      <c r="DO8" s="60" t="s">
        <v>49</v>
      </c>
      <c r="DP8" s="60" t="s">
        <v>50</v>
      </c>
      <c r="DQ8" s="60" t="s">
        <v>51</v>
      </c>
      <c r="DR8" s="61" t="s">
        <v>45</v>
      </c>
      <c r="DS8" s="550"/>
      <c r="DT8" s="59" t="s">
        <v>43</v>
      </c>
      <c r="DU8" s="60" t="s">
        <v>44</v>
      </c>
      <c r="DV8" s="236" t="s">
        <v>45</v>
      </c>
      <c r="DW8" s="62" t="s">
        <v>83</v>
      </c>
      <c r="DX8" s="60" t="s">
        <v>47</v>
      </c>
      <c r="DY8" s="60" t="s">
        <v>48</v>
      </c>
      <c r="DZ8" s="60" t="s">
        <v>49</v>
      </c>
      <c r="EA8" s="60" t="s">
        <v>50</v>
      </c>
      <c r="EB8" s="60" t="s">
        <v>51</v>
      </c>
      <c r="EC8" s="61" t="s">
        <v>45</v>
      </c>
      <c r="ED8" s="551"/>
      <c r="EE8" s="59" t="s">
        <v>43</v>
      </c>
      <c r="EF8" s="60" t="s">
        <v>44</v>
      </c>
      <c r="EG8" s="236" t="s">
        <v>45</v>
      </c>
      <c r="EH8" s="62" t="s">
        <v>83</v>
      </c>
      <c r="EI8" s="60" t="s">
        <v>47</v>
      </c>
      <c r="EJ8" s="60" t="s">
        <v>48</v>
      </c>
      <c r="EK8" s="60" t="s">
        <v>49</v>
      </c>
      <c r="EL8" s="60" t="s">
        <v>50</v>
      </c>
      <c r="EM8" s="60" t="s">
        <v>51</v>
      </c>
      <c r="EN8" s="61" t="s">
        <v>45</v>
      </c>
      <c r="EO8" s="551"/>
      <c r="EP8" s="59" t="s">
        <v>43</v>
      </c>
      <c r="EQ8" s="60" t="s">
        <v>44</v>
      </c>
      <c r="ER8" s="236" t="s">
        <v>45</v>
      </c>
      <c r="ES8" s="62" t="s">
        <v>83</v>
      </c>
      <c r="ET8" s="60" t="s">
        <v>47</v>
      </c>
      <c r="EU8" s="60" t="s">
        <v>48</v>
      </c>
      <c r="EV8" s="60" t="s">
        <v>49</v>
      </c>
      <c r="EW8" s="60" t="s">
        <v>50</v>
      </c>
      <c r="EX8" s="60" t="s">
        <v>51</v>
      </c>
      <c r="EY8" s="61" t="s">
        <v>45</v>
      </c>
      <c r="EZ8" s="551"/>
      <c r="FA8" s="59" t="s">
        <v>43</v>
      </c>
      <c r="FB8" s="60" t="s">
        <v>44</v>
      </c>
      <c r="FC8" s="236" t="s">
        <v>45</v>
      </c>
      <c r="FD8" s="62" t="s">
        <v>83</v>
      </c>
      <c r="FE8" s="60" t="s">
        <v>47</v>
      </c>
      <c r="FF8" s="60" t="s">
        <v>48</v>
      </c>
      <c r="FG8" s="60" t="s">
        <v>49</v>
      </c>
      <c r="FH8" s="60" t="s">
        <v>50</v>
      </c>
      <c r="FI8" s="60" t="s">
        <v>51</v>
      </c>
      <c r="FJ8" s="61" t="s">
        <v>45</v>
      </c>
      <c r="FK8" s="551"/>
      <c r="FL8" s="59" t="s">
        <v>43</v>
      </c>
      <c r="FM8" s="60" t="s">
        <v>44</v>
      </c>
      <c r="FN8" s="236" t="s">
        <v>45</v>
      </c>
      <c r="FO8" s="62" t="s">
        <v>83</v>
      </c>
      <c r="FP8" s="60" t="s">
        <v>47</v>
      </c>
      <c r="FQ8" s="60" t="s">
        <v>48</v>
      </c>
      <c r="FR8" s="60" t="s">
        <v>49</v>
      </c>
      <c r="FS8" s="60" t="s">
        <v>50</v>
      </c>
      <c r="FT8" s="60" t="s">
        <v>51</v>
      </c>
      <c r="FU8" s="61" t="s">
        <v>45</v>
      </c>
      <c r="FV8" s="549"/>
      <c r="FW8" s="59" t="s">
        <v>43</v>
      </c>
      <c r="FX8" s="60" t="s">
        <v>44</v>
      </c>
      <c r="FY8" s="236" t="s">
        <v>45</v>
      </c>
      <c r="FZ8" s="62" t="s">
        <v>83</v>
      </c>
      <c r="GA8" s="60" t="s">
        <v>47</v>
      </c>
      <c r="GB8" s="60" t="s">
        <v>48</v>
      </c>
      <c r="GC8" s="60" t="s">
        <v>49</v>
      </c>
      <c r="GD8" s="60" t="s">
        <v>50</v>
      </c>
      <c r="GE8" s="60" t="s">
        <v>51</v>
      </c>
      <c r="GF8" s="61" t="s">
        <v>45</v>
      </c>
      <c r="GG8" s="551"/>
      <c r="GH8" s="59" t="s">
        <v>43</v>
      </c>
      <c r="GI8" s="60" t="s">
        <v>44</v>
      </c>
      <c r="GJ8" s="236" t="s">
        <v>45</v>
      </c>
      <c r="GK8" s="62" t="s">
        <v>83</v>
      </c>
      <c r="GL8" s="60" t="s">
        <v>47</v>
      </c>
      <c r="GM8" s="60" t="s">
        <v>48</v>
      </c>
      <c r="GN8" s="60" t="s">
        <v>49</v>
      </c>
      <c r="GO8" s="60" t="s">
        <v>50</v>
      </c>
      <c r="GP8" s="60" t="s">
        <v>51</v>
      </c>
      <c r="GQ8" s="61" t="s">
        <v>45</v>
      </c>
      <c r="GR8" s="553"/>
      <c r="GS8" s="59" t="s">
        <v>43</v>
      </c>
      <c r="GT8" s="60" t="s">
        <v>44</v>
      </c>
      <c r="GU8" s="236" t="s">
        <v>45</v>
      </c>
      <c r="GV8" s="62" t="s">
        <v>83</v>
      </c>
      <c r="GW8" s="60" t="s">
        <v>47</v>
      </c>
      <c r="GX8" s="60" t="s">
        <v>48</v>
      </c>
      <c r="GY8" s="60" t="s">
        <v>49</v>
      </c>
      <c r="GZ8" s="60" t="s">
        <v>50</v>
      </c>
      <c r="HA8" s="60" t="s">
        <v>51</v>
      </c>
      <c r="HB8" s="61" t="s">
        <v>45</v>
      </c>
      <c r="HC8" s="553"/>
      <c r="HD8" s="59" t="s">
        <v>43</v>
      </c>
      <c r="HE8" s="60" t="s">
        <v>44</v>
      </c>
      <c r="HF8" s="236" t="s">
        <v>45</v>
      </c>
      <c r="HG8" s="62" t="s">
        <v>83</v>
      </c>
      <c r="HH8" s="60" t="s">
        <v>47</v>
      </c>
      <c r="HI8" s="60" t="s">
        <v>48</v>
      </c>
      <c r="HJ8" s="60" t="s">
        <v>49</v>
      </c>
      <c r="HK8" s="60" t="s">
        <v>50</v>
      </c>
      <c r="HL8" s="60" t="s">
        <v>51</v>
      </c>
      <c r="HM8" s="61" t="s">
        <v>45</v>
      </c>
      <c r="HN8" s="551"/>
      <c r="HO8" s="59" t="s">
        <v>43</v>
      </c>
      <c r="HP8" s="60" t="s">
        <v>44</v>
      </c>
      <c r="HQ8" s="236" t="s">
        <v>45</v>
      </c>
      <c r="HR8" s="62" t="s">
        <v>83</v>
      </c>
      <c r="HS8" s="60" t="s">
        <v>47</v>
      </c>
      <c r="HT8" s="60" t="s">
        <v>48</v>
      </c>
      <c r="HU8" s="60" t="s">
        <v>49</v>
      </c>
      <c r="HV8" s="60" t="s">
        <v>50</v>
      </c>
      <c r="HW8" s="60" t="s">
        <v>51</v>
      </c>
      <c r="HX8" s="61" t="s">
        <v>45</v>
      </c>
      <c r="HY8" s="551"/>
      <c r="HZ8" s="59" t="s">
        <v>43</v>
      </c>
      <c r="IA8" s="60" t="s">
        <v>44</v>
      </c>
      <c r="IB8" s="236" t="s">
        <v>45</v>
      </c>
      <c r="IC8" s="62" t="s">
        <v>83</v>
      </c>
      <c r="ID8" s="60" t="s">
        <v>47</v>
      </c>
      <c r="IE8" s="60" t="s">
        <v>48</v>
      </c>
      <c r="IF8" s="60" t="s">
        <v>49</v>
      </c>
      <c r="IG8" s="60" t="s">
        <v>50</v>
      </c>
      <c r="IH8" s="60" t="s">
        <v>51</v>
      </c>
      <c r="II8" s="61" t="s">
        <v>45</v>
      </c>
      <c r="IJ8" s="549"/>
      <c r="IK8" s="59" t="s">
        <v>43</v>
      </c>
      <c r="IL8" s="60" t="s">
        <v>44</v>
      </c>
      <c r="IM8" s="236" t="s">
        <v>45</v>
      </c>
      <c r="IN8" s="62" t="s">
        <v>83</v>
      </c>
      <c r="IO8" s="238" t="s">
        <v>47</v>
      </c>
      <c r="IP8" s="238" t="s">
        <v>48</v>
      </c>
      <c r="IQ8" s="238" t="s">
        <v>49</v>
      </c>
      <c r="IR8" s="238" t="s">
        <v>50</v>
      </c>
      <c r="IS8" s="238" t="s">
        <v>51</v>
      </c>
      <c r="IT8" s="239" t="s">
        <v>45</v>
      </c>
      <c r="IU8" s="548"/>
      <c r="IV8" s="237" t="s">
        <v>43</v>
      </c>
      <c r="IW8" s="238" t="s">
        <v>44</v>
      </c>
      <c r="IX8" s="239" t="s">
        <v>45</v>
      </c>
      <c r="IY8" s="62" t="s">
        <v>83</v>
      </c>
      <c r="IZ8" s="238" t="s">
        <v>47</v>
      </c>
      <c r="JA8" s="238" t="s">
        <v>48</v>
      </c>
      <c r="JB8" s="238" t="s">
        <v>49</v>
      </c>
      <c r="JC8" s="238" t="s">
        <v>50</v>
      </c>
      <c r="JD8" s="238" t="s">
        <v>51</v>
      </c>
      <c r="JE8" s="239" t="s">
        <v>45</v>
      </c>
      <c r="JF8" s="548"/>
      <c r="JG8" s="237" t="s">
        <v>43</v>
      </c>
      <c r="JH8" s="238" t="s">
        <v>44</v>
      </c>
      <c r="JI8" s="240" t="s">
        <v>45</v>
      </c>
      <c r="JJ8" s="217" t="s">
        <v>83</v>
      </c>
      <c r="JK8" s="238" t="s">
        <v>47</v>
      </c>
      <c r="JL8" s="238" t="s">
        <v>48</v>
      </c>
      <c r="JM8" s="238" t="s">
        <v>49</v>
      </c>
      <c r="JN8" s="238" t="s">
        <v>50</v>
      </c>
      <c r="JO8" s="238" t="s">
        <v>51</v>
      </c>
      <c r="JP8" s="239" t="s">
        <v>45</v>
      </c>
      <c r="JQ8" s="530"/>
      <c r="JR8" s="237" t="s">
        <v>43</v>
      </c>
      <c r="JS8" s="238" t="s">
        <v>44</v>
      </c>
      <c r="JT8" s="240" t="s">
        <v>45</v>
      </c>
      <c r="JU8" s="217" t="s">
        <v>83</v>
      </c>
      <c r="JV8" s="238" t="s">
        <v>47</v>
      </c>
      <c r="JW8" s="238" t="s">
        <v>48</v>
      </c>
      <c r="JX8" s="238" t="s">
        <v>49</v>
      </c>
      <c r="JY8" s="238" t="s">
        <v>50</v>
      </c>
      <c r="JZ8" s="238" t="s">
        <v>51</v>
      </c>
      <c r="KA8" s="239" t="s">
        <v>45</v>
      </c>
      <c r="KB8" s="530"/>
      <c r="KC8" s="237" t="s">
        <v>43</v>
      </c>
      <c r="KD8" s="238" t="s">
        <v>44</v>
      </c>
      <c r="KE8" s="240" t="s">
        <v>45</v>
      </c>
      <c r="KF8" s="217" t="s">
        <v>83</v>
      </c>
      <c r="KG8" s="238" t="s">
        <v>47</v>
      </c>
      <c r="KH8" s="238" t="s">
        <v>48</v>
      </c>
      <c r="KI8" s="238" t="s">
        <v>49</v>
      </c>
      <c r="KJ8" s="238" t="s">
        <v>50</v>
      </c>
      <c r="KK8" s="238" t="s">
        <v>51</v>
      </c>
      <c r="KL8" s="239" t="s">
        <v>45</v>
      </c>
      <c r="KM8" s="530"/>
      <c r="KN8" s="237" t="s">
        <v>43</v>
      </c>
      <c r="KO8" s="238" t="s">
        <v>44</v>
      </c>
      <c r="KP8" s="240" t="s">
        <v>45</v>
      </c>
      <c r="KQ8" s="62" t="s">
        <v>83</v>
      </c>
      <c r="KR8" s="238" t="s">
        <v>47</v>
      </c>
      <c r="KS8" s="238" t="s">
        <v>48</v>
      </c>
      <c r="KT8" s="238" t="s">
        <v>49</v>
      </c>
      <c r="KU8" s="238" t="s">
        <v>50</v>
      </c>
      <c r="KV8" s="238" t="s">
        <v>51</v>
      </c>
      <c r="KW8" s="239" t="s">
        <v>45</v>
      </c>
      <c r="KX8" s="530"/>
      <c r="KY8" s="237" t="s">
        <v>43</v>
      </c>
      <c r="KZ8" s="238" t="s">
        <v>44</v>
      </c>
      <c r="LA8" s="240" t="s">
        <v>45</v>
      </c>
      <c r="LB8" s="62" t="s">
        <v>83</v>
      </c>
      <c r="LC8" s="238" t="s">
        <v>47</v>
      </c>
      <c r="LD8" s="238" t="s">
        <v>48</v>
      </c>
      <c r="LE8" s="238" t="s">
        <v>49</v>
      </c>
      <c r="LF8" s="238" t="s">
        <v>50</v>
      </c>
      <c r="LG8" s="238" t="s">
        <v>51</v>
      </c>
      <c r="LH8" s="239" t="s">
        <v>45</v>
      </c>
      <c r="LI8" s="530"/>
      <c r="LJ8" s="237" t="s">
        <v>43</v>
      </c>
      <c r="LK8" s="238" t="s">
        <v>44</v>
      </c>
      <c r="LL8" s="240" t="s">
        <v>45</v>
      </c>
      <c r="LM8" s="62" t="s">
        <v>83</v>
      </c>
      <c r="LN8" s="238" t="s">
        <v>47</v>
      </c>
      <c r="LO8" s="238" t="s">
        <v>48</v>
      </c>
      <c r="LP8" s="238" t="s">
        <v>49</v>
      </c>
      <c r="LQ8" s="238" t="s">
        <v>50</v>
      </c>
      <c r="LR8" s="238" t="s">
        <v>51</v>
      </c>
      <c r="LS8" s="239" t="s">
        <v>45</v>
      </c>
      <c r="LT8" s="530"/>
      <c r="LU8" s="237" t="s">
        <v>43</v>
      </c>
      <c r="LV8" s="238" t="s">
        <v>44</v>
      </c>
      <c r="LW8" s="240" t="s">
        <v>45</v>
      </c>
      <c r="LX8" s="62" t="s">
        <v>83</v>
      </c>
      <c r="LY8" s="238" t="s">
        <v>47</v>
      </c>
      <c r="LZ8" s="238" t="s">
        <v>48</v>
      </c>
      <c r="MA8" s="238" t="s">
        <v>49</v>
      </c>
      <c r="MB8" s="238" t="s">
        <v>50</v>
      </c>
      <c r="MC8" s="238" t="s">
        <v>51</v>
      </c>
      <c r="MD8" s="239" t="s">
        <v>45</v>
      </c>
      <c r="ME8" s="530"/>
      <c r="MF8" s="237" t="s">
        <v>43</v>
      </c>
      <c r="MG8" s="238" t="s">
        <v>44</v>
      </c>
      <c r="MH8" s="240" t="s">
        <v>45</v>
      </c>
      <c r="MI8" s="62" t="s">
        <v>83</v>
      </c>
      <c r="MJ8" s="238" t="s">
        <v>47</v>
      </c>
      <c r="MK8" s="238" t="s">
        <v>48</v>
      </c>
      <c r="ML8" s="238" t="s">
        <v>49</v>
      </c>
      <c r="MM8" s="238" t="s">
        <v>50</v>
      </c>
      <c r="MN8" s="238" t="s">
        <v>51</v>
      </c>
      <c r="MO8" s="239" t="s">
        <v>45</v>
      </c>
      <c r="MP8" s="530"/>
      <c r="MQ8" s="237" t="s">
        <v>43</v>
      </c>
      <c r="MR8" s="238" t="s">
        <v>44</v>
      </c>
      <c r="MS8" s="240" t="s">
        <v>45</v>
      </c>
      <c r="MT8" s="62" t="s">
        <v>83</v>
      </c>
      <c r="MU8" s="238" t="s">
        <v>47</v>
      </c>
      <c r="MV8" s="238" t="s">
        <v>48</v>
      </c>
      <c r="MW8" s="238" t="s">
        <v>49</v>
      </c>
      <c r="MX8" s="238" t="s">
        <v>50</v>
      </c>
      <c r="MY8" s="238" t="s">
        <v>51</v>
      </c>
      <c r="MZ8" s="239" t="s">
        <v>45</v>
      </c>
      <c r="NA8" s="530"/>
      <c r="NB8" s="237" t="s">
        <v>43</v>
      </c>
      <c r="NC8" s="238" t="s">
        <v>44</v>
      </c>
      <c r="ND8" s="240" t="s">
        <v>45</v>
      </c>
      <c r="NE8" s="62" t="s">
        <v>83</v>
      </c>
      <c r="NF8" s="238" t="s">
        <v>47</v>
      </c>
      <c r="NG8" s="238" t="s">
        <v>48</v>
      </c>
      <c r="NH8" s="238" t="s">
        <v>49</v>
      </c>
      <c r="NI8" s="238" t="s">
        <v>50</v>
      </c>
      <c r="NJ8" s="238" t="s">
        <v>51</v>
      </c>
      <c r="NK8" s="239" t="s">
        <v>45</v>
      </c>
      <c r="NL8" s="530"/>
      <c r="NM8" s="237" t="s">
        <v>43</v>
      </c>
      <c r="NN8" s="238" t="s">
        <v>44</v>
      </c>
      <c r="NO8" s="240" t="s">
        <v>45</v>
      </c>
      <c r="NP8" s="62" t="s">
        <v>83</v>
      </c>
      <c r="NQ8" s="238" t="s">
        <v>47</v>
      </c>
      <c r="NR8" s="238" t="s">
        <v>48</v>
      </c>
      <c r="NS8" s="238" t="s">
        <v>49</v>
      </c>
      <c r="NT8" s="238" t="s">
        <v>50</v>
      </c>
      <c r="NU8" s="238" t="s">
        <v>51</v>
      </c>
      <c r="NV8" s="239" t="s">
        <v>45</v>
      </c>
      <c r="NW8" s="530"/>
      <c r="NX8" s="237" t="s">
        <v>43</v>
      </c>
      <c r="NY8" s="238" t="s">
        <v>44</v>
      </c>
      <c r="NZ8" s="240" t="s">
        <v>45</v>
      </c>
      <c r="OA8" s="62" t="s">
        <v>83</v>
      </c>
      <c r="OB8" s="238" t="s">
        <v>47</v>
      </c>
      <c r="OC8" s="238" t="s">
        <v>48</v>
      </c>
      <c r="OD8" s="238" t="s">
        <v>49</v>
      </c>
      <c r="OE8" s="238" t="s">
        <v>50</v>
      </c>
      <c r="OF8" s="238" t="s">
        <v>51</v>
      </c>
      <c r="OG8" s="239" t="s">
        <v>45</v>
      </c>
      <c r="OH8" s="530"/>
      <c r="OI8" s="237" t="s">
        <v>43</v>
      </c>
      <c r="OJ8" s="238" t="s">
        <v>44</v>
      </c>
      <c r="OK8" s="240" t="s">
        <v>45</v>
      </c>
      <c r="OL8" s="217" t="s">
        <v>83</v>
      </c>
      <c r="OM8" s="238" t="s">
        <v>47</v>
      </c>
      <c r="ON8" s="238" t="s">
        <v>48</v>
      </c>
      <c r="OO8" s="238" t="s">
        <v>49</v>
      </c>
      <c r="OP8" s="238" t="s">
        <v>50</v>
      </c>
      <c r="OQ8" s="238" t="s">
        <v>51</v>
      </c>
      <c r="OR8" s="239" t="s">
        <v>45</v>
      </c>
      <c r="OS8" s="530"/>
    </row>
    <row r="9" spans="2:409" s="393" customFormat="1" ht="21" customHeight="1" x14ac:dyDescent="0.2">
      <c r="B9" s="70" t="s">
        <v>4</v>
      </c>
      <c r="C9" s="241">
        <v>30469369</v>
      </c>
      <c r="D9" s="242">
        <v>55913334</v>
      </c>
      <c r="E9" s="243">
        <v>86382703</v>
      </c>
      <c r="F9" s="244">
        <v>0</v>
      </c>
      <c r="G9" s="242">
        <v>284935166</v>
      </c>
      <c r="H9" s="242">
        <v>394859177</v>
      </c>
      <c r="I9" s="242">
        <v>331361828</v>
      </c>
      <c r="J9" s="242">
        <v>321682384</v>
      </c>
      <c r="K9" s="242">
        <v>253506132</v>
      </c>
      <c r="L9" s="245">
        <v>1586344687</v>
      </c>
      <c r="M9" s="246">
        <v>1672727390</v>
      </c>
      <c r="N9" s="241">
        <v>9528487</v>
      </c>
      <c r="O9" s="242">
        <v>21517722</v>
      </c>
      <c r="P9" s="247">
        <v>31046209</v>
      </c>
      <c r="Q9" s="241">
        <v>0</v>
      </c>
      <c r="R9" s="242">
        <v>89162335</v>
      </c>
      <c r="S9" s="242">
        <v>138781632</v>
      </c>
      <c r="T9" s="242">
        <v>109217796</v>
      </c>
      <c r="U9" s="242">
        <v>118207903</v>
      </c>
      <c r="V9" s="242">
        <v>117831852</v>
      </c>
      <c r="W9" s="247">
        <v>573201518</v>
      </c>
      <c r="X9" s="246">
        <v>604247727</v>
      </c>
      <c r="Y9" s="241">
        <v>0</v>
      </c>
      <c r="Z9" s="242">
        <v>0</v>
      </c>
      <c r="AA9" s="247">
        <v>0</v>
      </c>
      <c r="AB9" s="248">
        <v>0</v>
      </c>
      <c r="AC9" s="249">
        <v>33928889</v>
      </c>
      <c r="AD9" s="249">
        <v>55136854</v>
      </c>
      <c r="AE9" s="249">
        <v>53032408</v>
      </c>
      <c r="AF9" s="249">
        <v>60850267</v>
      </c>
      <c r="AG9" s="249">
        <v>63831428</v>
      </c>
      <c r="AH9" s="247">
        <v>266779846</v>
      </c>
      <c r="AI9" s="246">
        <v>266779846</v>
      </c>
      <c r="AJ9" s="250">
        <v>0</v>
      </c>
      <c r="AK9" s="249">
        <v>96293</v>
      </c>
      <c r="AL9" s="247">
        <v>96293</v>
      </c>
      <c r="AM9" s="248">
        <v>0</v>
      </c>
      <c r="AN9" s="249">
        <v>477899</v>
      </c>
      <c r="AO9" s="245">
        <v>1115387</v>
      </c>
      <c r="AP9" s="249">
        <v>2538560</v>
      </c>
      <c r="AQ9" s="249">
        <v>6841372</v>
      </c>
      <c r="AR9" s="249">
        <v>13313671</v>
      </c>
      <c r="AS9" s="247">
        <v>24286889</v>
      </c>
      <c r="AT9" s="246">
        <v>24383182</v>
      </c>
      <c r="AU9" s="250">
        <v>5242297</v>
      </c>
      <c r="AV9" s="249">
        <v>15091546</v>
      </c>
      <c r="AW9" s="247">
        <v>20333843</v>
      </c>
      <c r="AX9" s="248">
        <v>0</v>
      </c>
      <c r="AY9" s="249">
        <v>34116631</v>
      </c>
      <c r="AZ9" s="249">
        <v>55703015</v>
      </c>
      <c r="BA9" s="249">
        <v>32495614</v>
      </c>
      <c r="BB9" s="249">
        <v>29068086</v>
      </c>
      <c r="BC9" s="249">
        <v>23368197</v>
      </c>
      <c r="BD9" s="247">
        <v>174751543</v>
      </c>
      <c r="BE9" s="251">
        <v>195085386</v>
      </c>
      <c r="BF9" s="250">
        <v>472646</v>
      </c>
      <c r="BG9" s="245">
        <v>2091040</v>
      </c>
      <c r="BH9" s="252">
        <v>2563686</v>
      </c>
      <c r="BI9" s="248">
        <v>0</v>
      </c>
      <c r="BJ9" s="249">
        <v>3111635</v>
      </c>
      <c r="BK9" s="249">
        <v>4883944</v>
      </c>
      <c r="BL9" s="249">
        <v>2874275</v>
      </c>
      <c r="BM9" s="249">
        <v>2736731</v>
      </c>
      <c r="BN9" s="249">
        <v>2040990</v>
      </c>
      <c r="BO9" s="247">
        <v>15647575</v>
      </c>
      <c r="BP9" s="246">
        <v>18211261</v>
      </c>
      <c r="BQ9" s="250">
        <v>3813544</v>
      </c>
      <c r="BR9" s="249">
        <v>4238843</v>
      </c>
      <c r="BS9" s="247">
        <v>8052387</v>
      </c>
      <c r="BT9" s="248">
        <v>0</v>
      </c>
      <c r="BU9" s="249">
        <v>17527281</v>
      </c>
      <c r="BV9" s="249">
        <v>21942432</v>
      </c>
      <c r="BW9" s="249">
        <v>18276939</v>
      </c>
      <c r="BX9" s="249">
        <v>18711447</v>
      </c>
      <c r="BY9" s="249">
        <v>15277566</v>
      </c>
      <c r="BZ9" s="247">
        <v>91735665</v>
      </c>
      <c r="CA9" s="246">
        <v>99788052</v>
      </c>
      <c r="CB9" s="250">
        <v>2526906</v>
      </c>
      <c r="CC9" s="249">
        <v>6817428</v>
      </c>
      <c r="CD9" s="247">
        <v>9344334</v>
      </c>
      <c r="CE9" s="248">
        <v>0</v>
      </c>
      <c r="CF9" s="249">
        <v>70551391</v>
      </c>
      <c r="CG9" s="249">
        <v>88738086</v>
      </c>
      <c r="CH9" s="253">
        <v>63007918</v>
      </c>
      <c r="CI9" s="249">
        <v>38789395</v>
      </c>
      <c r="CJ9" s="249">
        <v>17589408</v>
      </c>
      <c r="CK9" s="247">
        <v>278676198</v>
      </c>
      <c r="CL9" s="246">
        <v>288020532</v>
      </c>
      <c r="CM9" s="241">
        <v>0</v>
      </c>
      <c r="CN9" s="242">
        <v>13934</v>
      </c>
      <c r="CO9" s="247">
        <v>13934</v>
      </c>
      <c r="CP9" s="248">
        <v>0</v>
      </c>
      <c r="CQ9" s="249">
        <v>56602314</v>
      </c>
      <c r="CR9" s="249">
        <v>65966502</v>
      </c>
      <c r="CS9" s="249">
        <v>42945062</v>
      </c>
      <c r="CT9" s="249">
        <v>25906226</v>
      </c>
      <c r="CU9" s="249">
        <v>13182027</v>
      </c>
      <c r="CV9" s="254">
        <v>204602131</v>
      </c>
      <c r="CW9" s="246">
        <v>204616065</v>
      </c>
      <c r="CX9" s="250">
        <v>2526906</v>
      </c>
      <c r="CY9" s="249">
        <v>6803494</v>
      </c>
      <c r="CZ9" s="247">
        <v>9330400</v>
      </c>
      <c r="DA9" s="248">
        <v>0</v>
      </c>
      <c r="DB9" s="249">
        <v>13949077</v>
      </c>
      <c r="DC9" s="249">
        <v>22771584</v>
      </c>
      <c r="DD9" s="249">
        <v>20062856</v>
      </c>
      <c r="DE9" s="249">
        <v>12883169</v>
      </c>
      <c r="DF9" s="249">
        <v>4407381</v>
      </c>
      <c r="DG9" s="247">
        <v>74074067</v>
      </c>
      <c r="DH9" s="246">
        <v>83404467</v>
      </c>
      <c r="DI9" s="250">
        <v>263640</v>
      </c>
      <c r="DJ9" s="249">
        <v>617237</v>
      </c>
      <c r="DK9" s="252">
        <v>880877</v>
      </c>
      <c r="DL9" s="248">
        <v>0</v>
      </c>
      <c r="DM9" s="249">
        <v>8849743</v>
      </c>
      <c r="DN9" s="249">
        <v>17125031</v>
      </c>
      <c r="DO9" s="249">
        <v>28966275</v>
      </c>
      <c r="DP9" s="249">
        <v>21620601</v>
      </c>
      <c r="DQ9" s="249">
        <v>11917268</v>
      </c>
      <c r="DR9" s="255">
        <v>88478918</v>
      </c>
      <c r="DS9" s="246">
        <v>89359795</v>
      </c>
      <c r="DT9" s="250">
        <v>190036</v>
      </c>
      <c r="DU9" s="249">
        <v>539693</v>
      </c>
      <c r="DV9" s="247">
        <v>729729</v>
      </c>
      <c r="DW9" s="248">
        <v>0</v>
      </c>
      <c r="DX9" s="249">
        <v>7625316</v>
      </c>
      <c r="DY9" s="249">
        <v>14629758</v>
      </c>
      <c r="DZ9" s="249">
        <v>24411619</v>
      </c>
      <c r="EA9" s="249">
        <v>16424102</v>
      </c>
      <c r="EB9" s="249">
        <v>9443439</v>
      </c>
      <c r="EC9" s="247">
        <v>72534234</v>
      </c>
      <c r="ED9" s="246">
        <v>73263963</v>
      </c>
      <c r="EE9" s="250">
        <v>73604</v>
      </c>
      <c r="EF9" s="245">
        <v>77544</v>
      </c>
      <c r="EG9" s="247">
        <v>151148</v>
      </c>
      <c r="EH9" s="251">
        <v>0</v>
      </c>
      <c r="EI9" s="249">
        <v>1151313</v>
      </c>
      <c r="EJ9" s="249">
        <v>2495273</v>
      </c>
      <c r="EK9" s="249">
        <v>4554656</v>
      </c>
      <c r="EL9" s="249">
        <v>5196499</v>
      </c>
      <c r="EM9" s="253">
        <v>2473829</v>
      </c>
      <c r="EN9" s="245">
        <v>15871570</v>
      </c>
      <c r="EO9" s="246">
        <v>16022718</v>
      </c>
      <c r="EP9" s="250">
        <v>0</v>
      </c>
      <c r="EQ9" s="249">
        <v>0</v>
      </c>
      <c r="ER9" s="245">
        <v>0</v>
      </c>
      <c r="ES9" s="248">
        <v>0</v>
      </c>
      <c r="ET9" s="249">
        <v>0</v>
      </c>
      <c r="EU9" s="249">
        <v>0</v>
      </c>
      <c r="EV9" s="249">
        <v>0</v>
      </c>
      <c r="EW9" s="249">
        <v>0</v>
      </c>
      <c r="EX9" s="249">
        <v>0</v>
      </c>
      <c r="EY9" s="254">
        <v>0</v>
      </c>
      <c r="EZ9" s="246">
        <v>0</v>
      </c>
      <c r="FA9" s="250">
        <v>0</v>
      </c>
      <c r="FB9" s="249">
        <v>0</v>
      </c>
      <c r="FC9" s="245">
        <v>0</v>
      </c>
      <c r="FD9" s="388">
        <v>0</v>
      </c>
      <c r="FE9" s="249">
        <v>73114</v>
      </c>
      <c r="FF9" s="249">
        <v>0</v>
      </c>
      <c r="FG9" s="249">
        <v>0</v>
      </c>
      <c r="FH9" s="249">
        <v>0</v>
      </c>
      <c r="FI9" s="249">
        <v>0</v>
      </c>
      <c r="FJ9" s="254">
        <v>73114</v>
      </c>
      <c r="FK9" s="246">
        <v>73114</v>
      </c>
      <c r="FL9" s="250">
        <v>6411152</v>
      </c>
      <c r="FM9" s="249">
        <v>11047110</v>
      </c>
      <c r="FN9" s="247">
        <v>17458262</v>
      </c>
      <c r="FO9" s="248">
        <v>0</v>
      </c>
      <c r="FP9" s="249">
        <v>14312956</v>
      </c>
      <c r="FQ9" s="249">
        <v>35550540</v>
      </c>
      <c r="FR9" s="249">
        <v>24846421</v>
      </c>
      <c r="FS9" s="249">
        <v>22279679</v>
      </c>
      <c r="FT9" s="249">
        <v>15824176</v>
      </c>
      <c r="FU9" s="247">
        <v>112813772</v>
      </c>
      <c r="FV9" s="246">
        <v>130272034</v>
      </c>
      <c r="FW9" s="250">
        <v>2811036</v>
      </c>
      <c r="FX9" s="249">
        <v>7324158</v>
      </c>
      <c r="FY9" s="245">
        <v>10135194</v>
      </c>
      <c r="FZ9" s="251">
        <v>0</v>
      </c>
      <c r="GA9" s="249">
        <v>10222835</v>
      </c>
      <c r="GB9" s="256">
        <v>31616473</v>
      </c>
      <c r="GC9" s="249">
        <v>22740235</v>
      </c>
      <c r="GD9" s="256">
        <v>20228301</v>
      </c>
      <c r="GE9" s="249">
        <v>14978739</v>
      </c>
      <c r="GF9" s="254">
        <v>99786583</v>
      </c>
      <c r="GG9" s="257">
        <v>109921777</v>
      </c>
      <c r="GH9" s="258">
        <v>595200</v>
      </c>
      <c r="GI9" s="249">
        <v>696335</v>
      </c>
      <c r="GJ9" s="256">
        <v>1291535</v>
      </c>
      <c r="GK9" s="244">
        <v>0</v>
      </c>
      <c r="GL9" s="249">
        <v>987643</v>
      </c>
      <c r="GM9" s="245">
        <v>1213939</v>
      </c>
      <c r="GN9" s="249">
        <v>658593</v>
      </c>
      <c r="GO9" s="245">
        <v>916657</v>
      </c>
      <c r="GP9" s="249">
        <v>354737</v>
      </c>
      <c r="GQ9" s="255">
        <v>4131569</v>
      </c>
      <c r="GR9" s="246">
        <v>5423104</v>
      </c>
      <c r="GS9" s="245">
        <v>3004916</v>
      </c>
      <c r="GT9" s="249">
        <v>3026617</v>
      </c>
      <c r="GU9" s="247">
        <v>6031533</v>
      </c>
      <c r="GV9" s="245">
        <v>0</v>
      </c>
      <c r="GW9" s="249">
        <v>3102478</v>
      </c>
      <c r="GX9" s="245">
        <v>2720128</v>
      </c>
      <c r="GY9" s="249">
        <v>1447593</v>
      </c>
      <c r="GZ9" s="245">
        <v>1134721</v>
      </c>
      <c r="HA9" s="249">
        <v>490700</v>
      </c>
      <c r="HB9" s="245">
        <v>8895620</v>
      </c>
      <c r="HC9" s="246">
        <v>14927153</v>
      </c>
      <c r="HD9" s="245">
        <v>11739184</v>
      </c>
      <c r="HE9" s="249">
        <v>15913837</v>
      </c>
      <c r="HF9" s="245">
        <v>27653021</v>
      </c>
      <c r="HG9" s="251">
        <v>0</v>
      </c>
      <c r="HH9" s="249">
        <v>102058741</v>
      </c>
      <c r="HI9" s="256">
        <v>114663888</v>
      </c>
      <c r="HJ9" s="249">
        <v>105323418</v>
      </c>
      <c r="HK9" s="256">
        <v>120784806</v>
      </c>
      <c r="HL9" s="249">
        <v>90343428</v>
      </c>
      <c r="HM9" s="254">
        <v>533174281</v>
      </c>
      <c r="HN9" s="245">
        <v>560827302</v>
      </c>
      <c r="HO9" s="258">
        <v>0</v>
      </c>
      <c r="HP9" s="249">
        <v>0</v>
      </c>
      <c r="HQ9" s="254">
        <v>0</v>
      </c>
      <c r="HR9" s="256">
        <v>0</v>
      </c>
      <c r="HS9" s="249">
        <v>0</v>
      </c>
      <c r="HT9" s="256">
        <v>0</v>
      </c>
      <c r="HU9" s="249">
        <v>0</v>
      </c>
      <c r="HV9" s="256">
        <v>0</v>
      </c>
      <c r="HW9" s="249">
        <v>0</v>
      </c>
      <c r="HX9" s="256">
        <v>0</v>
      </c>
      <c r="HY9" s="246">
        <v>0</v>
      </c>
      <c r="HZ9" s="259">
        <v>298172</v>
      </c>
      <c r="IA9" s="260">
        <v>1705411</v>
      </c>
      <c r="IB9" s="261">
        <v>2003583</v>
      </c>
      <c r="IC9" s="262">
        <v>0</v>
      </c>
      <c r="ID9" s="260">
        <v>60375250</v>
      </c>
      <c r="IE9" s="263">
        <v>83220980</v>
      </c>
      <c r="IF9" s="264">
        <v>86186681</v>
      </c>
      <c r="IG9" s="260">
        <v>60178896</v>
      </c>
      <c r="IH9" s="264">
        <v>51013412</v>
      </c>
      <c r="II9" s="265">
        <v>340975219</v>
      </c>
      <c r="IJ9" s="266">
        <v>342978802</v>
      </c>
      <c r="IK9" s="267">
        <v>0</v>
      </c>
      <c r="IL9" s="268">
        <v>0</v>
      </c>
      <c r="IM9" s="269">
        <v>0</v>
      </c>
      <c r="IN9" s="388">
        <v>0</v>
      </c>
      <c r="IO9" s="270">
        <v>1051991</v>
      </c>
      <c r="IP9" s="270">
        <v>4064176</v>
      </c>
      <c r="IQ9" s="270">
        <v>4266026</v>
      </c>
      <c r="IR9" s="270">
        <v>5339696</v>
      </c>
      <c r="IS9" s="270">
        <v>5052688</v>
      </c>
      <c r="IT9" s="271">
        <v>19774577</v>
      </c>
      <c r="IU9" s="272">
        <v>19774577</v>
      </c>
      <c r="IV9" s="273">
        <v>0</v>
      </c>
      <c r="IW9" s="270">
        <v>0</v>
      </c>
      <c r="IX9" s="274">
        <v>0</v>
      </c>
      <c r="IY9" s="388">
        <v>0</v>
      </c>
      <c r="IZ9" s="270">
        <v>226772</v>
      </c>
      <c r="JA9" s="270">
        <v>576859</v>
      </c>
      <c r="JB9" s="270">
        <v>565189</v>
      </c>
      <c r="JC9" s="270">
        <v>777099</v>
      </c>
      <c r="JD9" s="270">
        <v>1594251</v>
      </c>
      <c r="JE9" s="274">
        <v>3740170</v>
      </c>
      <c r="JF9" s="275">
        <v>3740170</v>
      </c>
      <c r="JG9" s="273">
        <v>0</v>
      </c>
      <c r="JH9" s="270">
        <v>0</v>
      </c>
      <c r="JI9" s="271">
        <v>0</v>
      </c>
      <c r="JJ9" s="276">
        <v>0</v>
      </c>
      <c r="JK9" s="270">
        <v>28531246</v>
      </c>
      <c r="JL9" s="270">
        <v>32471039</v>
      </c>
      <c r="JM9" s="270">
        <v>21642887</v>
      </c>
      <c r="JN9" s="270">
        <v>12105741</v>
      </c>
      <c r="JO9" s="270">
        <v>4898634</v>
      </c>
      <c r="JP9" s="274">
        <v>99649547</v>
      </c>
      <c r="JQ9" s="272">
        <v>99649547</v>
      </c>
      <c r="JR9" s="273">
        <v>25817</v>
      </c>
      <c r="JS9" s="270">
        <v>0</v>
      </c>
      <c r="JT9" s="271">
        <v>25817</v>
      </c>
      <c r="JU9" s="276">
        <v>0</v>
      </c>
      <c r="JV9" s="270">
        <v>3382215</v>
      </c>
      <c r="JW9" s="270">
        <v>5293225</v>
      </c>
      <c r="JX9" s="270">
        <v>5929383</v>
      </c>
      <c r="JY9" s="270">
        <v>2731177</v>
      </c>
      <c r="JZ9" s="270">
        <v>4553797</v>
      </c>
      <c r="KA9" s="274">
        <v>21889797</v>
      </c>
      <c r="KB9" s="272">
        <v>21915614</v>
      </c>
      <c r="KC9" s="277">
        <v>272355</v>
      </c>
      <c r="KD9" s="278">
        <v>1513387</v>
      </c>
      <c r="KE9" s="274">
        <v>1785742</v>
      </c>
      <c r="KF9" s="276">
        <v>0</v>
      </c>
      <c r="KG9" s="270">
        <v>8064450</v>
      </c>
      <c r="KH9" s="270">
        <v>9386034</v>
      </c>
      <c r="KI9" s="270">
        <v>14372298</v>
      </c>
      <c r="KJ9" s="270">
        <v>9049105</v>
      </c>
      <c r="KK9" s="270">
        <v>4648761</v>
      </c>
      <c r="KL9" s="274">
        <v>45520648</v>
      </c>
      <c r="KM9" s="279">
        <v>47306390</v>
      </c>
      <c r="KN9" s="267">
        <v>0</v>
      </c>
      <c r="KO9" s="268">
        <v>192024</v>
      </c>
      <c r="KP9" s="269">
        <v>192024</v>
      </c>
      <c r="KQ9" s="392">
        <v>0</v>
      </c>
      <c r="KR9" s="270">
        <v>16142790</v>
      </c>
      <c r="KS9" s="270">
        <v>27318982</v>
      </c>
      <c r="KT9" s="270">
        <v>33069107</v>
      </c>
      <c r="KU9" s="270">
        <v>18869139</v>
      </c>
      <c r="KV9" s="270">
        <v>18042740</v>
      </c>
      <c r="KW9" s="274">
        <v>113442758</v>
      </c>
      <c r="KX9" s="272">
        <v>113634782</v>
      </c>
      <c r="KY9" s="273">
        <v>0</v>
      </c>
      <c r="KZ9" s="270">
        <v>0</v>
      </c>
      <c r="LA9" s="274">
        <v>0</v>
      </c>
      <c r="LB9" s="392">
        <v>0</v>
      </c>
      <c r="LC9" s="270">
        <v>136750</v>
      </c>
      <c r="LD9" s="270">
        <v>311986</v>
      </c>
      <c r="LE9" s="270">
        <v>1568758</v>
      </c>
      <c r="LF9" s="270">
        <v>939907</v>
      </c>
      <c r="LG9" s="270">
        <v>1162318</v>
      </c>
      <c r="LH9" s="274">
        <v>4119719</v>
      </c>
      <c r="LI9" s="275">
        <v>4119719</v>
      </c>
      <c r="LJ9" s="273">
        <v>0</v>
      </c>
      <c r="LK9" s="270">
        <v>0</v>
      </c>
      <c r="LL9" s="274">
        <v>0</v>
      </c>
      <c r="LM9" s="392">
        <v>0</v>
      </c>
      <c r="LN9" s="270">
        <v>0</v>
      </c>
      <c r="LO9" s="270">
        <v>221209</v>
      </c>
      <c r="LP9" s="270">
        <v>2084833</v>
      </c>
      <c r="LQ9" s="270">
        <v>5502534</v>
      </c>
      <c r="LR9" s="270">
        <v>904301</v>
      </c>
      <c r="LS9" s="274">
        <v>8712877</v>
      </c>
      <c r="LT9" s="272">
        <v>8712877</v>
      </c>
      <c r="LU9" s="273">
        <v>0</v>
      </c>
      <c r="LV9" s="270">
        <v>0</v>
      </c>
      <c r="LW9" s="274">
        <v>0</v>
      </c>
      <c r="LX9" s="392">
        <v>0</v>
      </c>
      <c r="LY9" s="270">
        <v>2839036</v>
      </c>
      <c r="LZ9" s="270">
        <v>3577470</v>
      </c>
      <c r="MA9" s="270">
        <v>2688200</v>
      </c>
      <c r="MB9" s="270">
        <v>4864498</v>
      </c>
      <c r="MC9" s="270">
        <v>10155922</v>
      </c>
      <c r="MD9" s="274">
        <v>24125126</v>
      </c>
      <c r="ME9" s="275">
        <v>24125126</v>
      </c>
      <c r="MF9" s="273">
        <v>0</v>
      </c>
      <c r="MG9" s="270">
        <v>0</v>
      </c>
      <c r="MH9" s="274">
        <v>0</v>
      </c>
      <c r="MI9" s="392">
        <v>0</v>
      </c>
      <c r="MJ9" s="270">
        <v>15248052</v>
      </c>
      <c r="MK9" s="270">
        <v>44026808</v>
      </c>
      <c r="ML9" s="270">
        <v>121464305</v>
      </c>
      <c r="MM9" s="270">
        <v>177308622</v>
      </c>
      <c r="MN9" s="270">
        <v>107102979</v>
      </c>
      <c r="MO9" s="274">
        <v>465150766</v>
      </c>
      <c r="MP9" s="279">
        <v>465150766</v>
      </c>
      <c r="MQ9" s="273">
        <v>0</v>
      </c>
      <c r="MR9" s="270">
        <v>0</v>
      </c>
      <c r="MS9" s="274">
        <v>0</v>
      </c>
      <c r="MT9" s="392">
        <v>0</v>
      </c>
      <c r="MU9" s="270">
        <v>2111499</v>
      </c>
      <c r="MV9" s="270">
        <v>9024419</v>
      </c>
      <c r="MW9" s="270">
        <v>71674841</v>
      </c>
      <c r="MX9" s="270">
        <v>102791520</v>
      </c>
      <c r="MY9" s="270">
        <v>66301296</v>
      </c>
      <c r="MZ9" s="274">
        <v>251903575</v>
      </c>
      <c r="NA9" s="279">
        <v>251903575</v>
      </c>
      <c r="NB9" s="273">
        <v>0</v>
      </c>
      <c r="NC9" s="270">
        <v>0</v>
      </c>
      <c r="ND9" s="274">
        <v>0</v>
      </c>
      <c r="NE9" s="392">
        <v>0</v>
      </c>
      <c r="NF9" s="270">
        <v>13136553</v>
      </c>
      <c r="NG9" s="270">
        <v>34799065</v>
      </c>
      <c r="NH9" s="270">
        <v>49431939</v>
      </c>
      <c r="NI9" s="270">
        <v>70196312</v>
      </c>
      <c r="NJ9" s="270">
        <v>34431789</v>
      </c>
      <c r="NK9" s="274">
        <v>201995658</v>
      </c>
      <c r="NL9" s="272">
        <v>201995658</v>
      </c>
      <c r="NM9" s="273">
        <v>0</v>
      </c>
      <c r="NN9" s="270">
        <v>0</v>
      </c>
      <c r="NO9" s="274">
        <v>0</v>
      </c>
      <c r="NP9" s="392">
        <v>0</v>
      </c>
      <c r="NQ9" s="270">
        <v>0</v>
      </c>
      <c r="NR9" s="270">
        <v>0</v>
      </c>
      <c r="NS9" s="270">
        <v>0</v>
      </c>
      <c r="NT9" s="270">
        <v>0</v>
      </c>
      <c r="NU9" s="270">
        <v>0</v>
      </c>
      <c r="NV9" s="274">
        <v>0</v>
      </c>
      <c r="NW9" s="275">
        <v>0</v>
      </c>
      <c r="NX9" s="273">
        <v>0</v>
      </c>
      <c r="NY9" s="270">
        <v>0</v>
      </c>
      <c r="NZ9" s="274">
        <v>0</v>
      </c>
      <c r="OA9" s="392">
        <v>0</v>
      </c>
      <c r="OB9" s="270">
        <v>0</v>
      </c>
      <c r="OC9" s="270">
        <v>203324</v>
      </c>
      <c r="OD9" s="270">
        <v>357525</v>
      </c>
      <c r="OE9" s="270">
        <v>4320790</v>
      </c>
      <c r="OF9" s="270">
        <v>6369894</v>
      </c>
      <c r="OG9" s="274">
        <v>11251533</v>
      </c>
      <c r="OH9" s="275">
        <v>11251533</v>
      </c>
      <c r="OI9" s="273">
        <v>30767541</v>
      </c>
      <c r="OJ9" s="270">
        <v>57618745</v>
      </c>
      <c r="OK9" s="271">
        <v>88386286</v>
      </c>
      <c r="OL9" s="276">
        <v>0</v>
      </c>
      <c r="OM9" s="270">
        <v>360558468</v>
      </c>
      <c r="ON9" s="270">
        <v>522106965</v>
      </c>
      <c r="OO9" s="270">
        <v>539012814</v>
      </c>
      <c r="OP9" s="270">
        <v>559169902</v>
      </c>
      <c r="OQ9" s="270">
        <v>411622523</v>
      </c>
      <c r="OR9" s="274">
        <v>2392470672</v>
      </c>
      <c r="OS9" s="279">
        <v>2480856958</v>
      </c>
    </row>
    <row r="10" spans="2:409" s="393" customFormat="1" ht="21" customHeight="1" x14ac:dyDescent="0.2">
      <c r="B10" s="81" t="s">
        <v>5</v>
      </c>
      <c r="C10" s="281">
        <v>13781709</v>
      </c>
      <c r="D10" s="282">
        <v>29208033</v>
      </c>
      <c r="E10" s="283">
        <v>42989742</v>
      </c>
      <c r="F10" s="284">
        <v>0</v>
      </c>
      <c r="G10" s="282">
        <v>110084904</v>
      </c>
      <c r="H10" s="282">
        <v>188832911</v>
      </c>
      <c r="I10" s="282">
        <v>146664857</v>
      </c>
      <c r="J10" s="282">
        <v>142457690</v>
      </c>
      <c r="K10" s="282">
        <v>111880641</v>
      </c>
      <c r="L10" s="284">
        <v>699921003</v>
      </c>
      <c r="M10" s="285">
        <v>742910745</v>
      </c>
      <c r="N10" s="281">
        <v>4490914</v>
      </c>
      <c r="O10" s="282">
        <v>12388868</v>
      </c>
      <c r="P10" s="283">
        <v>16879782</v>
      </c>
      <c r="Q10" s="281">
        <v>0</v>
      </c>
      <c r="R10" s="282">
        <v>34387424</v>
      </c>
      <c r="S10" s="282">
        <v>67886049</v>
      </c>
      <c r="T10" s="282">
        <v>47298069</v>
      </c>
      <c r="U10" s="282">
        <v>50712468</v>
      </c>
      <c r="V10" s="282">
        <v>55105953</v>
      </c>
      <c r="W10" s="283">
        <v>255389963</v>
      </c>
      <c r="X10" s="285">
        <v>272269745</v>
      </c>
      <c r="Y10" s="281">
        <v>0</v>
      </c>
      <c r="Z10" s="282">
        <v>0</v>
      </c>
      <c r="AA10" s="283">
        <v>0</v>
      </c>
      <c r="AB10" s="281">
        <v>0</v>
      </c>
      <c r="AC10" s="282">
        <v>12624424</v>
      </c>
      <c r="AD10" s="282">
        <v>24090730</v>
      </c>
      <c r="AE10" s="282">
        <v>20334634</v>
      </c>
      <c r="AF10" s="282">
        <v>25086399</v>
      </c>
      <c r="AG10" s="282">
        <v>28418219</v>
      </c>
      <c r="AH10" s="283">
        <v>110554406</v>
      </c>
      <c r="AI10" s="285">
        <v>110554406</v>
      </c>
      <c r="AJ10" s="281">
        <v>0</v>
      </c>
      <c r="AK10" s="282">
        <v>96293</v>
      </c>
      <c r="AL10" s="283">
        <v>96293</v>
      </c>
      <c r="AM10" s="281">
        <v>0</v>
      </c>
      <c r="AN10" s="282">
        <v>230182</v>
      </c>
      <c r="AO10" s="282">
        <v>442502</v>
      </c>
      <c r="AP10" s="282">
        <v>903661</v>
      </c>
      <c r="AQ10" s="282">
        <v>2088294</v>
      </c>
      <c r="AR10" s="282">
        <v>7549841</v>
      </c>
      <c r="AS10" s="283">
        <v>11214480</v>
      </c>
      <c r="AT10" s="285">
        <v>11310773</v>
      </c>
      <c r="AU10" s="281">
        <v>2484368</v>
      </c>
      <c r="AV10" s="282">
        <v>8654989</v>
      </c>
      <c r="AW10" s="283">
        <v>11139357</v>
      </c>
      <c r="AX10" s="281">
        <v>0</v>
      </c>
      <c r="AY10" s="282">
        <v>13459588</v>
      </c>
      <c r="AZ10" s="282">
        <v>30456740</v>
      </c>
      <c r="BA10" s="282">
        <v>17032364</v>
      </c>
      <c r="BB10" s="282">
        <v>13917091</v>
      </c>
      <c r="BC10" s="282">
        <v>11731131</v>
      </c>
      <c r="BD10" s="283">
        <v>86596914</v>
      </c>
      <c r="BE10" s="285">
        <v>97736271</v>
      </c>
      <c r="BF10" s="281">
        <v>241159</v>
      </c>
      <c r="BG10" s="282">
        <v>1365386</v>
      </c>
      <c r="BH10" s="286">
        <v>1606545</v>
      </c>
      <c r="BI10" s="287">
        <v>0</v>
      </c>
      <c r="BJ10" s="282">
        <v>977714</v>
      </c>
      <c r="BK10" s="282">
        <v>2350591</v>
      </c>
      <c r="BL10" s="282">
        <v>1101427</v>
      </c>
      <c r="BM10" s="282">
        <v>1271267</v>
      </c>
      <c r="BN10" s="282">
        <v>895124</v>
      </c>
      <c r="BO10" s="283">
        <v>6596123</v>
      </c>
      <c r="BP10" s="285">
        <v>8202668</v>
      </c>
      <c r="BQ10" s="281">
        <v>1765387</v>
      </c>
      <c r="BR10" s="282">
        <v>2272200</v>
      </c>
      <c r="BS10" s="283">
        <v>4037587</v>
      </c>
      <c r="BT10" s="281">
        <v>0</v>
      </c>
      <c r="BU10" s="282">
        <v>7095516</v>
      </c>
      <c r="BV10" s="282">
        <v>10545486</v>
      </c>
      <c r="BW10" s="282">
        <v>7925983</v>
      </c>
      <c r="BX10" s="282">
        <v>8349417</v>
      </c>
      <c r="BY10" s="282">
        <v>6511638</v>
      </c>
      <c r="BZ10" s="283">
        <v>40428040</v>
      </c>
      <c r="CA10" s="285">
        <v>44465627</v>
      </c>
      <c r="CB10" s="281">
        <v>1138684</v>
      </c>
      <c r="CC10" s="282">
        <v>3542602</v>
      </c>
      <c r="CD10" s="283">
        <v>4681286</v>
      </c>
      <c r="CE10" s="281">
        <v>0</v>
      </c>
      <c r="CF10" s="282">
        <v>25193161</v>
      </c>
      <c r="CG10" s="282">
        <v>39627730</v>
      </c>
      <c r="CH10" s="282">
        <v>25664968</v>
      </c>
      <c r="CI10" s="282">
        <v>15394552</v>
      </c>
      <c r="CJ10" s="282">
        <v>6797722</v>
      </c>
      <c r="CK10" s="283">
        <v>112678133</v>
      </c>
      <c r="CL10" s="285">
        <v>117359419</v>
      </c>
      <c r="CM10" s="281">
        <v>0</v>
      </c>
      <c r="CN10" s="282">
        <v>13934</v>
      </c>
      <c r="CO10" s="283">
        <v>13934</v>
      </c>
      <c r="CP10" s="287">
        <v>0</v>
      </c>
      <c r="CQ10" s="282">
        <v>20785647</v>
      </c>
      <c r="CR10" s="282">
        <v>28649525</v>
      </c>
      <c r="CS10" s="282">
        <v>15899552</v>
      </c>
      <c r="CT10" s="282">
        <v>9534593</v>
      </c>
      <c r="CU10" s="282">
        <v>4414300</v>
      </c>
      <c r="CV10" s="283">
        <v>79283617</v>
      </c>
      <c r="CW10" s="285">
        <v>79297551</v>
      </c>
      <c r="CX10" s="281">
        <v>1138684</v>
      </c>
      <c r="CY10" s="282">
        <v>3528668</v>
      </c>
      <c r="CZ10" s="283">
        <v>4667352</v>
      </c>
      <c r="DA10" s="281">
        <v>0</v>
      </c>
      <c r="DB10" s="282">
        <v>4407514</v>
      </c>
      <c r="DC10" s="282">
        <v>10978205</v>
      </c>
      <c r="DD10" s="282">
        <v>9765416</v>
      </c>
      <c r="DE10" s="282">
        <v>5859959</v>
      </c>
      <c r="DF10" s="282">
        <v>2383422</v>
      </c>
      <c r="DG10" s="283">
        <v>33394516</v>
      </c>
      <c r="DH10" s="285">
        <v>38061868</v>
      </c>
      <c r="DI10" s="281">
        <v>117662</v>
      </c>
      <c r="DJ10" s="282">
        <v>386457</v>
      </c>
      <c r="DK10" s="286">
        <v>504119</v>
      </c>
      <c r="DL10" s="287">
        <v>0</v>
      </c>
      <c r="DM10" s="282">
        <v>3291849</v>
      </c>
      <c r="DN10" s="282">
        <v>6875934</v>
      </c>
      <c r="DO10" s="282">
        <v>14219585</v>
      </c>
      <c r="DP10" s="282">
        <v>9222149</v>
      </c>
      <c r="DQ10" s="282">
        <v>5474915</v>
      </c>
      <c r="DR10" s="283">
        <v>39084432</v>
      </c>
      <c r="DS10" s="285">
        <v>39588551</v>
      </c>
      <c r="DT10" s="281">
        <v>44058</v>
      </c>
      <c r="DU10" s="282">
        <v>308913</v>
      </c>
      <c r="DV10" s="283">
        <v>352971</v>
      </c>
      <c r="DW10" s="281">
        <v>0</v>
      </c>
      <c r="DX10" s="282">
        <v>2766695</v>
      </c>
      <c r="DY10" s="282">
        <v>5630124</v>
      </c>
      <c r="DZ10" s="282">
        <v>11490516</v>
      </c>
      <c r="EA10" s="282">
        <v>5786224</v>
      </c>
      <c r="EB10" s="282">
        <v>4162373</v>
      </c>
      <c r="EC10" s="283">
        <v>29835932</v>
      </c>
      <c r="ED10" s="285">
        <v>30188903</v>
      </c>
      <c r="EE10" s="281">
        <v>73604</v>
      </c>
      <c r="EF10" s="286">
        <v>77544</v>
      </c>
      <c r="EG10" s="283">
        <v>151148</v>
      </c>
      <c r="EH10" s="281">
        <v>0</v>
      </c>
      <c r="EI10" s="282">
        <v>525154</v>
      </c>
      <c r="EJ10" s="282">
        <v>1245810</v>
      </c>
      <c r="EK10" s="282">
        <v>2729069</v>
      </c>
      <c r="EL10" s="282">
        <v>3435925</v>
      </c>
      <c r="EM10" s="282">
        <v>1312542</v>
      </c>
      <c r="EN10" s="286">
        <v>9248500</v>
      </c>
      <c r="EO10" s="285">
        <v>9399648</v>
      </c>
      <c r="EP10" s="281">
        <v>0</v>
      </c>
      <c r="EQ10" s="282">
        <v>0</v>
      </c>
      <c r="ER10" s="286">
        <v>0</v>
      </c>
      <c r="ES10" s="287">
        <v>0</v>
      </c>
      <c r="ET10" s="282">
        <v>0</v>
      </c>
      <c r="EU10" s="282">
        <v>0</v>
      </c>
      <c r="EV10" s="282">
        <v>0</v>
      </c>
      <c r="EW10" s="282">
        <v>0</v>
      </c>
      <c r="EX10" s="282">
        <v>0</v>
      </c>
      <c r="EY10" s="283">
        <v>0</v>
      </c>
      <c r="EZ10" s="285">
        <v>0</v>
      </c>
      <c r="FA10" s="281">
        <v>0</v>
      </c>
      <c r="FB10" s="282">
        <v>0</v>
      </c>
      <c r="FC10" s="286">
        <v>0</v>
      </c>
      <c r="FD10" s="389">
        <v>0</v>
      </c>
      <c r="FE10" s="282">
        <v>0</v>
      </c>
      <c r="FF10" s="282">
        <v>0</v>
      </c>
      <c r="FG10" s="282">
        <v>0</v>
      </c>
      <c r="FH10" s="282">
        <v>0</v>
      </c>
      <c r="FI10" s="282">
        <v>0</v>
      </c>
      <c r="FJ10" s="283">
        <v>0</v>
      </c>
      <c r="FK10" s="285">
        <v>0</v>
      </c>
      <c r="FL10" s="281">
        <v>2585839</v>
      </c>
      <c r="FM10" s="282">
        <v>5396587</v>
      </c>
      <c r="FN10" s="283">
        <v>7982426</v>
      </c>
      <c r="FO10" s="281">
        <v>0</v>
      </c>
      <c r="FP10" s="282">
        <v>4723611</v>
      </c>
      <c r="FQ10" s="282">
        <v>16196719</v>
      </c>
      <c r="FR10" s="282">
        <v>10470969</v>
      </c>
      <c r="FS10" s="282">
        <v>9035433</v>
      </c>
      <c r="FT10" s="282">
        <v>7116599</v>
      </c>
      <c r="FU10" s="283">
        <v>47543331</v>
      </c>
      <c r="FV10" s="285">
        <v>55525757</v>
      </c>
      <c r="FW10" s="288">
        <v>967390</v>
      </c>
      <c r="FX10" s="282">
        <v>3467188</v>
      </c>
      <c r="FY10" s="286">
        <v>4434578</v>
      </c>
      <c r="FZ10" s="287">
        <v>0</v>
      </c>
      <c r="GA10" s="282">
        <v>2947334</v>
      </c>
      <c r="GB10" s="282">
        <v>14135123</v>
      </c>
      <c r="GC10" s="282">
        <v>9506359</v>
      </c>
      <c r="GD10" s="282">
        <v>8359884</v>
      </c>
      <c r="GE10" s="282">
        <v>6574099</v>
      </c>
      <c r="GF10" s="283">
        <v>41522799</v>
      </c>
      <c r="GG10" s="289">
        <v>45957377</v>
      </c>
      <c r="GH10" s="288">
        <v>242749</v>
      </c>
      <c r="GI10" s="282">
        <v>277792</v>
      </c>
      <c r="GJ10" s="286">
        <v>520541</v>
      </c>
      <c r="GK10" s="287">
        <v>0</v>
      </c>
      <c r="GL10" s="282">
        <v>338140</v>
      </c>
      <c r="GM10" s="282">
        <v>604567</v>
      </c>
      <c r="GN10" s="282">
        <v>199041</v>
      </c>
      <c r="GO10" s="282">
        <v>349258</v>
      </c>
      <c r="GP10" s="282">
        <v>70000</v>
      </c>
      <c r="GQ10" s="283">
        <v>1561006</v>
      </c>
      <c r="GR10" s="285">
        <v>2081547</v>
      </c>
      <c r="GS10" s="281">
        <v>1375700</v>
      </c>
      <c r="GT10" s="282">
        <v>1651607</v>
      </c>
      <c r="GU10" s="283">
        <v>3027307</v>
      </c>
      <c r="GV10" s="281">
        <v>0</v>
      </c>
      <c r="GW10" s="282">
        <v>1438137</v>
      </c>
      <c r="GX10" s="282">
        <v>1457029</v>
      </c>
      <c r="GY10" s="282">
        <v>765569</v>
      </c>
      <c r="GZ10" s="282">
        <v>326291</v>
      </c>
      <c r="HA10" s="282">
        <v>472500</v>
      </c>
      <c r="HB10" s="286">
        <v>4459526</v>
      </c>
      <c r="HC10" s="285">
        <v>7486833</v>
      </c>
      <c r="HD10" s="281">
        <v>5448610</v>
      </c>
      <c r="HE10" s="282">
        <v>7493519</v>
      </c>
      <c r="HF10" s="286">
        <v>12942129</v>
      </c>
      <c r="HG10" s="287">
        <v>0</v>
      </c>
      <c r="HH10" s="282">
        <v>42488859</v>
      </c>
      <c r="HI10" s="282">
        <v>58246479</v>
      </c>
      <c r="HJ10" s="282">
        <v>49011266</v>
      </c>
      <c r="HK10" s="282">
        <v>58093088</v>
      </c>
      <c r="HL10" s="282">
        <v>37385452</v>
      </c>
      <c r="HM10" s="283">
        <v>245225144</v>
      </c>
      <c r="HN10" s="284">
        <v>258167273</v>
      </c>
      <c r="HO10" s="288">
        <v>0</v>
      </c>
      <c r="HP10" s="282">
        <v>0</v>
      </c>
      <c r="HQ10" s="283">
        <v>0</v>
      </c>
      <c r="HR10" s="281">
        <v>0</v>
      </c>
      <c r="HS10" s="282">
        <v>0</v>
      </c>
      <c r="HT10" s="282">
        <v>0</v>
      </c>
      <c r="HU10" s="282">
        <v>0</v>
      </c>
      <c r="HV10" s="282">
        <v>0</v>
      </c>
      <c r="HW10" s="282">
        <v>0</v>
      </c>
      <c r="HX10" s="286">
        <v>0</v>
      </c>
      <c r="HY10" s="285">
        <v>0</v>
      </c>
      <c r="HZ10" s="290">
        <v>119052</v>
      </c>
      <c r="IA10" s="291">
        <v>772879</v>
      </c>
      <c r="IB10" s="292">
        <v>891931</v>
      </c>
      <c r="IC10" s="293">
        <v>0</v>
      </c>
      <c r="ID10" s="294">
        <v>24870131</v>
      </c>
      <c r="IE10" s="295">
        <v>38314624</v>
      </c>
      <c r="IF10" s="296">
        <v>38415278</v>
      </c>
      <c r="IG10" s="294">
        <v>25148690</v>
      </c>
      <c r="IH10" s="296">
        <v>22466127</v>
      </c>
      <c r="II10" s="297">
        <v>149214850</v>
      </c>
      <c r="IJ10" s="298">
        <v>150106781</v>
      </c>
      <c r="IK10" s="299">
        <v>0</v>
      </c>
      <c r="IL10" s="300">
        <v>0</v>
      </c>
      <c r="IM10" s="301">
        <v>0</v>
      </c>
      <c r="IN10" s="389">
        <v>0</v>
      </c>
      <c r="IO10" s="302">
        <v>489055</v>
      </c>
      <c r="IP10" s="302">
        <v>1663319</v>
      </c>
      <c r="IQ10" s="302">
        <v>2636173</v>
      </c>
      <c r="IR10" s="302">
        <v>2214244</v>
      </c>
      <c r="IS10" s="302">
        <v>2261434</v>
      </c>
      <c r="IT10" s="303">
        <v>9264225</v>
      </c>
      <c r="IU10" s="304">
        <v>9264225</v>
      </c>
      <c r="IV10" s="305">
        <v>0</v>
      </c>
      <c r="IW10" s="302">
        <v>0</v>
      </c>
      <c r="IX10" s="306">
        <v>0</v>
      </c>
      <c r="IY10" s="389">
        <v>0</v>
      </c>
      <c r="IZ10" s="302">
        <v>137986</v>
      </c>
      <c r="JA10" s="302">
        <v>489368</v>
      </c>
      <c r="JB10" s="302">
        <v>251787</v>
      </c>
      <c r="JC10" s="302">
        <v>671545</v>
      </c>
      <c r="JD10" s="302">
        <v>1278249</v>
      </c>
      <c r="JE10" s="306">
        <v>2828935</v>
      </c>
      <c r="JF10" s="307">
        <v>2828935</v>
      </c>
      <c r="JG10" s="305">
        <v>0</v>
      </c>
      <c r="JH10" s="302">
        <v>0</v>
      </c>
      <c r="JI10" s="303">
        <v>0</v>
      </c>
      <c r="JJ10" s="308">
        <v>0</v>
      </c>
      <c r="JK10" s="302">
        <v>11266100</v>
      </c>
      <c r="JL10" s="302">
        <v>17523827</v>
      </c>
      <c r="JM10" s="302">
        <v>11266288</v>
      </c>
      <c r="JN10" s="302">
        <v>5266482</v>
      </c>
      <c r="JO10" s="302">
        <v>1838443</v>
      </c>
      <c r="JP10" s="306">
        <v>47161140</v>
      </c>
      <c r="JQ10" s="304">
        <v>47161140</v>
      </c>
      <c r="JR10" s="305">
        <v>0</v>
      </c>
      <c r="JS10" s="302">
        <v>0</v>
      </c>
      <c r="JT10" s="303">
        <v>0</v>
      </c>
      <c r="JU10" s="308">
        <v>0</v>
      </c>
      <c r="JV10" s="302">
        <v>1579190</v>
      </c>
      <c r="JW10" s="302">
        <v>2891534</v>
      </c>
      <c r="JX10" s="302">
        <v>3009120</v>
      </c>
      <c r="JY10" s="302">
        <v>1394801</v>
      </c>
      <c r="JZ10" s="302">
        <v>3424502</v>
      </c>
      <c r="KA10" s="306">
        <v>12299147</v>
      </c>
      <c r="KB10" s="304">
        <v>12299147</v>
      </c>
      <c r="KC10" s="309">
        <v>119052</v>
      </c>
      <c r="KD10" s="310">
        <v>772879</v>
      </c>
      <c r="KE10" s="306">
        <v>891931</v>
      </c>
      <c r="KF10" s="308">
        <v>0</v>
      </c>
      <c r="KG10" s="302">
        <v>3989207</v>
      </c>
      <c r="KH10" s="302">
        <v>3343914</v>
      </c>
      <c r="KI10" s="302">
        <v>7824737</v>
      </c>
      <c r="KJ10" s="302">
        <v>5486300</v>
      </c>
      <c r="KK10" s="302">
        <v>2359537</v>
      </c>
      <c r="KL10" s="306">
        <v>23003695</v>
      </c>
      <c r="KM10" s="311">
        <v>23895626</v>
      </c>
      <c r="KN10" s="299">
        <v>0</v>
      </c>
      <c r="KO10" s="300">
        <v>0</v>
      </c>
      <c r="KP10" s="301">
        <v>0</v>
      </c>
      <c r="KQ10" s="389">
        <v>0</v>
      </c>
      <c r="KR10" s="302">
        <v>7240395</v>
      </c>
      <c r="KS10" s="302">
        <v>11464360</v>
      </c>
      <c r="KT10" s="302">
        <v>13142350</v>
      </c>
      <c r="KU10" s="302">
        <v>7505587</v>
      </c>
      <c r="KV10" s="302">
        <v>7650186</v>
      </c>
      <c r="KW10" s="306">
        <v>47002878</v>
      </c>
      <c r="KX10" s="304">
        <v>47002878</v>
      </c>
      <c r="KY10" s="305">
        <v>0</v>
      </c>
      <c r="KZ10" s="302">
        <v>0</v>
      </c>
      <c r="LA10" s="306">
        <v>0</v>
      </c>
      <c r="LB10" s="389">
        <v>0</v>
      </c>
      <c r="LC10" s="302">
        <v>0</v>
      </c>
      <c r="LD10" s="302">
        <v>0</v>
      </c>
      <c r="LE10" s="302">
        <v>0</v>
      </c>
      <c r="LF10" s="302">
        <v>0</v>
      </c>
      <c r="LG10" s="302">
        <v>0</v>
      </c>
      <c r="LH10" s="306">
        <v>0</v>
      </c>
      <c r="LI10" s="307">
        <v>0</v>
      </c>
      <c r="LJ10" s="305">
        <v>0</v>
      </c>
      <c r="LK10" s="302">
        <v>0</v>
      </c>
      <c r="LL10" s="306">
        <v>0</v>
      </c>
      <c r="LM10" s="389">
        <v>0</v>
      </c>
      <c r="LN10" s="302">
        <v>0</v>
      </c>
      <c r="LO10" s="302">
        <v>0</v>
      </c>
      <c r="LP10" s="302">
        <v>0</v>
      </c>
      <c r="LQ10" s="302">
        <v>269888</v>
      </c>
      <c r="LR10" s="302">
        <v>0</v>
      </c>
      <c r="LS10" s="306">
        <v>269888</v>
      </c>
      <c r="LT10" s="304">
        <v>269888</v>
      </c>
      <c r="LU10" s="305">
        <v>0</v>
      </c>
      <c r="LV10" s="302">
        <v>0</v>
      </c>
      <c r="LW10" s="306">
        <v>0</v>
      </c>
      <c r="LX10" s="389">
        <v>0</v>
      </c>
      <c r="LY10" s="302">
        <v>168198</v>
      </c>
      <c r="LZ10" s="302">
        <v>938302</v>
      </c>
      <c r="MA10" s="302">
        <v>284823</v>
      </c>
      <c r="MB10" s="302">
        <v>2339843</v>
      </c>
      <c r="MC10" s="302">
        <v>3653776</v>
      </c>
      <c r="MD10" s="306">
        <v>7384942</v>
      </c>
      <c r="ME10" s="307">
        <v>7384942</v>
      </c>
      <c r="MF10" s="305">
        <v>0</v>
      </c>
      <c r="MG10" s="302">
        <v>0</v>
      </c>
      <c r="MH10" s="306">
        <v>0</v>
      </c>
      <c r="MI10" s="389">
        <v>0</v>
      </c>
      <c r="MJ10" s="302">
        <v>8263018</v>
      </c>
      <c r="MK10" s="302">
        <v>25649865</v>
      </c>
      <c r="ML10" s="302">
        <v>60163488</v>
      </c>
      <c r="MM10" s="302">
        <v>83320139</v>
      </c>
      <c r="MN10" s="302">
        <v>49738396</v>
      </c>
      <c r="MO10" s="306">
        <v>227134906</v>
      </c>
      <c r="MP10" s="311">
        <v>227134906</v>
      </c>
      <c r="MQ10" s="305">
        <v>0</v>
      </c>
      <c r="MR10" s="302">
        <v>0</v>
      </c>
      <c r="MS10" s="306">
        <v>0</v>
      </c>
      <c r="MT10" s="389">
        <v>0</v>
      </c>
      <c r="MU10" s="302">
        <v>1713204</v>
      </c>
      <c r="MV10" s="302">
        <v>6901819</v>
      </c>
      <c r="MW10" s="302">
        <v>35607706</v>
      </c>
      <c r="MX10" s="302">
        <v>45484624</v>
      </c>
      <c r="MY10" s="302">
        <v>28260908</v>
      </c>
      <c r="MZ10" s="306">
        <v>117968261</v>
      </c>
      <c r="NA10" s="311">
        <v>117968261</v>
      </c>
      <c r="NB10" s="305">
        <v>0</v>
      </c>
      <c r="NC10" s="302">
        <v>0</v>
      </c>
      <c r="ND10" s="306">
        <v>0</v>
      </c>
      <c r="NE10" s="389">
        <v>0</v>
      </c>
      <c r="NF10" s="302">
        <v>6549814</v>
      </c>
      <c r="NG10" s="302">
        <v>18748046</v>
      </c>
      <c r="NH10" s="302">
        <v>24555782</v>
      </c>
      <c r="NI10" s="302">
        <v>35910312</v>
      </c>
      <c r="NJ10" s="302">
        <v>19804171</v>
      </c>
      <c r="NK10" s="306">
        <v>105568125</v>
      </c>
      <c r="NL10" s="304">
        <v>105568125</v>
      </c>
      <c r="NM10" s="305">
        <v>0</v>
      </c>
      <c r="NN10" s="302">
        <v>0</v>
      </c>
      <c r="NO10" s="306">
        <v>0</v>
      </c>
      <c r="NP10" s="389">
        <v>0</v>
      </c>
      <c r="NQ10" s="302">
        <v>0</v>
      </c>
      <c r="NR10" s="302">
        <v>0</v>
      </c>
      <c r="NS10" s="302">
        <v>0</v>
      </c>
      <c r="NT10" s="302">
        <v>0</v>
      </c>
      <c r="NU10" s="302">
        <v>0</v>
      </c>
      <c r="NV10" s="306">
        <v>0</v>
      </c>
      <c r="NW10" s="307">
        <v>0</v>
      </c>
      <c r="NX10" s="305">
        <v>0</v>
      </c>
      <c r="NY10" s="302">
        <v>0</v>
      </c>
      <c r="NZ10" s="306">
        <v>0</v>
      </c>
      <c r="OA10" s="389">
        <v>0</v>
      </c>
      <c r="OB10" s="302">
        <v>0</v>
      </c>
      <c r="OC10" s="302">
        <v>0</v>
      </c>
      <c r="OD10" s="302">
        <v>0</v>
      </c>
      <c r="OE10" s="302">
        <v>1925203</v>
      </c>
      <c r="OF10" s="302">
        <v>1673317</v>
      </c>
      <c r="OG10" s="306">
        <v>3598520</v>
      </c>
      <c r="OH10" s="307">
        <v>3598520</v>
      </c>
      <c r="OI10" s="305">
        <v>13900761</v>
      </c>
      <c r="OJ10" s="302">
        <v>29980912</v>
      </c>
      <c r="OK10" s="303">
        <v>43881673</v>
      </c>
      <c r="OL10" s="308">
        <v>0</v>
      </c>
      <c r="OM10" s="302">
        <v>143218053</v>
      </c>
      <c r="ON10" s="302">
        <v>252797400</v>
      </c>
      <c r="OO10" s="302">
        <v>245243623</v>
      </c>
      <c r="OP10" s="302">
        <v>250926519</v>
      </c>
      <c r="OQ10" s="302">
        <v>184085164</v>
      </c>
      <c r="OR10" s="306">
        <v>1076270759</v>
      </c>
      <c r="OS10" s="311">
        <v>1120152432</v>
      </c>
    </row>
    <row r="11" spans="2:409" s="56" customFormat="1" ht="21" customHeight="1" x14ac:dyDescent="0.2">
      <c r="B11" s="92" t="s">
        <v>6</v>
      </c>
      <c r="C11" s="312">
        <v>4881843</v>
      </c>
      <c r="D11" s="313">
        <v>7749436</v>
      </c>
      <c r="E11" s="314">
        <v>12631279</v>
      </c>
      <c r="F11" s="315">
        <v>0</v>
      </c>
      <c r="G11" s="313">
        <v>55405644</v>
      </c>
      <c r="H11" s="313">
        <v>63418347</v>
      </c>
      <c r="I11" s="313">
        <v>49067474</v>
      </c>
      <c r="J11" s="313">
        <v>58054120</v>
      </c>
      <c r="K11" s="313">
        <v>38943720</v>
      </c>
      <c r="L11" s="315">
        <v>264889305</v>
      </c>
      <c r="M11" s="316">
        <v>277520584</v>
      </c>
      <c r="N11" s="312">
        <v>1601144</v>
      </c>
      <c r="O11" s="313">
        <v>3102923</v>
      </c>
      <c r="P11" s="314">
        <v>4704067</v>
      </c>
      <c r="Q11" s="312">
        <v>0</v>
      </c>
      <c r="R11" s="313">
        <v>18898363</v>
      </c>
      <c r="S11" s="313">
        <v>23128753</v>
      </c>
      <c r="T11" s="313">
        <v>16729597</v>
      </c>
      <c r="U11" s="313">
        <v>21985674</v>
      </c>
      <c r="V11" s="313">
        <v>17979737</v>
      </c>
      <c r="W11" s="314">
        <v>98722124</v>
      </c>
      <c r="X11" s="316">
        <v>103426191</v>
      </c>
      <c r="Y11" s="312">
        <v>0</v>
      </c>
      <c r="Z11" s="313">
        <v>0</v>
      </c>
      <c r="AA11" s="314">
        <v>0</v>
      </c>
      <c r="AB11" s="312">
        <v>0</v>
      </c>
      <c r="AC11" s="313">
        <v>6543583</v>
      </c>
      <c r="AD11" s="313">
        <v>10096452</v>
      </c>
      <c r="AE11" s="313">
        <v>7508958</v>
      </c>
      <c r="AF11" s="313">
        <v>11170460</v>
      </c>
      <c r="AG11" s="313">
        <v>9659897</v>
      </c>
      <c r="AH11" s="314">
        <v>44979350</v>
      </c>
      <c r="AI11" s="316">
        <v>44979350</v>
      </c>
      <c r="AJ11" s="312">
        <v>0</v>
      </c>
      <c r="AK11" s="313">
        <v>0</v>
      </c>
      <c r="AL11" s="314">
        <v>0</v>
      </c>
      <c r="AM11" s="312">
        <v>0</v>
      </c>
      <c r="AN11" s="313">
        <v>140149</v>
      </c>
      <c r="AO11" s="313">
        <v>55607</v>
      </c>
      <c r="AP11" s="313">
        <v>650373</v>
      </c>
      <c r="AQ11" s="313">
        <v>1323026</v>
      </c>
      <c r="AR11" s="313">
        <v>1409561</v>
      </c>
      <c r="AS11" s="314">
        <v>3578716</v>
      </c>
      <c r="AT11" s="316">
        <v>3578716</v>
      </c>
      <c r="AU11" s="312">
        <v>894662</v>
      </c>
      <c r="AV11" s="313">
        <v>2186151</v>
      </c>
      <c r="AW11" s="314">
        <v>3080813</v>
      </c>
      <c r="AX11" s="312">
        <v>0</v>
      </c>
      <c r="AY11" s="313">
        <v>7932505</v>
      </c>
      <c r="AZ11" s="313">
        <v>8437358</v>
      </c>
      <c r="BA11" s="313">
        <v>5321077</v>
      </c>
      <c r="BB11" s="313">
        <v>5210639</v>
      </c>
      <c r="BC11" s="313">
        <v>3696725</v>
      </c>
      <c r="BD11" s="314">
        <v>30598304</v>
      </c>
      <c r="BE11" s="316">
        <v>33679117</v>
      </c>
      <c r="BF11" s="312">
        <v>24493</v>
      </c>
      <c r="BG11" s="313">
        <v>221315</v>
      </c>
      <c r="BH11" s="317">
        <v>245808</v>
      </c>
      <c r="BI11" s="318">
        <v>0</v>
      </c>
      <c r="BJ11" s="313">
        <v>649560</v>
      </c>
      <c r="BK11" s="313">
        <v>580077</v>
      </c>
      <c r="BL11" s="313">
        <v>375514</v>
      </c>
      <c r="BM11" s="313">
        <v>604750</v>
      </c>
      <c r="BN11" s="313">
        <v>340518</v>
      </c>
      <c r="BO11" s="314">
        <v>2550419</v>
      </c>
      <c r="BP11" s="316">
        <v>2796227</v>
      </c>
      <c r="BQ11" s="312">
        <v>681989</v>
      </c>
      <c r="BR11" s="313">
        <v>695457</v>
      </c>
      <c r="BS11" s="314">
        <v>1377446</v>
      </c>
      <c r="BT11" s="312">
        <v>0</v>
      </c>
      <c r="BU11" s="313">
        <v>3632566</v>
      </c>
      <c r="BV11" s="313">
        <v>3959259</v>
      </c>
      <c r="BW11" s="313">
        <v>2873675</v>
      </c>
      <c r="BX11" s="313">
        <v>3676799</v>
      </c>
      <c r="BY11" s="313">
        <v>2873036</v>
      </c>
      <c r="BZ11" s="314">
        <v>17015335</v>
      </c>
      <c r="CA11" s="316">
        <v>18392781</v>
      </c>
      <c r="CB11" s="312">
        <v>231942</v>
      </c>
      <c r="CC11" s="313">
        <v>566759</v>
      </c>
      <c r="CD11" s="314">
        <v>798701</v>
      </c>
      <c r="CE11" s="312">
        <v>0</v>
      </c>
      <c r="CF11" s="313">
        <v>12580738</v>
      </c>
      <c r="CG11" s="313">
        <v>13393266</v>
      </c>
      <c r="CH11" s="313">
        <v>7800482</v>
      </c>
      <c r="CI11" s="313">
        <v>6636592</v>
      </c>
      <c r="CJ11" s="313">
        <v>2129534</v>
      </c>
      <c r="CK11" s="314">
        <v>42540612</v>
      </c>
      <c r="CL11" s="316">
        <v>43339313</v>
      </c>
      <c r="CM11" s="312">
        <v>0</v>
      </c>
      <c r="CN11" s="313">
        <v>0</v>
      </c>
      <c r="CO11" s="314">
        <v>0</v>
      </c>
      <c r="CP11" s="318">
        <v>0</v>
      </c>
      <c r="CQ11" s="313">
        <v>10098221</v>
      </c>
      <c r="CR11" s="313">
        <v>10374961</v>
      </c>
      <c r="CS11" s="313">
        <v>5546543</v>
      </c>
      <c r="CT11" s="313">
        <v>4815360</v>
      </c>
      <c r="CU11" s="313">
        <v>1739332</v>
      </c>
      <c r="CV11" s="314">
        <v>32574417</v>
      </c>
      <c r="CW11" s="316">
        <v>32574417</v>
      </c>
      <c r="CX11" s="312">
        <v>231942</v>
      </c>
      <c r="CY11" s="313">
        <v>566759</v>
      </c>
      <c r="CZ11" s="314">
        <v>798701</v>
      </c>
      <c r="DA11" s="312">
        <v>0</v>
      </c>
      <c r="DB11" s="313">
        <v>2482517</v>
      </c>
      <c r="DC11" s="313">
        <v>3018305</v>
      </c>
      <c r="DD11" s="313">
        <v>2253939</v>
      </c>
      <c r="DE11" s="313">
        <v>1821232</v>
      </c>
      <c r="DF11" s="313">
        <v>390202</v>
      </c>
      <c r="DG11" s="314">
        <v>9966195</v>
      </c>
      <c r="DH11" s="316">
        <v>10764896</v>
      </c>
      <c r="DI11" s="312">
        <v>0</v>
      </c>
      <c r="DJ11" s="313">
        <v>0</v>
      </c>
      <c r="DK11" s="317">
        <v>0</v>
      </c>
      <c r="DL11" s="318">
        <v>0</v>
      </c>
      <c r="DM11" s="313">
        <v>926768</v>
      </c>
      <c r="DN11" s="313">
        <v>2612315</v>
      </c>
      <c r="DO11" s="313">
        <v>2666581</v>
      </c>
      <c r="DP11" s="313">
        <v>2982740</v>
      </c>
      <c r="DQ11" s="313">
        <v>1176577</v>
      </c>
      <c r="DR11" s="314">
        <v>10364981</v>
      </c>
      <c r="DS11" s="316">
        <v>10364981</v>
      </c>
      <c r="DT11" s="312">
        <v>0</v>
      </c>
      <c r="DU11" s="313">
        <v>0</v>
      </c>
      <c r="DV11" s="314">
        <v>0</v>
      </c>
      <c r="DW11" s="312">
        <v>0</v>
      </c>
      <c r="DX11" s="313">
        <v>813496</v>
      </c>
      <c r="DY11" s="313">
        <v>2178957</v>
      </c>
      <c r="DZ11" s="313">
        <v>1885268</v>
      </c>
      <c r="EA11" s="313">
        <v>2536219</v>
      </c>
      <c r="EB11" s="313">
        <v>693862</v>
      </c>
      <c r="EC11" s="314">
        <v>8107802</v>
      </c>
      <c r="ED11" s="316">
        <v>8107802</v>
      </c>
      <c r="EE11" s="312">
        <v>0</v>
      </c>
      <c r="EF11" s="317">
        <v>0</v>
      </c>
      <c r="EG11" s="314">
        <v>0</v>
      </c>
      <c r="EH11" s="312">
        <v>0</v>
      </c>
      <c r="EI11" s="313">
        <v>113272</v>
      </c>
      <c r="EJ11" s="313">
        <v>433358</v>
      </c>
      <c r="EK11" s="313">
        <v>781313</v>
      </c>
      <c r="EL11" s="313">
        <v>446521</v>
      </c>
      <c r="EM11" s="313">
        <v>482715</v>
      </c>
      <c r="EN11" s="317">
        <v>2257179</v>
      </c>
      <c r="EO11" s="316">
        <v>2257179</v>
      </c>
      <c r="EP11" s="312">
        <v>0</v>
      </c>
      <c r="EQ11" s="313">
        <v>0</v>
      </c>
      <c r="ER11" s="317">
        <v>0</v>
      </c>
      <c r="ES11" s="318">
        <v>0</v>
      </c>
      <c r="ET11" s="313">
        <v>0</v>
      </c>
      <c r="EU11" s="313">
        <v>0</v>
      </c>
      <c r="EV11" s="313">
        <v>0</v>
      </c>
      <c r="EW11" s="313">
        <v>0</v>
      </c>
      <c r="EX11" s="313">
        <v>0</v>
      </c>
      <c r="EY11" s="314">
        <v>0</v>
      </c>
      <c r="EZ11" s="316">
        <v>0</v>
      </c>
      <c r="FA11" s="312">
        <v>0</v>
      </c>
      <c r="FB11" s="313">
        <v>0</v>
      </c>
      <c r="FC11" s="317">
        <v>0</v>
      </c>
      <c r="FD11" s="390">
        <v>0</v>
      </c>
      <c r="FE11" s="313">
        <v>0</v>
      </c>
      <c r="FF11" s="313">
        <v>0</v>
      </c>
      <c r="FG11" s="313">
        <v>0</v>
      </c>
      <c r="FH11" s="313">
        <v>0</v>
      </c>
      <c r="FI11" s="313">
        <v>0</v>
      </c>
      <c r="FJ11" s="314">
        <v>0</v>
      </c>
      <c r="FK11" s="316">
        <v>0</v>
      </c>
      <c r="FL11" s="312">
        <v>1091475</v>
      </c>
      <c r="FM11" s="313">
        <v>1364918</v>
      </c>
      <c r="FN11" s="314">
        <v>2456393</v>
      </c>
      <c r="FO11" s="312">
        <v>0</v>
      </c>
      <c r="FP11" s="313">
        <v>2944590</v>
      </c>
      <c r="FQ11" s="313">
        <v>5526452</v>
      </c>
      <c r="FR11" s="313">
        <v>3772817</v>
      </c>
      <c r="FS11" s="313">
        <v>3924308</v>
      </c>
      <c r="FT11" s="313">
        <v>2379770</v>
      </c>
      <c r="FU11" s="314">
        <v>18547937</v>
      </c>
      <c r="FV11" s="316">
        <v>21004330</v>
      </c>
      <c r="FW11" s="319">
        <v>481488</v>
      </c>
      <c r="FX11" s="313">
        <v>970006</v>
      </c>
      <c r="FY11" s="317">
        <v>1451494</v>
      </c>
      <c r="FZ11" s="318">
        <v>0</v>
      </c>
      <c r="GA11" s="313">
        <v>2274510</v>
      </c>
      <c r="GB11" s="313">
        <v>5082894</v>
      </c>
      <c r="GC11" s="313">
        <v>3521987</v>
      </c>
      <c r="GD11" s="313">
        <v>3582033</v>
      </c>
      <c r="GE11" s="313">
        <v>2304203</v>
      </c>
      <c r="GF11" s="314">
        <v>16765627</v>
      </c>
      <c r="GG11" s="320">
        <v>18217121</v>
      </c>
      <c r="GH11" s="319">
        <v>91357</v>
      </c>
      <c r="GI11" s="313">
        <v>122962</v>
      </c>
      <c r="GJ11" s="317">
        <v>214319</v>
      </c>
      <c r="GK11" s="318">
        <v>0</v>
      </c>
      <c r="GL11" s="313">
        <v>292290</v>
      </c>
      <c r="GM11" s="313">
        <v>188758</v>
      </c>
      <c r="GN11" s="313">
        <v>88150</v>
      </c>
      <c r="GO11" s="313">
        <v>183585</v>
      </c>
      <c r="GP11" s="313">
        <v>75567</v>
      </c>
      <c r="GQ11" s="314">
        <v>828350</v>
      </c>
      <c r="GR11" s="316">
        <v>1042669</v>
      </c>
      <c r="GS11" s="312">
        <v>518630</v>
      </c>
      <c r="GT11" s="313">
        <v>271950</v>
      </c>
      <c r="GU11" s="314">
        <v>790580</v>
      </c>
      <c r="GV11" s="312">
        <v>0</v>
      </c>
      <c r="GW11" s="313">
        <v>377790</v>
      </c>
      <c r="GX11" s="313">
        <v>254800</v>
      </c>
      <c r="GY11" s="313">
        <v>162680</v>
      </c>
      <c r="GZ11" s="313">
        <v>158690</v>
      </c>
      <c r="HA11" s="313">
        <v>0</v>
      </c>
      <c r="HB11" s="317">
        <v>953960</v>
      </c>
      <c r="HC11" s="316">
        <v>1744540</v>
      </c>
      <c r="HD11" s="312">
        <v>1957282</v>
      </c>
      <c r="HE11" s="313">
        <v>2714836</v>
      </c>
      <c r="HF11" s="317">
        <v>4672118</v>
      </c>
      <c r="HG11" s="318">
        <v>0</v>
      </c>
      <c r="HH11" s="313">
        <v>20055185</v>
      </c>
      <c r="HI11" s="313">
        <v>18757561</v>
      </c>
      <c r="HJ11" s="313">
        <v>18097997</v>
      </c>
      <c r="HK11" s="313">
        <v>22524806</v>
      </c>
      <c r="HL11" s="313">
        <v>15278102</v>
      </c>
      <c r="HM11" s="314">
        <v>94713651</v>
      </c>
      <c r="HN11" s="315">
        <v>99385769</v>
      </c>
      <c r="HO11" s="319">
        <v>0</v>
      </c>
      <c r="HP11" s="313">
        <v>0</v>
      </c>
      <c r="HQ11" s="314">
        <v>0</v>
      </c>
      <c r="HR11" s="312">
        <v>0</v>
      </c>
      <c r="HS11" s="313">
        <v>0</v>
      </c>
      <c r="HT11" s="313">
        <v>0</v>
      </c>
      <c r="HU11" s="313">
        <v>0</v>
      </c>
      <c r="HV11" s="313">
        <v>0</v>
      </c>
      <c r="HW11" s="313">
        <v>0</v>
      </c>
      <c r="HX11" s="317">
        <v>0</v>
      </c>
      <c r="HY11" s="316">
        <v>0</v>
      </c>
      <c r="HZ11" s="321">
        <v>40936</v>
      </c>
      <c r="IA11" s="322">
        <v>276624</v>
      </c>
      <c r="IB11" s="323">
        <v>317560</v>
      </c>
      <c r="IC11" s="324">
        <v>0</v>
      </c>
      <c r="ID11" s="322">
        <v>11200905</v>
      </c>
      <c r="IE11" s="325">
        <v>16874287</v>
      </c>
      <c r="IF11" s="323">
        <v>16422259</v>
      </c>
      <c r="IG11" s="322">
        <v>13759906</v>
      </c>
      <c r="IH11" s="323">
        <v>11523731</v>
      </c>
      <c r="II11" s="326">
        <v>69781088</v>
      </c>
      <c r="IJ11" s="327">
        <v>70098648</v>
      </c>
      <c r="IK11" s="328">
        <v>0</v>
      </c>
      <c r="IL11" s="329">
        <v>0</v>
      </c>
      <c r="IM11" s="330">
        <v>0</v>
      </c>
      <c r="IN11" s="390">
        <v>0</v>
      </c>
      <c r="IO11" s="331">
        <v>397239</v>
      </c>
      <c r="IP11" s="331">
        <v>1220238</v>
      </c>
      <c r="IQ11" s="331">
        <v>507818</v>
      </c>
      <c r="IR11" s="331">
        <v>2079651</v>
      </c>
      <c r="IS11" s="331">
        <v>1570034</v>
      </c>
      <c r="IT11" s="332">
        <v>5774980</v>
      </c>
      <c r="IU11" s="333">
        <v>5774980</v>
      </c>
      <c r="IV11" s="334">
        <v>0</v>
      </c>
      <c r="IW11" s="331">
        <v>0</v>
      </c>
      <c r="IX11" s="335">
        <v>0</v>
      </c>
      <c r="IY11" s="390">
        <v>0</v>
      </c>
      <c r="IZ11" s="331">
        <v>88786</v>
      </c>
      <c r="JA11" s="331">
        <v>69234</v>
      </c>
      <c r="JB11" s="331">
        <v>313402</v>
      </c>
      <c r="JC11" s="331">
        <v>81828</v>
      </c>
      <c r="JD11" s="331">
        <v>316002</v>
      </c>
      <c r="JE11" s="335">
        <v>869252</v>
      </c>
      <c r="JF11" s="336">
        <v>869252</v>
      </c>
      <c r="JG11" s="334">
        <v>0</v>
      </c>
      <c r="JH11" s="331">
        <v>0</v>
      </c>
      <c r="JI11" s="332">
        <v>0</v>
      </c>
      <c r="JJ11" s="337">
        <v>0</v>
      </c>
      <c r="JK11" s="331">
        <v>4443006</v>
      </c>
      <c r="JL11" s="331">
        <v>4492019</v>
      </c>
      <c r="JM11" s="331">
        <v>3207448</v>
      </c>
      <c r="JN11" s="331">
        <v>1903758</v>
      </c>
      <c r="JO11" s="331">
        <v>619148</v>
      </c>
      <c r="JP11" s="335">
        <v>14665379</v>
      </c>
      <c r="JQ11" s="333">
        <v>14665379</v>
      </c>
      <c r="JR11" s="334">
        <v>0</v>
      </c>
      <c r="JS11" s="331">
        <v>0</v>
      </c>
      <c r="JT11" s="332">
        <v>0</v>
      </c>
      <c r="JU11" s="337">
        <v>0</v>
      </c>
      <c r="JV11" s="331">
        <v>708357</v>
      </c>
      <c r="JW11" s="331">
        <v>1551012</v>
      </c>
      <c r="JX11" s="331">
        <v>1587128</v>
      </c>
      <c r="JY11" s="331">
        <v>819628</v>
      </c>
      <c r="JZ11" s="331">
        <v>957226</v>
      </c>
      <c r="KA11" s="335">
        <v>5623351</v>
      </c>
      <c r="KB11" s="333">
        <v>5623351</v>
      </c>
      <c r="KC11" s="338">
        <v>40936</v>
      </c>
      <c r="KD11" s="339">
        <v>276624</v>
      </c>
      <c r="KE11" s="335">
        <v>317560</v>
      </c>
      <c r="KF11" s="337">
        <v>0</v>
      </c>
      <c r="KG11" s="331">
        <v>993050</v>
      </c>
      <c r="KH11" s="331">
        <v>1399866</v>
      </c>
      <c r="KI11" s="331">
        <v>1887221</v>
      </c>
      <c r="KJ11" s="331">
        <v>1345323</v>
      </c>
      <c r="KK11" s="331">
        <v>321957</v>
      </c>
      <c r="KL11" s="335">
        <v>5947417</v>
      </c>
      <c r="KM11" s="340">
        <v>6264977</v>
      </c>
      <c r="KN11" s="328">
        <v>0</v>
      </c>
      <c r="KO11" s="329">
        <v>0</v>
      </c>
      <c r="KP11" s="330">
        <v>0</v>
      </c>
      <c r="KQ11" s="390">
        <v>0</v>
      </c>
      <c r="KR11" s="331">
        <v>2908960</v>
      </c>
      <c r="KS11" s="331">
        <v>6599416</v>
      </c>
      <c r="KT11" s="331">
        <v>6326946</v>
      </c>
      <c r="KU11" s="331">
        <v>4307071</v>
      </c>
      <c r="KV11" s="331">
        <v>3531113</v>
      </c>
      <c r="KW11" s="335">
        <v>23673506</v>
      </c>
      <c r="KX11" s="333">
        <v>23673506</v>
      </c>
      <c r="KY11" s="334">
        <v>0</v>
      </c>
      <c r="KZ11" s="331">
        <v>0</v>
      </c>
      <c r="LA11" s="335">
        <v>0</v>
      </c>
      <c r="LB11" s="390">
        <v>0</v>
      </c>
      <c r="LC11" s="331">
        <v>0</v>
      </c>
      <c r="LD11" s="331">
        <v>0</v>
      </c>
      <c r="LE11" s="331">
        <v>0</v>
      </c>
      <c r="LF11" s="331">
        <v>0</v>
      </c>
      <c r="LG11" s="331">
        <v>0</v>
      </c>
      <c r="LH11" s="335">
        <v>0</v>
      </c>
      <c r="LI11" s="336">
        <v>0</v>
      </c>
      <c r="LJ11" s="334">
        <v>0</v>
      </c>
      <c r="LK11" s="331">
        <v>0</v>
      </c>
      <c r="LL11" s="335">
        <v>0</v>
      </c>
      <c r="LM11" s="390">
        <v>0</v>
      </c>
      <c r="LN11" s="331">
        <v>0</v>
      </c>
      <c r="LO11" s="331">
        <v>221209</v>
      </c>
      <c r="LP11" s="331">
        <v>1188932</v>
      </c>
      <c r="LQ11" s="331">
        <v>2302623</v>
      </c>
      <c r="LR11" s="331">
        <v>567646</v>
      </c>
      <c r="LS11" s="335">
        <v>4280410</v>
      </c>
      <c r="LT11" s="333">
        <v>4280410</v>
      </c>
      <c r="LU11" s="334">
        <v>0</v>
      </c>
      <c r="LV11" s="331">
        <v>0</v>
      </c>
      <c r="LW11" s="335">
        <v>0</v>
      </c>
      <c r="LX11" s="390">
        <v>0</v>
      </c>
      <c r="LY11" s="331">
        <v>1661507</v>
      </c>
      <c r="LZ11" s="331">
        <v>1321293</v>
      </c>
      <c r="MA11" s="331">
        <v>1403364</v>
      </c>
      <c r="MB11" s="331">
        <v>920024</v>
      </c>
      <c r="MC11" s="331">
        <v>3640605</v>
      </c>
      <c r="MD11" s="335">
        <v>8946793</v>
      </c>
      <c r="ME11" s="336">
        <v>8946793</v>
      </c>
      <c r="MF11" s="334">
        <v>0</v>
      </c>
      <c r="MG11" s="331">
        <v>0</v>
      </c>
      <c r="MH11" s="335">
        <v>0</v>
      </c>
      <c r="MI11" s="390">
        <v>0</v>
      </c>
      <c r="MJ11" s="331">
        <v>2417663</v>
      </c>
      <c r="MK11" s="331">
        <v>3960920</v>
      </c>
      <c r="ML11" s="331">
        <v>14684662</v>
      </c>
      <c r="MM11" s="331">
        <v>22850905</v>
      </c>
      <c r="MN11" s="331">
        <v>14373247</v>
      </c>
      <c r="MO11" s="335">
        <v>58287397</v>
      </c>
      <c r="MP11" s="340">
        <v>58287397</v>
      </c>
      <c r="MQ11" s="334">
        <v>0</v>
      </c>
      <c r="MR11" s="331">
        <v>0</v>
      </c>
      <c r="MS11" s="335">
        <v>0</v>
      </c>
      <c r="MT11" s="390">
        <v>0</v>
      </c>
      <c r="MU11" s="331">
        <v>398295</v>
      </c>
      <c r="MV11" s="331">
        <v>1176938</v>
      </c>
      <c r="MW11" s="331">
        <v>8249030</v>
      </c>
      <c r="MX11" s="331">
        <v>12353971</v>
      </c>
      <c r="MY11" s="331">
        <v>9391756</v>
      </c>
      <c r="MZ11" s="335">
        <v>31569990</v>
      </c>
      <c r="NA11" s="340">
        <v>31569990</v>
      </c>
      <c r="NB11" s="334">
        <v>0</v>
      </c>
      <c r="NC11" s="331">
        <v>0</v>
      </c>
      <c r="ND11" s="335">
        <v>0</v>
      </c>
      <c r="NE11" s="390">
        <v>0</v>
      </c>
      <c r="NF11" s="331">
        <v>2019368</v>
      </c>
      <c r="NG11" s="331">
        <v>2783982</v>
      </c>
      <c r="NH11" s="331">
        <v>6435632</v>
      </c>
      <c r="NI11" s="331">
        <v>9880337</v>
      </c>
      <c r="NJ11" s="331">
        <v>4288224</v>
      </c>
      <c r="NK11" s="335">
        <v>25407543</v>
      </c>
      <c r="NL11" s="333">
        <v>25407543</v>
      </c>
      <c r="NM11" s="334">
        <v>0</v>
      </c>
      <c r="NN11" s="331">
        <v>0</v>
      </c>
      <c r="NO11" s="335">
        <v>0</v>
      </c>
      <c r="NP11" s="390">
        <v>0</v>
      </c>
      <c r="NQ11" s="331">
        <v>0</v>
      </c>
      <c r="NR11" s="331">
        <v>0</v>
      </c>
      <c r="NS11" s="331">
        <v>0</v>
      </c>
      <c r="NT11" s="331">
        <v>0</v>
      </c>
      <c r="NU11" s="331">
        <v>0</v>
      </c>
      <c r="NV11" s="335">
        <v>0</v>
      </c>
      <c r="NW11" s="336">
        <v>0</v>
      </c>
      <c r="NX11" s="334">
        <v>0</v>
      </c>
      <c r="NY11" s="331">
        <v>0</v>
      </c>
      <c r="NZ11" s="335">
        <v>0</v>
      </c>
      <c r="OA11" s="390">
        <v>0</v>
      </c>
      <c r="OB11" s="331">
        <v>0</v>
      </c>
      <c r="OC11" s="331">
        <v>0</v>
      </c>
      <c r="OD11" s="331">
        <v>0</v>
      </c>
      <c r="OE11" s="331">
        <v>616597</v>
      </c>
      <c r="OF11" s="331">
        <v>693267</v>
      </c>
      <c r="OG11" s="335">
        <v>1309864</v>
      </c>
      <c r="OH11" s="336">
        <v>1309864</v>
      </c>
      <c r="OI11" s="334">
        <v>4922779</v>
      </c>
      <c r="OJ11" s="331">
        <v>8026060</v>
      </c>
      <c r="OK11" s="332">
        <v>12948839</v>
      </c>
      <c r="OL11" s="337">
        <v>0</v>
      </c>
      <c r="OM11" s="331">
        <v>69024212</v>
      </c>
      <c r="ON11" s="331">
        <v>84253554</v>
      </c>
      <c r="OO11" s="331">
        <v>80174395</v>
      </c>
      <c r="OP11" s="331">
        <v>94664931</v>
      </c>
      <c r="OQ11" s="331">
        <v>64840698</v>
      </c>
      <c r="OR11" s="335">
        <v>392957790</v>
      </c>
      <c r="OS11" s="340">
        <v>405906629</v>
      </c>
    </row>
    <row r="12" spans="2:409" s="56" customFormat="1" ht="21" customHeight="1" x14ac:dyDescent="0.2">
      <c r="B12" s="92" t="s">
        <v>14</v>
      </c>
      <c r="C12" s="312">
        <v>1267882</v>
      </c>
      <c r="D12" s="313">
        <v>2598767</v>
      </c>
      <c r="E12" s="314">
        <v>3866649</v>
      </c>
      <c r="F12" s="315">
        <v>0</v>
      </c>
      <c r="G12" s="313">
        <v>13003516</v>
      </c>
      <c r="H12" s="313">
        <v>25766642</v>
      </c>
      <c r="I12" s="313">
        <v>21856707</v>
      </c>
      <c r="J12" s="313">
        <v>17309526</v>
      </c>
      <c r="K12" s="313">
        <v>15551132</v>
      </c>
      <c r="L12" s="317">
        <v>93487523</v>
      </c>
      <c r="M12" s="316">
        <v>97354172</v>
      </c>
      <c r="N12" s="312">
        <v>220824</v>
      </c>
      <c r="O12" s="313">
        <v>847261</v>
      </c>
      <c r="P12" s="314">
        <v>1068085</v>
      </c>
      <c r="Q12" s="312">
        <v>0</v>
      </c>
      <c r="R12" s="313">
        <v>3726679</v>
      </c>
      <c r="S12" s="313">
        <v>8310472</v>
      </c>
      <c r="T12" s="313">
        <v>7049123</v>
      </c>
      <c r="U12" s="313">
        <v>5692215</v>
      </c>
      <c r="V12" s="313">
        <v>7877628</v>
      </c>
      <c r="W12" s="314">
        <v>32656117</v>
      </c>
      <c r="X12" s="316">
        <v>33724202</v>
      </c>
      <c r="Y12" s="312">
        <v>0</v>
      </c>
      <c r="Z12" s="313">
        <v>0</v>
      </c>
      <c r="AA12" s="314">
        <v>0</v>
      </c>
      <c r="AB12" s="312">
        <v>0</v>
      </c>
      <c r="AC12" s="313">
        <v>1499154</v>
      </c>
      <c r="AD12" s="313">
        <v>4113726</v>
      </c>
      <c r="AE12" s="313">
        <v>3791941</v>
      </c>
      <c r="AF12" s="313">
        <v>2764498</v>
      </c>
      <c r="AG12" s="313">
        <v>4685535</v>
      </c>
      <c r="AH12" s="314">
        <v>16854854</v>
      </c>
      <c r="AI12" s="316">
        <v>16854854</v>
      </c>
      <c r="AJ12" s="312">
        <v>0</v>
      </c>
      <c r="AK12" s="313">
        <v>0</v>
      </c>
      <c r="AL12" s="314">
        <v>0</v>
      </c>
      <c r="AM12" s="312">
        <v>0</v>
      </c>
      <c r="AN12" s="313">
        <v>0</v>
      </c>
      <c r="AO12" s="313">
        <v>54884</v>
      </c>
      <c r="AP12" s="313">
        <v>233919</v>
      </c>
      <c r="AQ12" s="313">
        <v>336295</v>
      </c>
      <c r="AR12" s="313">
        <v>669230</v>
      </c>
      <c r="AS12" s="314">
        <v>1294328</v>
      </c>
      <c r="AT12" s="316">
        <v>1294328</v>
      </c>
      <c r="AU12" s="312">
        <v>67517</v>
      </c>
      <c r="AV12" s="313">
        <v>561662</v>
      </c>
      <c r="AW12" s="314">
        <v>629179</v>
      </c>
      <c r="AX12" s="312">
        <v>0</v>
      </c>
      <c r="AY12" s="313">
        <v>1276869</v>
      </c>
      <c r="AZ12" s="313">
        <v>2510366</v>
      </c>
      <c r="BA12" s="313">
        <v>1798287</v>
      </c>
      <c r="BB12" s="313">
        <v>1484616</v>
      </c>
      <c r="BC12" s="313">
        <v>1387347</v>
      </c>
      <c r="BD12" s="314">
        <v>8457485</v>
      </c>
      <c r="BE12" s="316">
        <v>9086664</v>
      </c>
      <c r="BF12" s="312">
        <v>0</v>
      </c>
      <c r="BG12" s="313">
        <v>65099</v>
      </c>
      <c r="BH12" s="317">
        <v>65099</v>
      </c>
      <c r="BI12" s="318">
        <v>0</v>
      </c>
      <c r="BJ12" s="313">
        <v>0</v>
      </c>
      <c r="BK12" s="313">
        <v>267392</v>
      </c>
      <c r="BL12" s="313">
        <v>18743</v>
      </c>
      <c r="BM12" s="313">
        <v>67306</v>
      </c>
      <c r="BN12" s="313">
        <v>127110</v>
      </c>
      <c r="BO12" s="314">
        <v>480551</v>
      </c>
      <c r="BP12" s="316">
        <v>545650</v>
      </c>
      <c r="BQ12" s="312">
        <v>153307</v>
      </c>
      <c r="BR12" s="313">
        <v>220500</v>
      </c>
      <c r="BS12" s="314">
        <v>373807</v>
      </c>
      <c r="BT12" s="312">
        <v>0</v>
      </c>
      <c r="BU12" s="313">
        <v>950656</v>
      </c>
      <c r="BV12" s="313">
        <v>1364104</v>
      </c>
      <c r="BW12" s="313">
        <v>1206233</v>
      </c>
      <c r="BX12" s="313">
        <v>1039500</v>
      </c>
      <c r="BY12" s="313">
        <v>1008406</v>
      </c>
      <c r="BZ12" s="314">
        <v>5568899</v>
      </c>
      <c r="CA12" s="316">
        <v>5942706</v>
      </c>
      <c r="CB12" s="312">
        <v>105531</v>
      </c>
      <c r="CC12" s="313">
        <v>301549</v>
      </c>
      <c r="CD12" s="314">
        <v>407080</v>
      </c>
      <c r="CE12" s="312">
        <v>0</v>
      </c>
      <c r="CF12" s="313">
        <v>3946167</v>
      </c>
      <c r="CG12" s="313">
        <v>6356267</v>
      </c>
      <c r="CH12" s="313">
        <v>6146774</v>
      </c>
      <c r="CI12" s="313">
        <v>2852192</v>
      </c>
      <c r="CJ12" s="313">
        <v>1807516</v>
      </c>
      <c r="CK12" s="314">
        <v>21108916</v>
      </c>
      <c r="CL12" s="316">
        <v>21515996</v>
      </c>
      <c r="CM12" s="312">
        <v>0</v>
      </c>
      <c r="CN12" s="313">
        <v>0</v>
      </c>
      <c r="CO12" s="314">
        <v>0</v>
      </c>
      <c r="CP12" s="318">
        <v>0</v>
      </c>
      <c r="CQ12" s="313">
        <v>3708861</v>
      </c>
      <c r="CR12" s="313">
        <v>5463173</v>
      </c>
      <c r="CS12" s="313">
        <v>5014312</v>
      </c>
      <c r="CT12" s="313">
        <v>1962917</v>
      </c>
      <c r="CU12" s="313">
        <v>1491238</v>
      </c>
      <c r="CV12" s="314">
        <v>17640501</v>
      </c>
      <c r="CW12" s="316">
        <v>17640501</v>
      </c>
      <c r="CX12" s="312">
        <v>105531</v>
      </c>
      <c r="CY12" s="313">
        <v>301549</v>
      </c>
      <c r="CZ12" s="314">
        <v>407080</v>
      </c>
      <c r="DA12" s="312">
        <v>0</v>
      </c>
      <c r="DB12" s="313">
        <v>237306</v>
      </c>
      <c r="DC12" s="313">
        <v>893094</v>
      </c>
      <c r="DD12" s="313">
        <v>1132462</v>
      </c>
      <c r="DE12" s="313">
        <v>889275</v>
      </c>
      <c r="DF12" s="313">
        <v>316278</v>
      </c>
      <c r="DG12" s="314">
        <v>3468415</v>
      </c>
      <c r="DH12" s="316">
        <v>3875495</v>
      </c>
      <c r="DI12" s="312">
        <v>0</v>
      </c>
      <c r="DJ12" s="313">
        <v>0</v>
      </c>
      <c r="DK12" s="317">
        <v>0</v>
      </c>
      <c r="DL12" s="318">
        <v>0</v>
      </c>
      <c r="DM12" s="313">
        <v>453993</v>
      </c>
      <c r="DN12" s="313">
        <v>1407607</v>
      </c>
      <c r="DO12" s="313">
        <v>2106455</v>
      </c>
      <c r="DP12" s="313">
        <v>2307331</v>
      </c>
      <c r="DQ12" s="313">
        <v>781482</v>
      </c>
      <c r="DR12" s="314">
        <v>7056868</v>
      </c>
      <c r="DS12" s="316">
        <v>7056868</v>
      </c>
      <c r="DT12" s="312">
        <v>0</v>
      </c>
      <c r="DU12" s="313">
        <v>0</v>
      </c>
      <c r="DV12" s="314">
        <v>0</v>
      </c>
      <c r="DW12" s="312">
        <v>0</v>
      </c>
      <c r="DX12" s="313">
        <v>340498</v>
      </c>
      <c r="DY12" s="313">
        <v>1407607</v>
      </c>
      <c r="DZ12" s="313">
        <v>2106455</v>
      </c>
      <c r="EA12" s="313">
        <v>2307331</v>
      </c>
      <c r="EB12" s="313">
        <v>781482</v>
      </c>
      <c r="EC12" s="314">
        <v>6943373</v>
      </c>
      <c r="ED12" s="316">
        <v>6943373</v>
      </c>
      <c r="EE12" s="312">
        <v>0</v>
      </c>
      <c r="EF12" s="317">
        <v>0</v>
      </c>
      <c r="EG12" s="314">
        <v>0</v>
      </c>
      <c r="EH12" s="312">
        <v>0</v>
      </c>
      <c r="EI12" s="313">
        <v>113495</v>
      </c>
      <c r="EJ12" s="313">
        <v>0</v>
      </c>
      <c r="EK12" s="313">
        <v>0</v>
      </c>
      <c r="EL12" s="313">
        <v>0</v>
      </c>
      <c r="EM12" s="313">
        <v>0</v>
      </c>
      <c r="EN12" s="317">
        <v>113495</v>
      </c>
      <c r="EO12" s="316">
        <v>113495</v>
      </c>
      <c r="EP12" s="312">
        <v>0</v>
      </c>
      <c r="EQ12" s="313">
        <v>0</v>
      </c>
      <c r="ER12" s="317">
        <v>0</v>
      </c>
      <c r="ES12" s="318">
        <v>0</v>
      </c>
      <c r="ET12" s="313">
        <v>0</v>
      </c>
      <c r="EU12" s="313">
        <v>0</v>
      </c>
      <c r="EV12" s="313">
        <v>0</v>
      </c>
      <c r="EW12" s="313">
        <v>0</v>
      </c>
      <c r="EX12" s="313">
        <v>0</v>
      </c>
      <c r="EY12" s="314">
        <v>0</v>
      </c>
      <c r="EZ12" s="316">
        <v>0</v>
      </c>
      <c r="FA12" s="312">
        <v>0</v>
      </c>
      <c r="FB12" s="313">
        <v>0</v>
      </c>
      <c r="FC12" s="317">
        <v>0</v>
      </c>
      <c r="FD12" s="390">
        <v>0</v>
      </c>
      <c r="FE12" s="313">
        <v>0</v>
      </c>
      <c r="FF12" s="313">
        <v>0</v>
      </c>
      <c r="FG12" s="313">
        <v>0</v>
      </c>
      <c r="FH12" s="313">
        <v>0</v>
      </c>
      <c r="FI12" s="313">
        <v>0</v>
      </c>
      <c r="FJ12" s="314">
        <v>0</v>
      </c>
      <c r="FK12" s="316">
        <v>0</v>
      </c>
      <c r="FL12" s="312">
        <v>475919</v>
      </c>
      <c r="FM12" s="313">
        <v>704101</v>
      </c>
      <c r="FN12" s="314">
        <v>1180020</v>
      </c>
      <c r="FO12" s="312">
        <v>0</v>
      </c>
      <c r="FP12" s="313">
        <v>656111</v>
      </c>
      <c r="FQ12" s="313">
        <v>2816919</v>
      </c>
      <c r="FR12" s="313">
        <v>1663277</v>
      </c>
      <c r="FS12" s="313">
        <v>1377053</v>
      </c>
      <c r="FT12" s="313">
        <v>1135358</v>
      </c>
      <c r="FU12" s="314">
        <v>7648718</v>
      </c>
      <c r="FV12" s="316">
        <v>8828738</v>
      </c>
      <c r="FW12" s="319">
        <v>137907</v>
      </c>
      <c r="FX12" s="313">
        <v>605031</v>
      </c>
      <c r="FY12" s="317">
        <v>742938</v>
      </c>
      <c r="FZ12" s="318">
        <v>0</v>
      </c>
      <c r="GA12" s="313">
        <v>627753</v>
      </c>
      <c r="GB12" s="313">
        <v>2308999</v>
      </c>
      <c r="GC12" s="313">
        <v>1587285</v>
      </c>
      <c r="GD12" s="313">
        <v>1207060</v>
      </c>
      <c r="GE12" s="313">
        <v>1076306</v>
      </c>
      <c r="GF12" s="314">
        <v>6807403</v>
      </c>
      <c r="GG12" s="320">
        <v>7550341</v>
      </c>
      <c r="GH12" s="319">
        <v>51012</v>
      </c>
      <c r="GI12" s="313">
        <v>82270</v>
      </c>
      <c r="GJ12" s="317">
        <v>133282</v>
      </c>
      <c r="GK12" s="318">
        <v>0</v>
      </c>
      <c r="GL12" s="313">
        <v>28358</v>
      </c>
      <c r="GM12" s="313">
        <v>46970</v>
      </c>
      <c r="GN12" s="313">
        <v>59192</v>
      </c>
      <c r="GO12" s="313">
        <v>85293</v>
      </c>
      <c r="GP12" s="313">
        <v>59052</v>
      </c>
      <c r="GQ12" s="314">
        <v>278865</v>
      </c>
      <c r="GR12" s="316">
        <v>412147</v>
      </c>
      <c r="GS12" s="312">
        <v>287000</v>
      </c>
      <c r="GT12" s="313">
        <v>16800</v>
      </c>
      <c r="GU12" s="314">
        <v>303800</v>
      </c>
      <c r="GV12" s="312">
        <v>0</v>
      </c>
      <c r="GW12" s="313">
        <v>0</v>
      </c>
      <c r="GX12" s="313">
        <v>460950</v>
      </c>
      <c r="GY12" s="313">
        <v>16800</v>
      </c>
      <c r="GZ12" s="313">
        <v>84700</v>
      </c>
      <c r="HA12" s="313">
        <v>0</v>
      </c>
      <c r="HB12" s="317">
        <v>562450</v>
      </c>
      <c r="HC12" s="316">
        <v>866250</v>
      </c>
      <c r="HD12" s="312">
        <v>465608</v>
      </c>
      <c r="HE12" s="313">
        <v>745856</v>
      </c>
      <c r="HF12" s="317">
        <v>1211464</v>
      </c>
      <c r="HG12" s="318">
        <v>0</v>
      </c>
      <c r="HH12" s="313">
        <v>4220566</v>
      </c>
      <c r="HI12" s="313">
        <v>6875377</v>
      </c>
      <c r="HJ12" s="313">
        <v>4891078</v>
      </c>
      <c r="HK12" s="313">
        <v>5080735</v>
      </c>
      <c r="HL12" s="313">
        <v>3949148</v>
      </c>
      <c r="HM12" s="314">
        <v>25016904</v>
      </c>
      <c r="HN12" s="315">
        <v>26228368</v>
      </c>
      <c r="HO12" s="319">
        <v>0</v>
      </c>
      <c r="HP12" s="313">
        <v>0</v>
      </c>
      <c r="HQ12" s="314">
        <v>0</v>
      </c>
      <c r="HR12" s="312">
        <v>0</v>
      </c>
      <c r="HS12" s="313">
        <v>0</v>
      </c>
      <c r="HT12" s="313">
        <v>0</v>
      </c>
      <c r="HU12" s="313">
        <v>0</v>
      </c>
      <c r="HV12" s="313">
        <v>0</v>
      </c>
      <c r="HW12" s="313">
        <v>0</v>
      </c>
      <c r="HX12" s="317">
        <v>0</v>
      </c>
      <c r="HY12" s="316">
        <v>0</v>
      </c>
      <c r="HZ12" s="321">
        <v>69611</v>
      </c>
      <c r="IA12" s="322">
        <v>0</v>
      </c>
      <c r="IB12" s="323">
        <v>69611</v>
      </c>
      <c r="IC12" s="341">
        <v>0</v>
      </c>
      <c r="ID12" s="342">
        <v>3838517</v>
      </c>
      <c r="IE12" s="343">
        <v>5458240</v>
      </c>
      <c r="IF12" s="344">
        <v>5321168</v>
      </c>
      <c r="IG12" s="342">
        <v>3590729</v>
      </c>
      <c r="IH12" s="344">
        <v>2533657</v>
      </c>
      <c r="II12" s="345">
        <v>20742311</v>
      </c>
      <c r="IJ12" s="327">
        <v>20811922</v>
      </c>
      <c r="IK12" s="328">
        <v>0</v>
      </c>
      <c r="IL12" s="329">
        <v>0</v>
      </c>
      <c r="IM12" s="330">
        <v>0</v>
      </c>
      <c r="IN12" s="390">
        <v>0</v>
      </c>
      <c r="IO12" s="331">
        <v>0</v>
      </c>
      <c r="IP12" s="331">
        <v>256816</v>
      </c>
      <c r="IQ12" s="331">
        <v>130620</v>
      </c>
      <c r="IR12" s="331">
        <v>0</v>
      </c>
      <c r="IS12" s="331">
        <v>239451</v>
      </c>
      <c r="IT12" s="332">
        <v>626887</v>
      </c>
      <c r="IU12" s="333">
        <v>626887</v>
      </c>
      <c r="IV12" s="334">
        <v>0</v>
      </c>
      <c r="IW12" s="331">
        <v>0</v>
      </c>
      <c r="IX12" s="335">
        <v>0</v>
      </c>
      <c r="IY12" s="390">
        <v>0</v>
      </c>
      <c r="IZ12" s="331">
        <v>0</v>
      </c>
      <c r="JA12" s="331">
        <v>0</v>
      </c>
      <c r="JB12" s="331">
        <v>0</v>
      </c>
      <c r="JC12" s="331">
        <v>0</v>
      </c>
      <c r="JD12" s="331">
        <v>0</v>
      </c>
      <c r="JE12" s="335">
        <v>0</v>
      </c>
      <c r="JF12" s="336">
        <v>0</v>
      </c>
      <c r="JG12" s="334">
        <v>0</v>
      </c>
      <c r="JH12" s="331">
        <v>0</v>
      </c>
      <c r="JI12" s="332">
        <v>0</v>
      </c>
      <c r="JJ12" s="337">
        <v>0</v>
      </c>
      <c r="JK12" s="331">
        <v>1656589</v>
      </c>
      <c r="JL12" s="331">
        <v>2117963</v>
      </c>
      <c r="JM12" s="331">
        <v>1326182</v>
      </c>
      <c r="JN12" s="331">
        <v>455357</v>
      </c>
      <c r="JO12" s="331">
        <v>418609</v>
      </c>
      <c r="JP12" s="335">
        <v>5974700</v>
      </c>
      <c r="JQ12" s="333">
        <v>5974700</v>
      </c>
      <c r="JR12" s="334">
        <v>0</v>
      </c>
      <c r="JS12" s="331">
        <v>0</v>
      </c>
      <c r="JT12" s="332">
        <v>0</v>
      </c>
      <c r="JU12" s="337">
        <v>0</v>
      </c>
      <c r="JV12" s="331">
        <v>0</v>
      </c>
      <c r="JW12" s="331">
        <v>210263</v>
      </c>
      <c r="JX12" s="331">
        <v>0</v>
      </c>
      <c r="JY12" s="331">
        <v>199018</v>
      </c>
      <c r="JZ12" s="331">
        <v>0</v>
      </c>
      <c r="KA12" s="335">
        <v>409281</v>
      </c>
      <c r="KB12" s="333">
        <v>409281</v>
      </c>
      <c r="KC12" s="338">
        <v>69611</v>
      </c>
      <c r="KD12" s="339">
        <v>0</v>
      </c>
      <c r="KE12" s="335">
        <v>69611</v>
      </c>
      <c r="KF12" s="337">
        <v>0</v>
      </c>
      <c r="KG12" s="331">
        <v>486168</v>
      </c>
      <c r="KH12" s="331">
        <v>1194960</v>
      </c>
      <c r="KI12" s="331">
        <v>784432</v>
      </c>
      <c r="KJ12" s="331">
        <v>323186</v>
      </c>
      <c r="KK12" s="331">
        <v>259527</v>
      </c>
      <c r="KL12" s="335">
        <v>3048273</v>
      </c>
      <c r="KM12" s="340">
        <v>3117884</v>
      </c>
      <c r="KN12" s="328">
        <v>0</v>
      </c>
      <c r="KO12" s="329">
        <v>0</v>
      </c>
      <c r="KP12" s="330">
        <v>0</v>
      </c>
      <c r="KQ12" s="390">
        <v>0</v>
      </c>
      <c r="KR12" s="331">
        <v>1439360</v>
      </c>
      <c r="KS12" s="331">
        <v>1315109</v>
      </c>
      <c r="KT12" s="331">
        <v>3079934</v>
      </c>
      <c r="KU12" s="331">
        <v>1124204</v>
      </c>
      <c r="KV12" s="331">
        <v>1161300</v>
      </c>
      <c r="KW12" s="335">
        <v>8119907</v>
      </c>
      <c r="KX12" s="333">
        <v>8119907</v>
      </c>
      <c r="KY12" s="334">
        <v>0</v>
      </c>
      <c r="KZ12" s="331">
        <v>0</v>
      </c>
      <c r="LA12" s="335">
        <v>0</v>
      </c>
      <c r="LB12" s="390">
        <v>0</v>
      </c>
      <c r="LC12" s="331">
        <v>0</v>
      </c>
      <c r="LD12" s="331">
        <v>0</v>
      </c>
      <c r="LE12" s="331">
        <v>0</v>
      </c>
      <c r="LF12" s="331">
        <v>0</v>
      </c>
      <c r="LG12" s="331">
        <v>0</v>
      </c>
      <c r="LH12" s="335">
        <v>0</v>
      </c>
      <c r="LI12" s="336">
        <v>0</v>
      </c>
      <c r="LJ12" s="334">
        <v>0</v>
      </c>
      <c r="LK12" s="331">
        <v>0</v>
      </c>
      <c r="LL12" s="335">
        <v>0</v>
      </c>
      <c r="LM12" s="390">
        <v>0</v>
      </c>
      <c r="LN12" s="331">
        <v>0</v>
      </c>
      <c r="LO12" s="331">
        <v>0</v>
      </c>
      <c r="LP12" s="331">
        <v>0</v>
      </c>
      <c r="LQ12" s="331">
        <v>927264</v>
      </c>
      <c r="LR12" s="331">
        <v>0</v>
      </c>
      <c r="LS12" s="335">
        <v>927264</v>
      </c>
      <c r="LT12" s="333">
        <v>927264</v>
      </c>
      <c r="LU12" s="334">
        <v>0</v>
      </c>
      <c r="LV12" s="331">
        <v>0</v>
      </c>
      <c r="LW12" s="335">
        <v>0</v>
      </c>
      <c r="LX12" s="390">
        <v>0</v>
      </c>
      <c r="LY12" s="331">
        <v>256400</v>
      </c>
      <c r="LZ12" s="331">
        <v>363129</v>
      </c>
      <c r="MA12" s="331">
        <v>0</v>
      </c>
      <c r="MB12" s="331">
        <v>561700</v>
      </c>
      <c r="MC12" s="331">
        <v>454770</v>
      </c>
      <c r="MD12" s="335">
        <v>1635999</v>
      </c>
      <c r="ME12" s="336">
        <v>1635999</v>
      </c>
      <c r="MF12" s="334">
        <v>0</v>
      </c>
      <c r="MG12" s="331">
        <v>0</v>
      </c>
      <c r="MH12" s="335">
        <v>0</v>
      </c>
      <c r="MI12" s="390">
        <v>0</v>
      </c>
      <c r="MJ12" s="331">
        <v>439184</v>
      </c>
      <c r="MK12" s="331">
        <v>1724822</v>
      </c>
      <c r="ML12" s="331">
        <v>7668286</v>
      </c>
      <c r="MM12" s="331">
        <v>14804003</v>
      </c>
      <c r="MN12" s="331">
        <v>6632834</v>
      </c>
      <c r="MO12" s="335">
        <v>31269129</v>
      </c>
      <c r="MP12" s="340">
        <v>31269129</v>
      </c>
      <c r="MQ12" s="334">
        <v>0</v>
      </c>
      <c r="MR12" s="331">
        <v>0</v>
      </c>
      <c r="MS12" s="335">
        <v>0</v>
      </c>
      <c r="MT12" s="390">
        <v>0</v>
      </c>
      <c r="MU12" s="331">
        <v>0</v>
      </c>
      <c r="MV12" s="331">
        <v>0</v>
      </c>
      <c r="MW12" s="331">
        <v>6134246</v>
      </c>
      <c r="MX12" s="331">
        <v>10525115</v>
      </c>
      <c r="MY12" s="331">
        <v>4304950</v>
      </c>
      <c r="MZ12" s="335">
        <v>20964311</v>
      </c>
      <c r="NA12" s="340">
        <v>20964311</v>
      </c>
      <c r="NB12" s="334">
        <v>0</v>
      </c>
      <c r="NC12" s="331">
        <v>0</v>
      </c>
      <c r="ND12" s="335">
        <v>0</v>
      </c>
      <c r="NE12" s="390">
        <v>0</v>
      </c>
      <c r="NF12" s="331">
        <v>439184</v>
      </c>
      <c r="NG12" s="331">
        <v>1724822</v>
      </c>
      <c r="NH12" s="331">
        <v>1459921</v>
      </c>
      <c r="NI12" s="331">
        <v>3686530</v>
      </c>
      <c r="NJ12" s="331">
        <v>993588</v>
      </c>
      <c r="NK12" s="335">
        <v>8304045</v>
      </c>
      <c r="NL12" s="333">
        <v>8304045</v>
      </c>
      <c r="NM12" s="334">
        <v>0</v>
      </c>
      <c r="NN12" s="331">
        <v>0</v>
      </c>
      <c r="NO12" s="335">
        <v>0</v>
      </c>
      <c r="NP12" s="390">
        <v>0</v>
      </c>
      <c r="NQ12" s="331">
        <v>0</v>
      </c>
      <c r="NR12" s="331">
        <v>0</v>
      </c>
      <c r="NS12" s="331">
        <v>0</v>
      </c>
      <c r="NT12" s="331">
        <v>0</v>
      </c>
      <c r="NU12" s="331">
        <v>0</v>
      </c>
      <c r="NV12" s="335">
        <v>0</v>
      </c>
      <c r="NW12" s="336">
        <v>0</v>
      </c>
      <c r="NX12" s="334">
        <v>0</v>
      </c>
      <c r="NY12" s="331">
        <v>0</v>
      </c>
      <c r="NZ12" s="335">
        <v>0</v>
      </c>
      <c r="OA12" s="390">
        <v>0</v>
      </c>
      <c r="OB12" s="331">
        <v>0</v>
      </c>
      <c r="OC12" s="331">
        <v>0</v>
      </c>
      <c r="OD12" s="331">
        <v>74119</v>
      </c>
      <c r="OE12" s="331">
        <v>592358</v>
      </c>
      <c r="OF12" s="331">
        <v>1334296</v>
      </c>
      <c r="OG12" s="335">
        <v>2000773</v>
      </c>
      <c r="OH12" s="336">
        <v>2000773</v>
      </c>
      <c r="OI12" s="334">
        <v>1337493</v>
      </c>
      <c r="OJ12" s="331">
        <v>2598767</v>
      </c>
      <c r="OK12" s="332">
        <v>3936260</v>
      </c>
      <c r="OL12" s="337">
        <v>0</v>
      </c>
      <c r="OM12" s="331">
        <v>17281217</v>
      </c>
      <c r="ON12" s="331">
        <v>32949704</v>
      </c>
      <c r="OO12" s="331">
        <v>34846161</v>
      </c>
      <c r="OP12" s="331">
        <v>35704258</v>
      </c>
      <c r="OQ12" s="331">
        <v>24717623</v>
      </c>
      <c r="OR12" s="335">
        <v>145498963</v>
      </c>
      <c r="OS12" s="340">
        <v>149435223</v>
      </c>
    </row>
    <row r="13" spans="2:409" s="56" customFormat="1" ht="21" customHeight="1" x14ac:dyDescent="0.2">
      <c r="B13" s="92" t="s">
        <v>7</v>
      </c>
      <c r="C13" s="312">
        <v>1141227</v>
      </c>
      <c r="D13" s="313">
        <v>1181325</v>
      </c>
      <c r="E13" s="314">
        <v>2322552</v>
      </c>
      <c r="F13" s="315">
        <v>0</v>
      </c>
      <c r="G13" s="313">
        <v>14304784</v>
      </c>
      <c r="H13" s="313">
        <v>10371395</v>
      </c>
      <c r="I13" s="313">
        <v>10985019</v>
      </c>
      <c r="J13" s="313">
        <v>11247692</v>
      </c>
      <c r="K13" s="313">
        <v>5490971</v>
      </c>
      <c r="L13" s="315">
        <v>52399861</v>
      </c>
      <c r="M13" s="316">
        <v>54722413</v>
      </c>
      <c r="N13" s="312">
        <v>263672</v>
      </c>
      <c r="O13" s="313">
        <v>264238</v>
      </c>
      <c r="P13" s="314">
        <v>527910</v>
      </c>
      <c r="Q13" s="312">
        <v>0</v>
      </c>
      <c r="R13" s="313">
        <v>4198924</v>
      </c>
      <c r="S13" s="313">
        <v>2853348</v>
      </c>
      <c r="T13" s="313">
        <v>3874502</v>
      </c>
      <c r="U13" s="313">
        <v>4295567</v>
      </c>
      <c r="V13" s="313">
        <v>2827564</v>
      </c>
      <c r="W13" s="314">
        <v>18049905</v>
      </c>
      <c r="X13" s="316">
        <v>18577815</v>
      </c>
      <c r="Y13" s="312">
        <v>0</v>
      </c>
      <c r="Z13" s="313">
        <v>0</v>
      </c>
      <c r="AA13" s="314">
        <v>0</v>
      </c>
      <c r="AB13" s="312">
        <v>0</v>
      </c>
      <c r="AC13" s="313">
        <v>1937528</v>
      </c>
      <c r="AD13" s="313">
        <v>1100988</v>
      </c>
      <c r="AE13" s="313">
        <v>2128332</v>
      </c>
      <c r="AF13" s="313">
        <v>2119833</v>
      </c>
      <c r="AG13" s="313">
        <v>1065904</v>
      </c>
      <c r="AH13" s="314">
        <v>8352585</v>
      </c>
      <c r="AI13" s="316">
        <v>8352585</v>
      </c>
      <c r="AJ13" s="312">
        <v>0</v>
      </c>
      <c r="AK13" s="313">
        <v>0</v>
      </c>
      <c r="AL13" s="314">
        <v>0</v>
      </c>
      <c r="AM13" s="312">
        <v>0</v>
      </c>
      <c r="AN13" s="313">
        <v>42037</v>
      </c>
      <c r="AO13" s="313">
        <v>33189</v>
      </c>
      <c r="AP13" s="313">
        <v>75065</v>
      </c>
      <c r="AQ13" s="313">
        <v>450448</v>
      </c>
      <c r="AR13" s="313">
        <v>672174</v>
      </c>
      <c r="AS13" s="314">
        <v>1272913</v>
      </c>
      <c r="AT13" s="316">
        <v>1272913</v>
      </c>
      <c r="AU13" s="312">
        <v>10570</v>
      </c>
      <c r="AV13" s="313">
        <v>98468</v>
      </c>
      <c r="AW13" s="314">
        <v>109038</v>
      </c>
      <c r="AX13" s="312">
        <v>0</v>
      </c>
      <c r="AY13" s="313">
        <v>1191190</v>
      </c>
      <c r="AZ13" s="313">
        <v>986074</v>
      </c>
      <c r="BA13" s="313">
        <v>906198</v>
      </c>
      <c r="BB13" s="313">
        <v>991603</v>
      </c>
      <c r="BC13" s="313">
        <v>817151</v>
      </c>
      <c r="BD13" s="314">
        <v>4892216</v>
      </c>
      <c r="BE13" s="316">
        <v>5001254</v>
      </c>
      <c r="BF13" s="312">
        <v>18147</v>
      </c>
      <c r="BG13" s="313">
        <v>18147</v>
      </c>
      <c r="BH13" s="317">
        <v>36294</v>
      </c>
      <c r="BI13" s="318">
        <v>0</v>
      </c>
      <c r="BJ13" s="313">
        <v>108943</v>
      </c>
      <c r="BK13" s="313">
        <v>144208</v>
      </c>
      <c r="BL13" s="313">
        <v>81028</v>
      </c>
      <c r="BM13" s="313">
        <v>104495</v>
      </c>
      <c r="BN13" s="313">
        <v>0</v>
      </c>
      <c r="BO13" s="314">
        <v>438674</v>
      </c>
      <c r="BP13" s="316">
        <v>474968</v>
      </c>
      <c r="BQ13" s="312">
        <v>234955</v>
      </c>
      <c r="BR13" s="313">
        <v>147623</v>
      </c>
      <c r="BS13" s="314">
        <v>382578</v>
      </c>
      <c r="BT13" s="312">
        <v>0</v>
      </c>
      <c r="BU13" s="313">
        <v>919226</v>
      </c>
      <c r="BV13" s="313">
        <v>588889</v>
      </c>
      <c r="BW13" s="313">
        <v>683879</v>
      </c>
      <c r="BX13" s="313">
        <v>629188</v>
      </c>
      <c r="BY13" s="313">
        <v>272335</v>
      </c>
      <c r="BZ13" s="314">
        <v>3093517</v>
      </c>
      <c r="CA13" s="316">
        <v>3476095</v>
      </c>
      <c r="CB13" s="312">
        <v>0</v>
      </c>
      <c r="CC13" s="313">
        <v>70506</v>
      </c>
      <c r="CD13" s="314">
        <v>70506</v>
      </c>
      <c r="CE13" s="312">
        <v>0</v>
      </c>
      <c r="CF13" s="313">
        <v>3788490</v>
      </c>
      <c r="CG13" s="313">
        <v>2773193</v>
      </c>
      <c r="CH13" s="313">
        <v>1928045</v>
      </c>
      <c r="CI13" s="313">
        <v>871173</v>
      </c>
      <c r="CJ13" s="313">
        <v>220668</v>
      </c>
      <c r="CK13" s="314">
        <v>9581569</v>
      </c>
      <c r="CL13" s="316">
        <v>9652075</v>
      </c>
      <c r="CM13" s="312">
        <v>0</v>
      </c>
      <c r="CN13" s="313">
        <v>0</v>
      </c>
      <c r="CO13" s="314">
        <v>0</v>
      </c>
      <c r="CP13" s="318">
        <v>0</v>
      </c>
      <c r="CQ13" s="313">
        <v>3267721</v>
      </c>
      <c r="CR13" s="313">
        <v>2087345</v>
      </c>
      <c r="CS13" s="313">
        <v>1393741</v>
      </c>
      <c r="CT13" s="313">
        <v>290657</v>
      </c>
      <c r="CU13" s="313">
        <v>220668</v>
      </c>
      <c r="CV13" s="314">
        <v>7260132</v>
      </c>
      <c r="CW13" s="316">
        <v>7260132</v>
      </c>
      <c r="CX13" s="312">
        <v>0</v>
      </c>
      <c r="CY13" s="313">
        <v>70506</v>
      </c>
      <c r="CZ13" s="314">
        <v>70506</v>
      </c>
      <c r="DA13" s="312">
        <v>0</v>
      </c>
      <c r="DB13" s="313">
        <v>520769</v>
      </c>
      <c r="DC13" s="313">
        <v>685848</v>
      </c>
      <c r="DD13" s="313">
        <v>534304</v>
      </c>
      <c r="DE13" s="313">
        <v>580516</v>
      </c>
      <c r="DF13" s="313">
        <v>0</v>
      </c>
      <c r="DG13" s="314">
        <v>2321437</v>
      </c>
      <c r="DH13" s="316">
        <v>2391943</v>
      </c>
      <c r="DI13" s="312">
        <v>0</v>
      </c>
      <c r="DJ13" s="313">
        <v>0</v>
      </c>
      <c r="DK13" s="317">
        <v>0</v>
      </c>
      <c r="DL13" s="318">
        <v>0</v>
      </c>
      <c r="DM13" s="313">
        <v>908675</v>
      </c>
      <c r="DN13" s="313">
        <v>460516</v>
      </c>
      <c r="DO13" s="313">
        <v>895596</v>
      </c>
      <c r="DP13" s="313">
        <v>828894</v>
      </c>
      <c r="DQ13" s="313">
        <v>273710</v>
      </c>
      <c r="DR13" s="314">
        <v>3367391</v>
      </c>
      <c r="DS13" s="316">
        <v>3367391</v>
      </c>
      <c r="DT13" s="312">
        <v>0</v>
      </c>
      <c r="DU13" s="313">
        <v>0</v>
      </c>
      <c r="DV13" s="314">
        <v>0</v>
      </c>
      <c r="DW13" s="312">
        <v>0</v>
      </c>
      <c r="DX13" s="313">
        <v>908675</v>
      </c>
      <c r="DY13" s="313">
        <v>301086</v>
      </c>
      <c r="DZ13" s="313">
        <v>602887</v>
      </c>
      <c r="EA13" s="313">
        <v>828894</v>
      </c>
      <c r="EB13" s="313">
        <v>273710</v>
      </c>
      <c r="EC13" s="314">
        <v>2915252</v>
      </c>
      <c r="ED13" s="316">
        <v>2915252</v>
      </c>
      <c r="EE13" s="312">
        <v>0</v>
      </c>
      <c r="EF13" s="317">
        <v>0</v>
      </c>
      <c r="EG13" s="314">
        <v>0</v>
      </c>
      <c r="EH13" s="312">
        <v>0</v>
      </c>
      <c r="EI13" s="313">
        <v>0</v>
      </c>
      <c r="EJ13" s="313">
        <v>159430</v>
      </c>
      <c r="EK13" s="313">
        <v>292709</v>
      </c>
      <c r="EL13" s="313">
        <v>0</v>
      </c>
      <c r="EM13" s="313">
        <v>0</v>
      </c>
      <c r="EN13" s="317">
        <v>452139</v>
      </c>
      <c r="EO13" s="316">
        <v>452139</v>
      </c>
      <c r="EP13" s="312">
        <v>0</v>
      </c>
      <c r="EQ13" s="313">
        <v>0</v>
      </c>
      <c r="ER13" s="317">
        <v>0</v>
      </c>
      <c r="ES13" s="318">
        <v>0</v>
      </c>
      <c r="ET13" s="313">
        <v>0</v>
      </c>
      <c r="EU13" s="313">
        <v>0</v>
      </c>
      <c r="EV13" s="313">
        <v>0</v>
      </c>
      <c r="EW13" s="313">
        <v>0</v>
      </c>
      <c r="EX13" s="313">
        <v>0</v>
      </c>
      <c r="EY13" s="314">
        <v>0</v>
      </c>
      <c r="EZ13" s="316">
        <v>0</v>
      </c>
      <c r="FA13" s="312">
        <v>0</v>
      </c>
      <c r="FB13" s="313">
        <v>0</v>
      </c>
      <c r="FC13" s="317">
        <v>0</v>
      </c>
      <c r="FD13" s="390">
        <v>0</v>
      </c>
      <c r="FE13" s="313">
        <v>0</v>
      </c>
      <c r="FF13" s="313">
        <v>0</v>
      </c>
      <c r="FG13" s="313">
        <v>0</v>
      </c>
      <c r="FH13" s="313">
        <v>0</v>
      </c>
      <c r="FI13" s="313">
        <v>0</v>
      </c>
      <c r="FJ13" s="314">
        <v>0</v>
      </c>
      <c r="FK13" s="316">
        <v>0</v>
      </c>
      <c r="FL13" s="312">
        <v>122598</v>
      </c>
      <c r="FM13" s="313">
        <v>333319</v>
      </c>
      <c r="FN13" s="314">
        <v>455917</v>
      </c>
      <c r="FO13" s="312">
        <v>0</v>
      </c>
      <c r="FP13" s="313">
        <v>544829</v>
      </c>
      <c r="FQ13" s="313">
        <v>1203797</v>
      </c>
      <c r="FR13" s="313">
        <v>852966</v>
      </c>
      <c r="FS13" s="313">
        <v>827680</v>
      </c>
      <c r="FT13" s="313">
        <v>317156</v>
      </c>
      <c r="FU13" s="314">
        <v>3746428</v>
      </c>
      <c r="FV13" s="316">
        <v>4202345</v>
      </c>
      <c r="FW13" s="319">
        <v>122598</v>
      </c>
      <c r="FX13" s="313">
        <v>54719</v>
      </c>
      <c r="FY13" s="317">
        <v>177317</v>
      </c>
      <c r="FZ13" s="318">
        <v>0</v>
      </c>
      <c r="GA13" s="313">
        <v>461601</v>
      </c>
      <c r="GB13" s="313">
        <v>1020117</v>
      </c>
      <c r="GC13" s="313">
        <v>795062</v>
      </c>
      <c r="GD13" s="313">
        <v>607376</v>
      </c>
      <c r="GE13" s="313">
        <v>317156</v>
      </c>
      <c r="GF13" s="314">
        <v>3201312</v>
      </c>
      <c r="GG13" s="320">
        <v>3378629</v>
      </c>
      <c r="GH13" s="319">
        <v>0</v>
      </c>
      <c r="GI13" s="313">
        <v>70000</v>
      </c>
      <c r="GJ13" s="317">
        <v>70000</v>
      </c>
      <c r="GK13" s="318">
        <v>0</v>
      </c>
      <c r="GL13" s="313">
        <v>83228</v>
      </c>
      <c r="GM13" s="313">
        <v>43680</v>
      </c>
      <c r="GN13" s="313">
        <v>57904</v>
      </c>
      <c r="GO13" s="313">
        <v>42504</v>
      </c>
      <c r="GP13" s="313">
        <v>0</v>
      </c>
      <c r="GQ13" s="314">
        <v>227316</v>
      </c>
      <c r="GR13" s="316">
        <v>297316</v>
      </c>
      <c r="GS13" s="312">
        <v>0</v>
      </c>
      <c r="GT13" s="313">
        <v>208600</v>
      </c>
      <c r="GU13" s="314">
        <v>208600</v>
      </c>
      <c r="GV13" s="312">
        <v>0</v>
      </c>
      <c r="GW13" s="313">
        <v>0</v>
      </c>
      <c r="GX13" s="313">
        <v>140000</v>
      </c>
      <c r="GY13" s="313">
        <v>0</v>
      </c>
      <c r="GZ13" s="313">
        <v>177800</v>
      </c>
      <c r="HA13" s="313">
        <v>0</v>
      </c>
      <c r="HB13" s="317">
        <v>317800</v>
      </c>
      <c r="HC13" s="316">
        <v>526400</v>
      </c>
      <c r="HD13" s="312">
        <v>754957</v>
      </c>
      <c r="HE13" s="313">
        <v>513262</v>
      </c>
      <c r="HF13" s="317">
        <v>1268219</v>
      </c>
      <c r="HG13" s="318">
        <v>0</v>
      </c>
      <c r="HH13" s="313">
        <v>4863866</v>
      </c>
      <c r="HI13" s="313">
        <v>3080541</v>
      </c>
      <c r="HJ13" s="313">
        <v>3433910</v>
      </c>
      <c r="HK13" s="313">
        <v>4424378</v>
      </c>
      <c r="HL13" s="313">
        <v>1851873</v>
      </c>
      <c r="HM13" s="314">
        <v>17654568</v>
      </c>
      <c r="HN13" s="315">
        <v>18922787</v>
      </c>
      <c r="HO13" s="319">
        <v>0</v>
      </c>
      <c r="HP13" s="313">
        <v>0</v>
      </c>
      <c r="HQ13" s="314">
        <v>0</v>
      </c>
      <c r="HR13" s="312">
        <v>0</v>
      </c>
      <c r="HS13" s="313">
        <v>0</v>
      </c>
      <c r="HT13" s="313">
        <v>0</v>
      </c>
      <c r="HU13" s="313">
        <v>0</v>
      </c>
      <c r="HV13" s="313">
        <v>0</v>
      </c>
      <c r="HW13" s="313">
        <v>0</v>
      </c>
      <c r="HX13" s="317">
        <v>0</v>
      </c>
      <c r="HY13" s="316">
        <v>0</v>
      </c>
      <c r="HZ13" s="321">
        <v>0</v>
      </c>
      <c r="IA13" s="322">
        <v>0</v>
      </c>
      <c r="IB13" s="323">
        <v>0</v>
      </c>
      <c r="IC13" s="324">
        <v>0</v>
      </c>
      <c r="ID13" s="322">
        <v>2637848</v>
      </c>
      <c r="IE13" s="325">
        <v>2321817</v>
      </c>
      <c r="IF13" s="323">
        <v>2240100</v>
      </c>
      <c r="IG13" s="322">
        <v>1199262</v>
      </c>
      <c r="IH13" s="323">
        <v>1204771</v>
      </c>
      <c r="II13" s="326">
        <v>9603798</v>
      </c>
      <c r="IJ13" s="327">
        <v>9603798</v>
      </c>
      <c r="IK13" s="328">
        <v>0</v>
      </c>
      <c r="IL13" s="329">
        <v>0</v>
      </c>
      <c r="IM13" s="330">
        <v>0</v>
      </c>
      <c r="IN13" s="390">
        <v>0</v>
      </c>
      <c r="IO13" s="331">
        <v>0</v>
      </c>
      <c r="IP13" s="331">
        <v>129951</v>
      </c>
      <c r="IQ13" s="331">
        <v>0</v>
      </c>
      <c r="IR13" s="331">
        <v>0</v>
      </c>
      <c r="IS13" s="331">
        <v>111239</v>
      </c>
      <c r="IT13" s="332">
        <v>241190</v>
      </c>
      <c r="IU13" s="333">
        <v>241190</v>
      </c>
      <c r="IV13" s="334">
        <v>0</v>
      </c>
      <c r="IW13" s="331">
        <v>0</v>
      </c>
      <c r="IX13" s="335">
        <v>0</v>
      </c>
      <c r="IY13" s="390">
        <v>0</v>
      </c>
      <c r="IZ13" s="331">
        <v>0</v>
      </c>
      <c r="JA13" s="331">
        <v>0</v>
      </c>
      <c r="JB13" s="331">
        <v>0</v>
      </c>
      <c r="JC13" s="331">
        <v>0</v>
      </c>
      <c r="JD13" s="331">
        <v>0</v>
      </c>
      <c r="JE13" s="335">
        <v>0</v>
      </c>
      <c r="JF13" s="336">
        <v>0</v>
      </c>
      <c r="JG13" s="334">
        <v>0</v>
      </c>
      <c r="JH13" s="331">
        <v>0</v>
      </c>
      <c r="JI13" s="332">
        <v>0</v>
      </c>
      <c r="JJ13" s="337">
        <v>0</v>
      </c>
      <c r="JK13" s="331">
        <v>1514357</v>
      </c>
      <c r="JL13" s="331">
        <v>735141</v>
      </c>
      <c r="JM13" s="331">
        <v>664444</v>
      </c>
      <c r="JN13" s="331">
        <v>350644</v>
      </c>
      <c r="JO13" s="331">
        <v>150288</v>
      </c>
      <c r="JP13" s="335">
        <v>3414874</v>
      </c>
      <c r="JQ13" s="333">
        <v>3414874</v>
      </c>
      <c r="JR13" s="334">
        <v>0</v>
      </c>
      <c r="JS13" s="331">
        <v>0</v>
      </c>
      <c r="JT13" s="332">
        <v>0</v>
      </c>
      <c r="JU13" s="337">
        <v>0</v>
      </c>
      <c r="JV13" s="331">
        <v>163139</v>
      </c>
      <c r="JW13" s="331">
        <v>76141</v>
      </c>
      <c r="JX13" s="331">
        <v>481660</v>
      </c>
      <c r="JY13" s="331">
        <v>85544</v>
      </c>
      <c r="JZ13" s="331">
        <v>0</v>
      </c>
      <c r="KA13" s="335">
        <v>806484</v>
      </c>
      <c r="KB13" s="333">
        <v>806484</v>
      </c>
      <c r="KC13" s="338">
        <v>0</v>
      </c>
      <c r="KD13" s="339">
        <v>0</v>
      </c>
      <c r="KE13" s="335">
        <v>0</v>
      </c>
      <c r="KF13" s="337">
        <v>0</v>
      </c>
      <c r="KG13" s="331">
        <v>205538</v>
      </c>
      <c r="KH13" s="331">
        <v>283390</v>
      </c>
      <c r="KI13" s="331">
        <v>189198</v>
      </c>
      <c r="KJ13" s="331">
        <v>0</v>
      </c>
      <c r="KK13" s="331">
        <v>0</v>
      </c>
      <c r="KL13" s="335">
        <v>678126</v>
      </c>
      <c r="KM13" s="340">
        <v>678126</v>
      </c>
      <c r="KN13" s="328">
        <v>0</v>
      </c>
      <c r="KO13" s="329">
        <v>0</v>
      </c>
      <c r="KP13" s="330">
        <v>0</v>
      </c>
      <c r="KQ13" s="390">
        <v>0</v>
      </c>
      <c r="KR13" s="331">
        <v>631155</v>
      </c>
      <c r="KS13" s="331">
        <v>1097194</v>
      </c>
      <c r="KT13" s="331">
        <v>904798</v>
      </c>
      <c r="KU13" s="331">
        <v>763074</v>
      </c>
      <c r="KV13" s="331">
        <v>1028865</v>
      </c>
      <c r="KW13" s="335">
        <v>4425086</v>
      </c>
      <c r="KX13" s="333">
        <v>4425086</v>
      </c>
      <c r="KY13" s="334">
        <v>0</v>
      </c>
      <c r="KZ13" s="331">
        <v>0</v>
      </c>
      <c r="LA13" s="335">
        <v>0</v>
      </c>
      <c r="LB13" s="390">
        <v>0</v>
      </c>
      <c r="LC13" s="331">
        <v>0</v>
      </c>
      <c r="LD13" s="331">
        <v>0</v>
      </c>
      <c r="LE13" s="331">
        <v>0</v>
      </c>
      <c r="LF13" s="331">
        <v>0</v>
      </c>
      <c r="LG13" s="331">
        <v>0</v>
      </c>
      <c r="LH13" s="335">
        <v>0</v>
      </c>
      <c r="LI13" s="336">
        <v>0</v>
      </c>
      <c r="LJ13" s="334">
        <v>0</v>
      </c>
      <c r="LK13" s="331">
        <v>0</v>
      </c>
      <c r="LL13" s="335">
        <v>0</v>
      </c>
      <c r="LM13" s="390">
        <v>0</v>
      </c>
      <c r="LN13" s="331">
        <v>0</v>
      </c>
      <c r="LO13" s="331">
        <v>0</v>
      </c>
      <c r="LP13" s="331">
        <v>0</v>
      </c>
      <c r="LQ13" s="331">
        <v>0</v>
      </c>
      <c r="LR13" s="331">
        <v>0</v>
      </c>
      <c r="LS13" s="335">
        <v>0</v>
      </c>
      <c r="LT13" s="333">
        <v>0</v>
      </c>
      <c r="LU13" s="334">
        <v>0</v>
      </c>
      <c r="LV13" s="331">
        <v>0</v>
      </c>
      <c r="LW13" s="335">
        <v>0</v>
      </c>
      <c r="LX13" s="390">
        <v>0</v>
      </c>
      <c r="LY13" s="331">
        <v>123659</v>
      </c>
      <c r="LZ13" s="331">
        <v>0</v>
      </c>
      <c r="MA13" s="331">
        <v>0</v>
      </c>
      <c r="MB13" s="331">
        <v>0</v>
      </c>
      <c r="MC13" s="331">
        <v>-85621</v>
      </c>
      <c r="MD13" s="335">
        <v>38038</v>
      </c>
      <c r="ME13" s="336">
        <v>38038</v>
      </c>
      <c r="MF13" s="334">
        <v>0</v>
      </c>
      <c r="MG13" s="331">
        <v>0</v>
      </c>
      <c r="MH13" s="335">
        <v>0</v>
      </c>
      <c r="MI13" s="390">
        <v>0</v>
      </c>
      <c r="MJ13" s="331">
        <v>322586</v>
      </c>
      <c r="MK13" s="331">
        <v>277249</v>
      </c>
      <c r="ML13" s="331">
        <v>2707499</v>
      </c>
      <c r="MM13" s="331">
        <v>4338432</v>
      </c>
      <c r="MN13" s="331">
        <v>3364192</v>
      </c>
      <c r="MO13" s="335">
        <v>11009958</v>
      </c>
      <c r="MP13" s="340">
        <v>11009958</v>
      </c>
      <c r="MQ13" s="334">
        <v>0</v>
      </c>
      <c r="MR13" s="331">
        <v>0</v>
      </c>
      <c r="MS13" s="335">
        <v>0</v>
      </c>
      <c r="MT13" s="390">
        <v>0</v>
      </c>
      <c r="MU13" s="331">
        <v>0</v>
      </c>
      <c r="MV13" s="331">
        <v>0</v>
      </c>
      <c r="MW13" s="331">
        <v>1984445</v>
      </c>
      <c r="MX13" s="331">
        <v>3180032</v>
      </c>
      <c r="MY13" s="331">
        <v>1991990</v>
      </c>
      <c r="MZ13" s="335">
        <v>7156467</v>
      </c>
      <c r="NA13" s="340">
        <v>7156467</v>
      </c>
      <c r="NB13" s="334">
        <v>0</v>
      </c>
      <c r="NC13" s="331">
        <v>0</v>
      </c>
      <c r="ND13" s="335">
        <v>0</v>
      </c>
      <c r="NE13" s="390">
        <v>0</v>
      </c>
      <c r="NF13" s="331">
        <v>322586</v>
      </c>
      <c r="NG13" s="331">
        <v>277249</v>
      </c>
      <c r="NH13" s="331">
        <v>723054</v>
      </c>
      <c r="NI13" s="331">
        <v>1158400</v>
      </c>
      <c r="NJ13" s="331">
        <v>1372202</v>
      </c>
      <c r="NK13" s="335">
        <v>3853491</v>
      </c>
      <c r="NL13" s="333">
        <v>3853491</v>
      </c>
      <c r="NM13" s="334">
        <v>0</v>
      </c>
      <c r="NN13" s="331">
        <v>0</v>
      </c>
      <c r="NO13" s="335">
        <v>0</v>
      </c>
      <c r="NP13" s="390">
        <v>0</v>
      </c>
      <c r="NQ13" s="331">
        <v>0</v>
      </c>
      <c r="NR13" s="331">
        <v>0</v>
      </c>
      <c r="NS13" s="331">
        <v>0</v>
      </c>
      <c r="NT13" s="331">
        <v>0</v>
      </c>
      <c r="NU13" s="331">
        <v>0</v>
      </c>
      <c r="NV13" s="335">
        <v>0</v>
      </c>
      <c r="NW13" s="336">
        <v>0</v>
      </c>
      <c r="NX13" s="334">
        <v>0</v>
      </c>
      <c r="NY13" s="331">
        <v>0</v>
      </c>
      <c r="NZ13" s="335">
        <v>0</v>
      </c>
      <c r="OA13" s="390">
        <v>0</v>
      </c>
      <c r="OB13" s="331">
        <v>0</v>
      </c>
      <c r="OC13" s="331">
        <v>0</v>
      </c>
      <c r="OD13" s="331">
        <v>0</v>
      </c>
      <c r="OE13" s="331">
        <v>0</v>
      </c>
      <c r="OF13" s="331">
        <v>0</v>
      </c>
      <c r="OG13" s="335">
        <v>0</v>
      </c>
      <c r="OH13" s="336">
        <v>0</v>
      </c>
      <c r="OI13" s="334">
        <v>1141227</v>
      </c>
      <c r="OJ13" s="331">
        <v>1181325</v>
      </c>
      <c r="OK13" s="332">
        <v>2322552</v>
      </c>
      <c r="OL13" s="337">
        <v>0</v>
      </c>
      <c r="OM13" s="331">
        <v>17265218</v>
      </c>
      <c r="ON13" s="331">
        <v>12970461</v>
      </c>
      <c r="OO13" s="331">
        <v>15932618</v>
      </c>
      <c r="OP13" s="331">
        <v>16785386</v>
      </c>
      <c r="OQ13" s="331">
        <v>10059934</v>
      </c>
      <c r="OR13" s="335">
        <v>73013617</v>
      </c>
      <c r="OS13" s="340">
        <v>75336169</v>
      </c>
    </row>
    <row r="14" spans="2:409" s="56" customFormat="1" ht="21" customHeight="1" x14ac:dyDescent="0.2">
      <c r="B14" s="92" t="s">
        <v>8</v>
      </c>
      <c r="C14" s="312">
        <v>510861</v>
      </c>
      <c r="D14" s="313">
        <v>713824</v>
      </c>
      <c r="E14" s="314">
        <v>1224685</v>
      </c>
      <c r="F14" s="315">
        <v>0</v>
      </c>
      <c r="G14" s="313">
        <v>6122846</v>
      </c>
      <c r="H14" s="313">
        <v>8215091</v>
      </c>
      <c r="I14" s="313">
        <v>7461112</v>
      </c>
      <c r="J14" s="313">
        <v>5665735</v>
      </c>
      <c r="K14" s="313">
        <v>6727768</v>
      </c>
      <c r="L14" s="315">
        <v>34192552</v>
      </c>
      <c r="M14" s="316">
        <v>35417237</v>
      </c>
      <c r="N14" s="312">
        <v>128471</v>
      </c>
      <c r="O14" s="313">
        <v>152612</v>
      </c>
      <c r="P14" s="314">
        <v>281083</v>
      </c>
      <c r="Q14" s="312">
        <v>0</v>
      </c>
      <c r="R14" s="313">
        <v>1819475</v>
      </c>
      <c r="S14" s="313">
        <v>2793105</v>
      </c>
      <c r="T14" s="313">
        <v>2958353</v>
      </c>
      <c r="U14" s="313">
        <v>2461677</v>
      </c>
      <c r="V14" s="313">
        <v>2919799</v>
      </c>
      <c r="W14" s="314">
        <v>12952409</v>
      </c>
      <c r="X14" s="316">
        <v>13233492</v>
      </c>
      <c r="Y14" s="312">
        <v>0</v>
      </c>
      <c r="Z14" s="313">
        <v>0</v>
      </c>
      <c r="AA14" s="314">
        <v>0</v>
      </c>
      <c r="AB14" s="312">
        <v>0</v>
      </c>
      <c r="AC14" s="313">
        <v>693660</v>
      </c>
      <c r="AD14" s="313">
        <v>1032313</v>
      </c>
      <c r="AE14" s="313">
        <v>1922775</v>
      </c>
      <c r="AF14" s="313">
        <v>1051572</v>
      </c>
      <c r="AG14" s="313">
        <v>1984226</v>
      </c>
      <c r="AH14" s="314">
        <v>6684546</v>
      </c>
      <c r="AI14" s="316">
        <v>6684546</v>
      </c>
      <c r="AJ14" s="312">
        <v>0</v>
      </c>
      <c r="AK14" s="313">
        <v>0</v>
      </c>
      <c r="AL14" s="314">
        <v>0</v>
      </c>
      <c r="AM14" s="312">
        <v>0</v>
      </c>
      <c r="AN14" s="313">
        <v>0</v>
      </c>
      <c r="AO14" s="313">
        <v>104926</v>
      </c>
      <c r="AP14" s="313">
        <v>82989</v>
      </c>
      <c r="AQ14" s="313">
        <v>419249</v>
      </c>
      <c r="AR14" s="313">
        <v>180754</v>
      </c>
      <c r="AS14" s="314">
        <v>787918</v>
      </c>
      <c r="AT14" s="316">
        <v>787918</v>
      </c>
      <c r="AU14" s="312">
        <v>109221</v>
      </c>
      <c r="AV14" s="313">
        <v>132116</v>
      </c>
      <c r="AW14" s="314">
        <v>241337</v>
      </c>
      <c r="AX14" s="312">
        <v>0</v>
      </c>
      <c r="AY14" s="313">
        <v>613386</v>
      </c>
      <c r="AZ14" s="313">
        <v>1068229</v>
      </c>
      <c r="BA14" s="313">
        <v>573348</v>
      </c>
      <c r="BB14" s="313">
        <v>617894</v>
      </c>
      <c r="BC14" s="313">
        <v>459895</v>
      </c>
      <c r="BD14" s="314">
        <v>3332752</v>
      </c>
      <c r="BE14" s="316">
        <v>3574089</v>
      </c>
      <c r="BF14" s="312">
        <v>0</v>
      </c>
      <c r="BG14" s="313">
        <v>0</v>
      </c>
      <c r="BH14" s="317">
        <v>0</v>
      </c>
      <c r="BI14" s="318">
        <v>0</v>
      </c>
      <c r="BJ14" s="313">
        <v>156357</v>
      </c>
      <c r="BK14" s="313">
        <v>148613</v>
      </c>
      <c r="BL14" s="313">
        <v>90568</v>
      </c>
      <c r="BM14" s="313">
        <v>69904</v>
      </c>
      <c r="BN14" s="313">
        <v>0</v>
      </c>
      <c r="BO14" s="314">
        <v>465442</v>
      </c>
      <c r="BP14" s="316">
        <v>465442</v>
      </c>
      <c r="BQ14" s="312">
        <v>19250</v>
      </c>
      <c r="BR14" s="313">
        <v>20496</v>
      </c>
      <c r="BS14" s="314">
        <v>39746</v>
      </c>
      <c r="BT14" s="312">
        <v>0</v>
      </c>
      <c r="BU14" s="313">
        <v>356072</v>
      </c>
      <c r="BV14" s="313">
        <v>439024</v>
      </c>
      <c r="BW14" s="313">
        <v>288673</v>
      </c>
      <c r="BX14" s="313">
        <v>303058</v>
      </c>
      <c r="BY14" s="313">
        <v>294924</v>
      </c>
      <c r="BZ14" s="314">
        <v>1681751</v>
      </c>
      <c r="CA14" s="316">
        <v>1721497</v>
      </c>
      <c r="CB14" s="312">
        <v>55173</v>
      </c>
      <c r="CC14" s="313">
        <v>100454</v>
      </c>
      <c r="CD14" s="314">
        <v>155627</v>
      </c>
      <c r="CE14" s="312">
        <v>0</v>
      </c>
      <c r="CF14" s="313">
        <v>1507303</v>
      </c>
      <c r="CG14" s="313">
        <v>1632452</v>
      </c>
      <c r="CH14" s="313">
        <v>1958034</v>
      </c>
      <c r="CI14" s="313">
        <v>639504</v>
      </c>
      <c r="CJ14" s="313">
        <v>705560</v>
      </c>
      <c r="CK14" s="314">
        <v>6442853</v>
      </c>
      <c r="CL14" s="316">
        <v>6598480</v>
      </c>
      <c r="CM14" s="312">
        <v>0</v>
      </c>
      <c r="CN14" s="313">
        <v>0</v>
      </c>
      <c r="CO14" s="314">
        <v>0</v>
      </c>
      <c r="CP14" s="318">
        <v>0</v>
      </c>
      <c r="CQ14" s="313">
        <v>1110490</v>
      </c>
      <c r="CR14" s="313">
        <v>1355047</v>
      </c>
      <c r="CS14" s="313">
        <v>1220362</v>
      </c>
      <c r="CT14" s="313">
        <v>337743</v>
      </c>
      <c r="CU14" s="313">
        <v>522000</v>
      </c>
      <c r="CV14" s="314">
        <v>4545642</v>
      </c>
      <c r="CW14" s="316">
        <v>4545642</v>
      </c>
      <c r="CX14" s="312">
        <v>55173</v>
      </c>
      <c r="CY14" s="313">
        <v>100454</v>
      </c>
      <c r="CZ14" s="314">
        <v>155627</v>
      </c>
      <c r="DA14" s="312">
        <v>0</v>
      </c>
      <c r="DB14" s="313">
        <v>396813</v>
      </c>
      <c r="DC14" s="313">
        <v>277405</v>
      </c>
      <c r="DD14" s="313">
        <v>737672</v>
      </c>
      <c r="DE14" s="313">
        <v>301761</v>
      </c>
      <c r="DF14" s="313">
        <v>183560</v>
      </c>
      <c r="DG14" s="314">
        <v>1897211</v>
      </c>
      <c r="DH14" s="316">
        <v>2052838</v>
      </c>
      <c r="DI14" s="312">
        <v>27582</v>
      </c>
      <c r="DJ14" s="313">
        <v>0</v>
      </c>
      <c r="DK14" s="317">
        <v>27582</v>
      </c>
      <c r="DL14" s="318">
        <v>0</v>
      </c>
      <c r="DM14" s="313">
        <v>409486</v>
      </c>
      <c r="DN14" s="313">
        <v>733632</v>
      </c>
      <c r="DO14" s="313">
        <v>818562</v>
      </c>
      <c r="DP14" s="313">
        <v>336242</v>
      </c>
      <c r="DQ14" s="313">
        <v>490205</v>
      </c>
      <c r="DR14" s="314">
        <v>2788127</v>
      </c>
      <c r="DS14" s="316">
        <v>2815709</v>
      </c>
      <c r="DT14" s="312">
        <v>27582</v>
      </c>
      <c r="DU14" s="313">
        <v>0</v>
      </c>
      <c r="DV14" s="314">
        <v>27582</v>
      </c>
      <c r="DW14" s="312">
        <v>0</v>
      </c>
      <c r="DX14" s="313">
        <v>306287</v>
      </c>
      <c r="DY14" s="313">
        <v>651055</v>
      </c>
      <c r="DZ14" s="313">
        <v>818562</v>
      </c>
      <c r="EA14" s="313">
        <v>311642</v>
      </c>
      <c r="EB14" s="313">
        <v>418365</v>
      </c>
      <c r="EC14" s="314">
        <v>2505911</v>
      </c>
      <c r="ED14" s="316">
        <v>2533493</v>
      </c>
      <c r="EE14" s="312">
        <v>0</v>
      </c>
      <c r="EF14" s="317">
        <v>0</v>
      </c>
      <c r="EG14" s="314">
        <v>0</v>
      </c>
      <c r="EH14" s="312">
        <v>0</v>
      </c>
      <c r="EI14" s="313">
        <v>103199</v>
      </c>
      <c r="EJ14" s="313">
        <v>82577</v>
      </c>
      <c r="EK14" s="313">
        <v>0</v>
      </c>
      <c r="EL14" s="313">
        <v>24600</v>
      </c>
      <c r="EM14" s="313">
        <v>71840</v>
      </c>
      <c r="EN14" s="317">
        <v>282216</v>
      </c>
      <c r="EO14" s="316">
        <v>282216</v>
      </c>
      <c r="EP14" s="312">
        <v>0</v>
      </c>
      <c r="EQ14" s="313">
        <v>0</v>
      </c>
      <c r="ER14" s="317">
        <v>0</v>
      </c>
      <c r="ES14" s="318">
        <v>0</v>
      </c>
      <c r="ET14" s="313">
        <v>0</v>
      </c>
      <c r="EU14" s="313">
        <v>0</v>
      </c>
      <c r="EV14" s="313">
        <v>0</v>
      </c>
      <c r="EW14" s="313">
        <v>0</v>
      </c>
      <c r="EX14" s="313">
        <v>0</v>
      </c>
      <c r="EY14" s="314">
        <v>0</v>
      </c>
      <c r="EZ14" s="316">
        <v>0</v>
      </c>
      <c r="FA14" s="312">
        <v>0</v>
      </c>
      <c r="FB14" s="313">
        <v>0</v>
      </c>
      <c r="FC14" s="317">
        <v>0</v>
      </c>
      <c r="FD14" s="390">
        <v>0</v>
      </c>
      <c r="FE14" s="313">
        <v>0</v>
      </c>
      <c r="FF14" s="313">
        <v>0</v>
      </c>
      <c r="FG14" s="313">
        <v>0</v>
      </c>
      <c r="FH14" s="313">
        <v>0</v>
      </c>
      <c r="FI14" s="313">
        <v>0</v>
      </c>
      <c r="FJ14" s="314">
        <v>0</v>
      </c>
      <c r="FK14" s="316">
        <v>0</v>
      </c>
      <c r="FL14" s="312">
        <v>119798</v>
      </c>
      <c r="FM14" s="313">
        <v>287714</v>
      </c>
      <c r="FN14" s="314">
        <v>407512</v>
      </c>
      <c r="FO14" s="312">
        <v>0</v>
      </c>
      <c r="FP14" s="313">
        <v>239169</v>
      </c>
      <c r="FQ14" s="313">
        <v>876274</v>
      </c>
      <c r="FR14" s="313">
        <v>860167</v>
      </c>
      <c r="FS14" s="313">
        <v>531517</v>
      </c>
      <c r="FT14" s="313">
        <v>351120</v>
      </c>
      <c r="FU14" s="314">
        <v>2858247</v>
      </c>
      <c r="FV14" s="316">
        <v>3265759</v>
      </c>
      <c r="FW14" s="319">
        <v>77910</v>
      </c>
      <c r="FX14" s="313">
        <v>93954</v>
      </c>
      <c r="FY14" s="317">
        <v>171864</v>
      </c>
      <c r="FZ14" s="318">
        <v>0</v>
      </c>
      <c r="GA14" s="313">
        <v>239169</v>
      </c>
      <c r="GB14" s="313">
        <v>768810</v>
      </c>
      <c r="GC14" s="313">
        <v>683529</v>
      </c>
      <c r="GD14" s="313">
        <v>494417</v>
      </c>
      <c r="GE14" s="313">
        <v>330792</v>
      </c>
      <c r="GF14" s="314">
        <v>2516717</v>
      </c>
      <c r="GG14" s="320">
        <v>2688581</v>
      </c>
      <c r="GH14" s="319">
        <v>0</v>
      </c>
      <c r="GI14" s="313">
        <v>0</v>
      </c>
      <c r="GJ14" s="317">
        <v>0</v>
      </c>
      <c r="GK14" s="318">
        <v>0</v>
      </c>
      <c r="GL14" s="313">
        <v>0</v>
      </c>
      <c r="GM14" s="313">
        <v>56364</v>
      </c>
      <c r="GN14" s="313">
        <v>20328</v>
      </c>
      <c r="GO14" s="313">
        <v>23100</v>
      </c>
      <c r="GP14" s="313">
        <v>20328</v>
      </c>
      <c r="GQ14" s="314">
        <v>120120</v>
      </c>
      <c r="GR14" s="316">
        <v>120120</v>
      </c>
      <c r="GS14" s="312">
        <v>41888</v>
      </c>
      <c r="GT14" s="313">
        <v>193760</v>
      </c>
      <c r="GU14" s="314">
        <v>235648</v>
      </c>
      <c r="GV14" s="312">
        <v>0</v>
      </c>
      <c r="GW14" s="313">
        <v>0</v>
      </c>
      <c r="GX14" s="313">
        <v>51100</v>
      </c>
      <c r="GY14" s="313">
        <v>156310</v>
      </c>
      <c r="GZ14" s="313">
        <v>14000</v>
      </c>
      <c r="HA14" s="313">
        <v>0</v>
      </c>
      <c r="HB14" s="317">
        <v>221410</v>
      </c>
      <c r="HC14" s="316">
        <v>457058</v>
      </c>
      <c r="HD14" s="312">
        <v>179837</v>
      </c>
      <c r="HE14" s="313">
        <v>173044</v>
      </c>
      <c r="HF14" s="317">
        <v>352881</v>
      </c>
      <c r="HG14" s="318">
        <v>0</v>
      </c>
      <c r="HH14" s="313">
        <v>2147413</v>
      </c>
      <c r="HI14" s="313">
        <v>2179628</v>
      </c>
      <c r="HJ14" s="313">
        <v>865996</v>
      </c>
      <c r="HK14" s="313">
        <v>1696795</v>
      </c>
      <c r="HL14" s="313">
        <v>2261084</v>
      </c>
      <c r="HM14" s="314">
        <v>9150916</v>
      </c>
      <c r="HN14" s="315">
        <v>9503797</v>
      </c>
      <c r="HO14" s="319">
        <v>0</v>
      </c>
      <c r="HP14" s="313">
        <v>0</v>
      </c>
      <c r="HQ14" s="314">
        <v>0</v>
      </c>
      <c r="HR14" s="312">
        <v>0</v>
      </c>
      <c r="HS14" s="313">
        <v>0</v>
      </c>
      <c r="HT14" s="313">
        <v>0</v>
      </c>
      <c r="HU14" s="313">
        <v>0</v>
      </c>
      <c r="HV14" s="313">
        <v>0</v>
      </c>
      <c r="HW14" s="313">
        <v>0</v>
      </c>
      <c r="HX14" s="317">
        <v>0</v>
      </c>
      <c r="HY14" s="316">
        <v>0</v>
      </c>
      <c r="HZ14" s="321">
        <v>0</v>
      </c>
      <c r="IA14" s="322">
        <v>132234</v>
      </c>
      <c r="IB14" s="323">
        <v>132234</v>
      </c>
      <c r="IC14" s="341">
        <v>0</v>
      </c>
      <c r="ID14" s="342">
        <v>1838442</v>
      </c>
      <c r="IE14" s="343">
        <v>1738515</v>
      </c>
      <c r="IF14" s="344">
        <v>1876451</v>
      </c>
      <c r="IG14" s="342">
        <v>1562959</v>
      </c>
      <c r="IH14" s="344">
        <v>630592</v>
      </c>
      <c r="II14" s="345">
        <v>7646959</v>
      </c>
      <c r="IJ14" s="327">
        <v>7779193</v>
      </c>
      <c r="IK14" s="328">
        <v>0</v>
      </c>
      <c r="IL14" s="329">
        <v>0</v>
      </c>
      <c r="IM14" s="330">
        <v>0</v>
      </c>
      <c r="IN14" s="390">
        <v>0</v>
      </c>
      <c r="IO14" s="331">
        <v>0</v>
      </c>
      <c r="IP14" s="331">
        <v>0</v>
      </c>
      <c r="IQ14" s="331">
        <v>0</v>
      </c>
      <c r="IR14" s="331">
        <v>0</v>
      </c>
      <c r="IS14" s="331">
        <v>0</v>
      </c>
      <c r="IT14" s="332">
        <v>0</v>
      </c>
      <c r="IU14" s="333">
        <v>0</v>
      </c>
      <c r="IV14" s="334">
        <v>0</v>
      </c>
      <c r="IW14" s="331">
        <v>0</v>
      </c>
      <c r="IX14" s="335">
        <v>0</v>
      </c>
      <c r="IY14" s="390">
        <v>0</v>
      </c>
      <c r="IZ14" s="331">
        <v>0</v>
      </c>
      <c r="JA14" s="331">
        <v>0</v>
      </c>
      <c r="JB14" s="331">
        <v>0</v>
      </c>
      <c r="JC14" s="331">
        <v>0</v>
      </c>
      <c r="JD14" s="331">
        <v>0</v>
      </c>
      <c r="JE14" s="335">
        <v>0</v>
      </c>
      <c r="JF14" s="336">
        <v>0</v>
      </c>
      <c r="JG14" s="334">
        <v>0</v>
      </c>
      <c r="JH14" s="331">
        <v>0</v>
      </c>
      <c r="JI14" s="332">
        <v>0</v>
      </c>
      <c r="JJ14" s="337">
        <v>0</v>
      </c>
      <c r="JK14" s="331">
        <v>1109317</v>
      </c>
      <c r="JL14" s="331">
        <v>1077164</v>
      </c>
      <c r="JM14" s="331">
        <v>385514</v>
      </c>
      <c r="JN14" s="331">
        <v>423293</v>
      </c>
      <c r="JO14" s="331">
        <v>63945</v>
      </c>
      <c r="JP14" s="335">
        <v>3059233</v>
      </c>
      <c r="JQ14" s="333">
        <v>3059233</v>
      </c>
      <c r="JR14" s="334">
        <v>0</v>
      </c>
      <c r="JS14" s="331">
        <v>0</v>
      </c>
      <c r="JT14" s="332">
        <v>0</v>
      </c>
      <c r="JU14" s="337">
        <v>0</v>
      </c>
      <c r="JV14" s="331">
        <v>0</v>
      </c>
      <c r="JW14" s="331">
        <v>0</v>
      </c>
      <c r="JX14" s="331">
        <v>0</v>
      </c>
      <c r="JY14" s="331">
        <v>0</v>
      </c>
      <c r="JZ14" s="331">
        <v>101749</v>
      </c>
      <c r="KA14" s="335">
        <v>101749</v>
      </c>
      <c r="KB14" s="333">
        <v>101749</v>
      </c>
      <c r="KC14" s="338">
        <v>0</v>
      </c>
      <c r="KD14" s="339">
        <v>132234</v>
      </c>
      <c r="KE14" s="335">
        <v>132234</v>
      </c>
      <c r="KF14" s="337">
        <v>0</v>
      </c>
      <c r="KG14" s="331">
        <v>113263</v>
      </c>
      <c r="KH14" s="331">
        <v>161819</v>
      </c>
      <c r="KI14" s="331">
        <v>642846</v>
      </c>
      <c r="KJ14" s="331">
        <v>0</v>
      </c>
      <c r="KK14" s="331">
        <v>261849</v>
      </c>
      <c r="KL14" s="335">
        <v>1179777</v>
      </c>
      <c r="KM14" s="340">
        <v>1312011</v>
      </c>
      <c r="KN14" s="328">
        <v>0</v>
      </c>
      <c r="KO14" s="329">
        <v>0</v>
      </c>
      <c r="KP14" s="330">
        <v>0</v>
      </c>
      <c r="KQ14" s="390">
        <v>0</v>
      </c>
      <c r="KR14" s="331">
        <v>615862</v>
      </c>
      <c r="KS14" s="331">
        <v>499532</v>
      </c>
      <c r="KT14" s="331">
        <v>666870</v>
      </c>
      <c r="KU14" s="331">
        <v>682042</v>
      </c>
      <c r="KV14" s="331">
        <v>0</v>
      </c>
      <c r="KW14" s="335">
        <v>2464306</v>
      </c>
      <c r="KX14" s="333">
        <v>2464306</v>
      </c>
      <c r="KY14" s="334">
        <v>0</v>
      </c>
      <c r="KZ14" s="331">
        <v>0</v>
      </c>
      <c r="LA14" s="335">
        <v>0</v>
      </c>
      <c r="LB14" s="390">
        <v>0</v>
      </c>
      <c r="LC14" s="331">
        <v>0</v>
      </c>
      <c r="LD14" s="331">
        <v>0</v>
      </c>
      <c r="LE14" s="331">
        <v>181221</v>
      </c>
      <c r="LF14" s="331">
        <v>197226</v>
      </c>
      <c r="LG14" s="331">
        <v>203049</v>
      </c>
      <c r="LH14" s="335">
        <v>581496</v>
      </c>
      <c r="LI14" s="336">
        <v>581496</v>
      </c>
      <c r="LJ14" s="334">
        <v>0</v>
      </c>
      <c r="LK14" s="331">
        <v>0</v>
      </c>
      <c r="LL14" s="335">
        <v>0</v>
      </c>
      <c r="LM14" s="390">
        <v>0</v>
      </c>
      <c r="LN14" s="331">
        <v>0</v>
      </c>
      <c r="LO14" s="331">
        <v>0</v>
      </c>
      <c r="LP14" s="331">
        <v>0</v>
      </c>
      <c r="LQ14" s="331">
        <v>252674</v>
      </c>
      <c r="LR14" s="331">
        <v>0</v>
      </c>
      <c r="LS14" s="335">
        <v>252674</v>
      </c>
      <c r="LT14" s="333">
        <v>252674</v>
      </c>
      <c r="LU14" s="334">
        <v>0</v>
      </c>
      <c r="LV14" s="331">
        <v>0</v>
      </c>
      <c r="LW14" s="335">
        <v>0</v>
      </c>
      <c r="LX14" s="390">
        <v>0</v>
      </c>
      <c r="LY14" s="331">
        <v>0</v>
      </c>
      <c r="LZ14" s="331">
        <v>0</v>
      </c>
      <c r="MA14" s="331">
        <v>0</v>
      </c>
      <c r="MB14" s="331">
        <v>7724</v>
      </c>
      <c r="MC14" s="331">
        <v>0</v>
      </c>
      <c r="MD14" s="335">
        <v>7724</v>
      </c>
      <c r="ME14" s="336">
        <v>7724</v>
      </c>
      <c r="MF14" s="334">
        <v>0</v>
      </c>
      <c r="MG14" s="331">
        <v>0</v>
      </c>
      <c r="MH14" s="335">
        <v>0</v>
      </c>
      <c r="MI14" s="390">
        <v>0</v>
      </c>
      <c r="MJ14" s="331">
        <v>104596</v>
      </c>
      <c r="MK14" s="331">
        <v>936039</v>
      </c>
      <c r="ML14" s="331">
        <v>3033670</v>
      </c>
      <c r="MM14" s="331">
        <v>3137927</v>
      </c>
      <c r="MN14" s="331">
        <v>1973960</v>
      </c>
      <c r="MO14" s="335">
        <v>9186192</v>
      </c>
      <c r="MP14" s="340">
        <v>9186192</v>
      </c>
      <c r="MQ14" s="334">
        <v>0</v>
      </c>
      <c r="MR14" s="331">
        <v>0</v>
      </c>
      <c r="MS14" s="335">
        <v>0</v>
      </c>
      <c r="MT14" s="390">
        <v>0</v>
      </c>
      <c r="MU14" s="331">
        <v>0</v>
      </c>
      <c r="MV14" s="331">
        <v>0</v>
      </c>
      <c r="MW14" s="331">
        <v>1763461</v>
      </c>
      <c r="MX14" s="331">
        <v>1932902</v>
      </c>
      <c r="MY14" s="331">
        <v>1603084</v>
      </c>
      <c r="MZ14" s="335">
        <v>5299447</v>
      </c>
      <c r="NA14" s="340">
        <v>5299447</v>
      </c>
      <c r="NB14" s="334">
        <v>0</v>
      </c>
      <c r="NC14" s="331">
        <v>0</v>
      </c>
      <c r="ND14" s="335">
        <v>0</v>
      </c>
      <c r="NE14" s="390">
        <v>0</v>
      </c>
      <c r="NF14" s="331">
        <v>104596</v>
      </c>
      <c r="NG14" s="331">
        <v>936039</v>
      </c>
      <c r="NH14" s="331">
        <v>1270209</v>
      </c>
      <c r="NI14" s="331">
        <v>1205025</v>
      </c>
      <c r="NJ14" s="331">
        <v>370876</v>
      </c>
      <c r="NK14" s="335">
        <v>3886745</v>
      </c>
      <c r="NL14" s="333">
        <v>3886745</v>
      </c>
      <c r="NM14" s="334">
        <v>0</v>
      </c>
      <c r="NN14" s="331">
        <v>0</v>
      </c>
      <c r="NO14" s="335">
        <v>0</v>
      </c>
      <c r="NP14" s="390">
        <v>0</v>
      </c>
      <c r="NQ14" s="331">
        <v>0</v>
      </c>
      <c r="NR14" s="331">
        <v>0</v>
      </c>
      <c r="NS14" s="331">
        <v>0</v>
      </c>
      <c r="NT14" s="331">
        <v>0</v>
      </c>
      <c r="NU14" s="331">
        <v>0</v>
      </c>
      <c r="NV14" s="335">
        <v>0</v>
      </c>
      <c r="NW14" s="336">
        <v>0</v>
      </c>
      <c r="NX14" s="334">
        <v>0</v>
      </c>
      <c r="NY14" s="331">
        <v>0</v>
      </c>
      <c r="NZ14" s="335">
        <v>0</v>
      </c>
      <c r="OA14" s="390">
        <v>0</v>
      </c>
      <c r="OB14" s="331">
        <v>0</v>
      </c>
      <c r="OC14" s="331">
        <v>0</v>
      </c>
      <c r="OD14" s="331">
        <v>0</v>
      </c>
      <c r="OE14" s="331">
        <v>0</v>
      </c>
      <c r="OF14" s="331">
        <v>0</v>
      </c>
      <c r="OG14" s="335">
        <v>0</v>
      </c>
      <c r="OH14" s="336">
        <v>0</v>
      </c>
      <c r="OI14" s="334">
        <v>510861</v>
      </c>
      <c r="OJ14" s="331">
        <v>846058</v>
      </c>
      <c r="OK14" s="332">
        <v>1356919</v>
      </c>
      <c r="OL14" s="337">
        <v>0</v>
      </c>
      <c r="OM14" s="331">
        <v>8065884</v>
      </c>
      <c r="ON14" s="331">
        <v>10889645</v>
      </c>
      <c r="OO14" s="331">
        <v>12371233</v>
      </c>
      <c r="OP14" s="331">
        <v>10366621</v>
      </c>
      <c r="OQ14" s="331">
        <v>9332320</v>
      </c>
      <c r="OR14" s="335">
        <v>51025703</v>
      </c>
      <c r="OS14" s="340">
        <v>52382622</v>
      </c>
    </row>
    <row r="15" spans="2:409" s="56" customFormat="1" ht="21" customHeight="1" x14ac:dyDescent="0.2">
      <c r="B15" s="92" t="s">
        <v>9</v>
      </c>
      <c r="C15" s="312">
        <v>799631</v>
      </c>
      <c r="D15" s="313">
        <v>1833957</v>
      </c>
      <c r="E15" s="314">
        <v>2633588</v>
      </c>
      <c r="F15" s="318">
        <v>0</v>
      </c>
      <c r="G15" s="313">
        <v>15013064</v>
      </c>
      <c r="H15" s="313">
        <v>13355880</v>
      </c>
      <c r="I15" s="313">
        <v>14967231</v>
      </c>
      <c r="J15" s="313">
        <v>14439224</v>
      </c>
      <c r="K15" s="313">
        <v>9845036</v>
      </c>
      <c r="L15" s="315">
        <v>67620435</v>
      </c>
      <c r="M15" s="316">
        <v>70254023</v>
      </c>
      <c r="N15" s="312">
        <v>415052</v>
      </c>
      <c r="O15" s="313">
        <v>577125</v>
      </c>
      <c r="P15" s="314">
        <v>992177</v>
      </c>
      <c r="Q15" s="312">
        <v>0</v>
      </c>
      <c r="R15" s="313">
        <v>4733965</v>
      </c>
      <c r="S15" s="313">
        <v>4750354</v>
      </c>
      <c r="T15" s="313">
        <v>5441482</v>
      </c>
      <c r="U15" s="313">
        <v>6132808</v>
      </c>
      <c r="V15" s="313">
        <v>4359265</v>
      </c>
      <c r="W15" s="314">
        <v>25417874</v>
      </c>
      <c r="X15" s="316">
        <v>26410051</v>
      </c>
      <c r="Y15" s="312">
        <v>0</v>
      </c>
      <c r="Z15" s="313">
        <v>0</v>
      </c>
      <c r="AA15" s="314">
        <v>0</v>
      </c>
      <c r="AB15" s="312">
        <v>0</v>
      </c>
      <c r="AC15" s="313">
        <v>1981662</v>
      </c>
      <c r="AD15" s="313">
        <v>2082552</v>
      </c>
      <c r="AE15" s="313">
        <v>3078874</v>
      </c>
      <c r="AF15" s="313">
        <v>3369321</v>
      </c>
      <c r="AG15" s="313">
        <v>2586901</v>
      </c>
      <c r="AH15" s="314">
        <v>13099310</v>
      </c>
      <c r="AI15" s="316">
        <v>13099310</v>
      </c>
      <c r="AJ15" s="312">
        <v>0</v>
      </c>
      <c r="AK15" s="313">
        <v>0</v>
      </c>
      <c r="AL15" s="314">
        <v>0</v>
      </c>
      <c r="AM15" s="312">
        <v>0</v>
      </c>
      <c r="AN15" s="313">
        <v>42851</v>
      </c>
      <c r="AO15" s="313">
        <v>0</v>
      </c>
      <c r="AP15" s="313">
        <v>42851</v>
      </c>
      <c r="AQ15" s="313">
        <v>474542</v>
      </c>
      <c r="AR15" s="313">
        <v>199298</v>
      </c>
      <c r="AS15" s="314">
        <v>759542</v>
      </c>
      <c r="AT15" s="316">
        <v>759542</v>
      </c>
      <c r="AU15" s="312">
        <v>255135</v>
      </c>
      <c r="AV15" s="313">
        <v>444839</v>
      </c>
      <c r="AW15" s="314">
        <v>699974</v>
      </c>
      <c r="AX15" s="312">
        <v>0</v>
      </c>
      <c r="AY15" s="313">
        <v>1726942</v>
      </c>
      <c r="AZ15" s="313">
        <v>1646614</v>
      </c>
      <c r="BA15" s="313">
        <v>1361514</v>
      </c>
      <c r="BB15" s="313">
        <v>1246333</v>
      </c>
      <c r="BC15" s="313">
        <v>969132</v>
      </c>
      <c r="BD15" s="314">
        <v>6950535</v>
      </c>
      <c r="BE15" s="316">
        <v>7650509</v>
      </c>
      <c r="BF15" s="312">
        <v>0</v>
      </c>
      <c r="BG15" s="313">
        <v>0</v>
      </c>
      <c r="BH15" s="317">
        <v>0</v>
      </c>
      <c r="BI15" s="318">
        <v>0</v>
      </c>
      <c r="BJ15" s="313">
        <v>135895</v>
      </c>
      <c r="BK15" s="313">
        <v>213990</v>
      </c>
      <c r="BL15" s="313">
        <v>88423</v>
      </c>
      <c r="BM15" s="313">
        <v>71558</v>
      </c>
      <c r="BN15" s="313">
        <v>54604</v>
      </c>
      <c r="BO15" s="314">
        <v>564470</v>
      </c>
      <c r="BP15" s="316">
        <v>564470</v>
      </c>
      <c r="BQ15" s="312">
        <v>159917</v>
      </c>
      <c r="BR15" s="313">
        <v>132286</v>
      </c>
      <c r="BS15" s="314">
        <v>292203</v>
      </c>
      <c r="BT15" s="312">
        <v>0</v>
      </c>
      <c r="BU15" s="313">
        <v>846615</v>
      </c>
      <c r="BV15" s="313">
        <v>807198</v>
      </c>
      <c r="BW15" s="313">
        <v>869820</v>
      </c>
      <c r="BX15" s="313">
        <v>971054</v>
      </c>
      <c r="BY15" s="313">
        <v>549330</v>
      </c>
      <c r="BZ15" s="314">
        <v>4044017</v>
      </c>
      <c r="CA15" s="316">
        <v>4336220</v>
      </c>
      <c r="CB15" s="312">
        <v>136333</v>
      </c>
      <c r="CC15" s="313">
        <v>385607</v>
      </c>
      <c r="CD15" s="314">
        <v>521940</v>
      </c>
      <c r="CE15" s="312">
        <v>0</v>
      </c>
      <c r="CF15" s="313">
        <v>3464990</v>
      </c>
      <c r="CG15" s="313">
        <v>2569420</v>
      </c>
      <c r="CH15" s="313">
        <v>2198695</v>
      </c>
      <c r="CI15" s="313">
        <v>1336048</v>
      </c>
      <c r="CJ15" s="313">
        <v>428657</v>
      </c>
      <c r="CK15" s="314">
        <v>9997810</v>
      </c>
      <c r="CL15" s="316">
        <v>10519750</v>
      </c>
      <c r="CM15" s="312">
        <v>0</v>
      </c>
      <c r="CN15" s="313">
        <v>0</v>
      </c>
      <c r="CO15" s="314">
        <v>0</v>
      </c>
      <c r="CP15" s="318">
        <v>0</v>
      </c>
      <c r="CQ15" s="313">
        <v>2824108</v>
      </c>
      <c r="CR15" s="313">
        <v>2123169</v>
      </c>
      <c r="CS15" s="313">
        <v>1913256</v>
      </c>
      <c r="CT15" s="313">
        <v>937708</v>
      </c>
      <c r="CU15" s="313">
        <v>214421</v>
      </c>
      <c r="CV15" s="314">
        <v>8012662</v>
      </c>
      <c r="CW15" s="316">
        <v>8012662</v>
      </c>
      <c r="CX15" s="312">
        <v>136333</v>
      </c>
      <c r="CY15" s="313">
        <v>385607</v>
      </c>
      <c r="CZ15" s="314">
        <v>521940</v>
      </c>
      <c r="DA15" s="312">
        <v>0</v>
      </c>
      <c r="DB15" s="313">
        <v>640882</v>
      </c>
      <c r="DC15" s="313">
        <v>446251</v>
      </c>
      <c r="DD15" s="313">
        <v>285439</v>
      </c>
      <c r="DE15" s="313">
        <v>398340</v>
      </c>
      <c r="DF15" s="313">
        <v>214236</v>
      </c>
      <c r="DG15" s="314">
        <v>1985148</v>
      </c>
      <c r="DH15" s="316">
        <v>2507088</v>
      </c>
      <c r="DI15" s="312">
        <v>43332</v>
      </c>
      <c r="DJ15" s="313">
        <v>0</v>
      </c>
      <c r="DK15" s="317">
        <v>43332</v>
      </c>
      <c r="DL15" s="318">
        <v>0</v>
      </c>
      <c r="DM15" s="313">
        <v>264959</v>
      </c>
      <c r="DN15" s="313">
        <v>313339</v>
      </c>
      <c r="DO15" s="313">
        <v>918003</v>
      </c>
      <c r="DP15" s="313">
        <v>1169003</v>
      </c>
      <c r="DQ15" s="313">
        <v>245314</v>
      </c>
      <c r="DR15" s="314">
        <v>2910618</v>
      </c>
      <c r="DS15" s="316">
        <v>2953950</v>
      </c>
      <c r="DT15" s="312">
        <v>43332</v>
      </c>
      <c r="DU15" s="313">
        <v>0</v>
      </c>
      <c r="DV15" s="314">
        <v>43332</v>
      </c>
      <c r="DW15" s="312">
        <v>0</v>
      </c>
      <c r="DX15" s="313">
        <v>202341</v>
      </c>
      <c r="DY15" s="313">
        <v>185831</v>
      </c>
      <c r="DZ15" s="313">
        <v>657608</v>
      </c>
      <c r="EA15" s="313">
        <v>833102</v>
      </c>
      <c r="EB15" s="313">
        <v>207135</v>
      </c>
      <c r="EC15" s="314">
        <v>2086017</v>
      </c>
      <c r="ED15" s="316">
        <v>2129349</v>
      </c>
      <c r="EE15" s="312">
        <v>0</v>
      </c>
      <c r="EF15" s="317">
        <v>0</v>
      </c>
      <c r="EG15" s="314">
        <v>0</v>
      </c>
      <c r="EH15" s="312">
        <v>0</v>
      </c>
      <c r="EI15" s="313">
        <v>62618</v>
      </c>
      <c r="EJ15" s="313">
        <v>127508</v>
      </c>
      <c r="EK15" s="313">
        <v>260395</v>
      </c>
      <c r="EL15" s="313">
        <v>335901</v>
      </c>
      <c r="EM15" s="313">
        <v>38179</v>
      </c>
      <c r="EN15" s="317">
        <v>824601</v>
      </c>
      <c r="EO15" s="316">
        <v>824601</v>
      </c>
      <c r="EP15" s="312">
        <v>0</v>
      </c>
      <c r="EQ15" s="313">
        <v>0</v>
      </c>
      <c r="ER15" s="317">
        <v>0</v>
      </c>
      <c r="ES15" s="318">
        <v>0</v>
      </c>
      <c r="ET15" s="313">
        <v>0</v>
      </c>
      <c r="EU15" s="313">
        <v>0</v>
      </c>
      <c r="EV15" s="313">
        <v>0</v>
      </c>
      <c r="EW15" s="313">
        <v>0</v>
      </c>
      <c r="EX15" s="313">
        <v>0</v>
      </c>
      <c r="EY15" s="314">
        <v>0</v>
      </c>
      <c r="EZ15" s="316">
        <v>0</v>
      </c>
      <c r="FA15" s="312">
        <v>0</v>
      </c>
      <c r="FB15" s="313">
        <v>0</v>
      </c>
      <c r="FC15" s="317">
        <v>0</v>
      </c>
      <c r="FD15" s="390">
        <v>0</v>
      </c>
      <c r="FE15" s="313">
        <v>0</v>
      </c>
      <c r="FF15" s="313">
        <v>0</v>
      </c>
      <c r="FG15" s="313">
        <v>0</v>
      </c>
      <c r="FH15" s="313">
        <v>0</v>
      </c>
      <c r="FI15" s="313">
        <v>0</v>
      </c>
      <c r="FJ15" s="314">
        <v>0</v>
      </c>
      <c r="FK15" s="316">
        <v>0</v>
      </c>
      <c r="FL15" s="312">
        <v>224756</v>
      </c>
      <c r="FM15" s="313">
        <v>140262</v>
      </c>
      <c r="FN15" s="314">
        <v>365018</v>
      </c>
      <c r="FO15" s="312">
        <v>0</v>
      </c>
      <c r="FP15" s="313">
        <v>903772</v>
      </c>
      <c r="FQ15" s="313">
        <v>1269369</v>
      </c>
      <c r="FR15" s="313">
        <v>979891</v>
      </c>
      <c r="FS15" s="313">
        <v>1105485</v>
      </c>
      <c r="FT15" s="313">
        <v>638928</v>
      </c>
      <c r="FU15" s="314">
        <v>4897445</v>
      </c>
      <c r="FV15" s="316">
        <v>5262463</v>
      </c>
      <c r="FW15" s="319">
        <v>168259</v>
      </c>
      <c r="FX15" s="313">
        <v>84262</v>
      </c>
      <c r="FY15" s="317">
        <v>252521</v>
      </c>
      <c r="FZ15" s="318">
        <v>0</v>
      </c>
      <c r="GA15" s="313">
        <v>760046</v>
      </c>
      <c r="GB15" s="313">
        <v>1188509</v>
      </c>
      <c r="GC15" s="313">
        <v>970035</v>
      </c>
      <c r="GD15" s="313">
        <v>912611</v>
      </c>
      <c r="GE15" s="313">
        <v>587503</v>
      </c>
      <c r="GF15" s="314">
        <v>4418704</v>
      </c>
      <c r="GG15" s="320">
        <v>4671225</v>
      </c>
      <c r="GH15" s="319">
        <v>4697</v>
      </c>
      <c r="GI15" s="313">
        <v>0</v>
      </c>
      <c r="GJ15" s="317">
        <v>4697</v>
      </c>
      <c r="GK15" s="318">
        <v>0</v>
      </c>
      <c r="GL15" s="313">
        <v>3726</v>
      </c>
      <c r="GM15" s="313">
        <v>66160</v>
      </c>
      <c r="GN15" s="313">
        <v>9856</v>
      </c>
      <c r="GO15" s="313">
        <v>47694</v>
      </c>
      <c r="GP15" s="313">
        <v>33225</v>
      </c>
      <c r="GQ15" s="314">
        <v>160661</v>
      </c>
      <c r="GR15" s="316">
        <v>165358</v>
      </c>
      <c r="GS15" s="312">
        <v>51800</v>
      </c>
      <c r="GT15" s="313">
        <v>56000</v>
      </c>
      <c r="GU15" s="314">
        <v>107800</v>
      </c>
      <c r="GV15" s="312">
        <v>0</v>
      </c>
      <c r="GW15" s="313">
        <v>140000</v>
      </c>
      <c r="GX15" s="313">
        <v>14700</v>
      </c>
      <c r="GY15" s="313">
        <v>0</v>
      </c>
      <c r="GZ15" s="313">
        <v>145180</v>
      </c>
      <c r="HA15" s="313">
        <v>18200</v>
      </c>
      <c r="HB15" s="317">
        <v>318080</v>
      </c>
      <c r="HC15" s="316">
        <v>425880</v>
      </c>
      <c r="HD15" s="312">
        <v>-19842</v>
      </c>
      <c r="HE15" s="313">
        <v>730963</v>
      </c>
      <c r="HF15" s="317">
        <v>711121</v>
      </c>
      <c r="HG15" s="318">
        <v>0</v>
      </c>
      <c r="HH15" s="313">
        <v>5645378</v>
      </c>
      <c r="HI15" s="313">
        <v>4453398</v>
      </c>
      <c r="HJ15" s="313">
        <v>5429160</v>
      </c>
      <c r="HK15" s="313">
        <v>4695880</v>
      </c>
      <c r="HL15" s="313">
        <v>4172872</v>
      </c>
      <c r="HM15" s="314">
        <v>24396688</v>
      </c>
      <c r="HN15" s="315">
        <v>25107809</v>
      </c>
      <c r="HO15" s="319">
        <v>0</v>
      </c>
      <c r="HP15" s="313">
        <v>0</v>
      </c>
      <c r="HQ15" s="314">
        <v>0</v>
      </c>
      <c r="HR15" s="312">
        <v>0</v>
      </c>
      <c r="HS15" s="313">
        <v>0</v>
      </c>
      <c r="HT15" s="313">
        <v>0</v>
      </c>
      <c r="HU15" s="313">
        <v>0</v>
      </c>
      <c r="HV15" s="313">
        <v>0</v>
      </c>
      <c r="HW15" s="313">
        <v>0</v>
      </c>
      <c r="HX15" s="317">
        <v>0</v>
      </c>
      <c r="HY15" s="316">
        <v>0</v>
      </c>
      <c r="HZ15" s="346">
        <v>0</v>
      </c>
      <c r="IA15" s="347">
        <v>67523</v>
      </c>
      <c r="IB15" s="348">
        <v>67523</v>
      </c>
      <c r="IC15" s="324">
        <v>0</v>
      </c>
      <c r="ID15" s="322">
        <v>1730558</v>
      </c>
      <c r="IE15" s="325">
        <v>1975232</v>
      </c>
      <c r="IF15" s="323">
        <v>2899057</v>
      </c>
      <c r="IG15" s="322">
        <v>2261614</v>
      </c>
      <c r="IH15" s="323">
        <v>1616376</v>
      </c>
      <c r="II15" s="326">
        <v>10482837</v>
      </c>
      <c r="IJ15" s="349">
        <v>10550360</v>
      </c>
      <c r="IK15" s="328">
        <v>0</v>
      </c>
      <c r="IL15" s="329">
        <v>0</v>
      </c>
      <c r="IM15" s="330">
        <v>0</v>
      </c>
      <c r="IN15" s="390">
        <v>0</v>
      </c>
      <c r="IO15" s="331">
        <v>0</v>
      </c>
      <c r="IP15" s="331">
        <v>0</v>
      </c>
      <c r="IQ15" s="331">
        <v>173147</v>
      </c>
      <c r="IR15" s="331">
        <v>0</v>
      </c>
      <c r="IS15" s="331">
        <v>0</v>
      </c>
      <c r="IT15" s="332">
        <v>173147</v>
      </c>
      <c r="IU15" s="333">
        <v>173147</v>
      </c>
      <c r="IV15" s="334">
        <v>0</v>
      </c>
      <c r="IW15" s="331">
        <v>0</v>
      </c>
      <c r="IX15" s="335">
        <v>0</v>
      </c>
      <c r="IY15" s="390">
        <v>0</v>
      </c>
      <c r="IZ15" s="331">
        <v>0</v>
      </c>
      <c r="JA15" s="331">
        <v>0</v>
      </c>
      <c r="JB15" s="331">
        <v>0</v>
      </c>
      <c r="JC15" s="331">
        <v>0</v>
      </c>
      <c r="JD15" s="331">
        <v>0</v>
      </c>
      <c r="JE15" s="335">
        <v>0</v>
      </c>
      <c r="JF15" s="336">
        <v>0</v>
      </c>
      <c r="JG15" s="334">
        <v>0</v>
      </c>
      <c r="JH15" s="331">
        <v>0</v>
      </c>
      <c r="JI15" s="332">
        <v>0</v>
      </c>
      <c r="JJ15" s="337">
        <v>0</v>
      </c>
      <c r="JK15" s="331">
        <v>1055127</v>
      </c>
      <c r="JL15" s="331">
        <v>1170147</v>
      </c>
      <c r="JM15" s="331">
        <v>1327115</v>
      </c>
      <c r="JN15" s="331">
        <v>704623</v>
      </c>
      <c r="JO15" s="331">
        <v>332926</v>
      </c>
      <c r="JP15" s="335">
        <v>4589938</v>
      </c>
      <c r="JQ15" s="333">
        <v>4589938</v>
      </c>
      <c r="JR15" s="334">
        <v>0</v>
      </c>
      <c r="JS15" s="331">
        <v>0</v>
      </c>
      <c r="JT15" s="332">
        <v>0</v>
      </c>
      <c r="JU15" s="337">
        <v>0</v>
      </c>
      <c r="JV15" s="331">
        <v>18406</v>
      </c>
      <c r="JW15" s="331">
        <v>0</v>
      </c>
      <c r="JX15" s="331">
        <v>144629</v>
      </c>
      <c r="JY15" s="331">
        <v>0</v>
      </c>
      <c r="JZ15" s="331">
        <v>0</v>
      </c>
      <c r="KA15" s="335">
        <v>163035</v>
      </c>
      <c r="KB15" s="333">
        <v>163035</v>
      </c>
      <c r="KC15" s="338">
        <v>0</v>
      </c>
      <c r="KD15" s="339">
        <v>67523</v>
      </c>
      <c r="KE15" s="335">
        <v>67523</v>
      </c>
      <c r="KF15" s="337">
        <v>0</v>
      </c>
      <c r="KG15" s="331">
        <v>531863</v>
      </c>
      <c r="KH15" s="331">
        <v>153083</v>
      </c>
      <c r="KI15" s="331">
        <v>201199</v>
      </c>
      <c r="KJ15" s="331">
        <v>0</v>
      </c>
      <c r="KK15" s="331">
        <v>255502</v>
      </c>
      <c r="KL15" s="335">
        <v>1141647</v>
      </c>
      <c r="KM15" s="340">
        <v>1209170</v>
      </c>
      <c r="KN15" s="328">
        <v>0</v>
      </c>
      <c r="KO15" s="329">
        <v>0</v>
      </c>
      <c r="KP15" s="330">
        <v>0</v>
      </c>
      <c r="KQ15" s="390">
        <v>0</v>
      </c>
      <c r="KR15" s="331">
        <v>0</v>
      </c>
      <c r="KS15" s="331">
        <v>313377</v>
      </c>
      <c r="KT15" s="331">
        <v>877910</v>
      </c>
      <c r="KU15" s="331">
        <v>1556991</v>
      </c>
      <c r="KV15" s="331">
        <v>234783</v>
      </c>
      <c r="KW15" s="335">
        <v>2983061</v>
      </c>
      <c r="KX15" s="333">
        <v>2983061</v>
      </c>
      <c r="KY15" s="334">
        <v>0</v>
      </c>
      <c r="KZ15" s="331">
        <v>0</v>
      </c>
      <c r="LA15" s="335">
        <v>0</v>
      </c>
      <c r="LB15" s="390">
        <v>0</v>
      </c>
      <c r="LC15" s="331">
        <v>0</v>
      </c>
      <c r="LD15" s="331">
        <v>157189</v>
      </c>
      <c r="LE15" s="331">
        <v>175057</v>
      </c>
      <c r="LF15" s="331">
        <v>0</v>
      </c>
      <c r="LG15" s="331">
        <v>209028</v>
      </c>
      <c r="LH15" s="335">
        <v>541274</v>
      </c>
      <c r="LI15" s="336">
        <v>541274</v>
      </c>
      <c r="LJ15" s="334">
        <v>0</v>
      </c>
      <c r="LK15" s="331">
        <v>0</v>
      </c>
      <c r="LL15" s="335">
        <v>0</v>
      </c>
      <c r="LM15" s="390">
        <v>0</v>
      </c>
      <c r="LN15" s="331">
        <v>0</v>
      </c>
      <c r="LO15" s="331">
        <v>0</v>
      </c>
      <c r="LP15" s="331">
        <v>0</v>
      </c>
      <c r="LQ15" s="331">
        <v>0</v>
      </c>
      <c r="LR15" s="331">
        <v>0</v>
      </c>
      <c r="LS15" s="335">
        <v>0</v>
      </c>
      <c r="LT15" s="333">
        <v>0</v>
      </c>
      <c r="LU15" s="334">
        <v>0</v>
      </c>
      <c r="LV15" s="331">
        <v>0</v>
      </c>
      <c r="LW15" s="335">
        <v>0</v>
      </c>
      <c r="LX15" s="390">
        <v>0</v>
      </c>
      <c r="LY15" s="331">
        <v>125162</v>
      </c>
      <c r="LZ15" s="331">
        <v>181436</v>
      </c>
      <c r="MA15" s="331">
        <v>0</v>
      </c>
      <c r="MB15" s="331">
        <v>0</v>
      </c>
      <c r="MC15" s="331">
        <v>584137</v>
      </c>
      <c r="MD15" s="335">
        <v>890735</v>
      </c>
      <c r="ME15" s="336">
        <v>890735</v>
      </c>
      <c r="MF15" s="334">
        <v>0</v>
      </c>
      <c r="MG15" s="331">
        <v>0</v>
      </c>
      <c r="MH15" s="335">
        <v>0</v>
      </c>
      <c r="MI15" s="390">
        <v>0</v>
      </c>
      <c r="MJ15" s="331">
        <v>473607</v>
      </c>
      <c r="MK15" s="331">
        <v>1479116</v>
      </c>
      <c r="ML15" s="331">
        <v>5301896</v>
      </c>
      <c r="MM15" s="331">
        <v>7208554</v>
      </c>
      <c r="MN15" s="331">
        <v>4212956</v>
      </c>
      <c r="MO15" s="335">
        <v>18676129</v>
      </c>
      <c r="MP15" s="340">
        <v>18676129</v>
      </c>
      <c r="MQ15" s="334">
        <v>0</v>
      </c>
      <c r="MR15" s="331">
        <v>0</v>
      </c>
      <c r="MS15" s="335">
        <v>0</v>
      </c>
      <c r="MT15" s="390">
        <v>0</v>
      </c>
      <c r="MU15" s="331">
        <v>0</v>
      </c>
      <c r="MV15" s="331">
        <v>0</v>
      </c>
      <c r="MW15" s="331">
        <v>3295098</v>
      </c>
      <c r="MX15" s="331">
        <v>5253505</v>
      </c>
      <c r="MY15" s="331">
        <v>3034684</v>
      </c>
      <c r="MZ15" s="335">
        <v>11583287</v>
      </c>
      <c r="NA15" s="340">
        <v>11583287</v>
      </c>
      <c r="NB15" s="334">
        <v>0</v>
      </c>
      <c r="NC15" s="331">
        <v>0</v>
      </c>
      <c r="ND15" s="335">
        <v>0</v>
      </c>
      <c r="NE15" s="390">
        <v>0</v>
      </c>
      <c r="NF15" s="331">
        <v>473607</v>
      </c>
      <c r="NG15" s="331">
        <v>1479116</v>
      </c>
      <c r="NH15" s="331">
        <v>2006798</v>
      </c>
      <c r="NI15" s="331">
        <v>1955049</v>
      </c>
      <c r="NJ15" s="331">
        <v>1178272</v>
      </c>
      <c r="NK15" s="335">
        <v>7092842</v>
      </c>
      <c r="NL15" s="333">
        <v>7092842</v>
      </c>
      <c r="NM15" s="334">
        <v>0</v>
      </c>
      <c r="NN15" s="331">
        <v>0</v>
      </c>
      <c r="NO15" s="335">
        <v>0</v>
      </c>
      <c r="NP15" s="390">
        <v>0</v>
      </c>
      <c r="NQ15" s="331">
        <v>0</v>
      </c>
      <c r="NR15" s="331">
        <v>0</v>
      </c>
      <c r="NS15" s="331">
        <v>0</v>
      </c>
      <c r="NT15" s="331">
        <v>0</v>
      </c>
      <c r="NU15" s="331">
        <v>0</v>
      </c>
      <c r="NV15" s="335">
        <v>0</v>
      </c>
      <c r="NW15" s="336">
        <v>0</v>
      </c>
      <c r="NX15" s="334">
        <v>0</v>
      </c>
      <c r="NY15" s="331">
        <v>0</v>
      </c>
      <c r="NZ15" s="335">
        <v>0</v>
      </c>
      <c r="OA15" s="390">
        <v>0</v>
      </c>
      <c r="OB15" s="331">
        <v>0</v>
      </c>
      <c r="OC15" s="331">
        <v>0</v>
      </c>
      <c r="OD15" s="331">
        <v>0</v>
      </c>
      <c r="OE15" s="331">
        <v>0</v>
      </c>
      <c r="OF15" s="331">
        <v>0</v>
      </c>
      <c r="OG15" s="335">
        <v>0</v>
      </c>
      <c r="OH15" s="336">
        <v>0</v>
      </c>
      <c r="OI15" s="334">
        <v>799631</v>
      </c>
      <c r="OJ15" s="331">
        <v>1901480</v>
      </c>
      <c r="OK15" s="332">
        <v>2701111</v>
      </c>
      <c r="OL15" s="337">
        <v>0</v>
      </c>
      <c r="OM15" s="331">
        <v>17217229</v>
      </c>
      <c r="ON15" s="331">
        <v>16810228</v>
      </c>
      <c r="OO15" s="331">
        <v>23168184</v>
      </c>
      <c r="OP15" s="331">
        <v>23909392</v>
      </c>
      <c r="OQ15" s="331">
        <v>15674368</v>
      </c>
      <c r="OR15" s="335">
        <v>96779401</v>
      </c>
      <c r="OS15" s="340">
        <v>99480512</v>
      </c>
    </row>
    <row r="16" spans="2:409" s="56" customFormat="1" ht="21" customHeight="1" x14ac:dyDescent="0.2">
      <c r="B16" s="92" t="s">
        <v>10</v>
      </c>
      <c r="C16" s="312">
        <v>1624630</v>
      </c>
      <c r="D16" s="313">
        <v>2919866</v>
      </c>
      <c r="E16" s="314">
        <v>4544496</v>
      </c>
      <c r="F16" s="350">
        <v>0</v>
      </c>
      <c r="G16" s="313">
        <v>18230808</v>
      </c>
      <c r="H16" s="313">
        <v>15554960</v>
      </c>
      <c r="I16" s="313">
        <v>16836272</v>
      </c>
      <c r="J16" s="313">
        <v>15789141</v>
      </c>
      <c r="K16" s="313">
        <v>13497561</v>
      </c>
      <c r="L16" s="315">
        <v>79908742</v>
      </c>
      <c r="M16" s="316">
        <v>84453238</v>
      </c>
      <c r="N16" s="312">
        <v>464785</v>
      </c>
      <c r="O16" s="313">
        <v>1114715</v>
      </c>
      <c r="P16" s="314">
        <v>1579500</v>
      </c>
      <c r="Q16" s="312">
        <v>0</v>
      </c>
      <c r="R16" s="313">
        <v>6269338</v>
      </c>
      <c r="S16" s="313">
        <v>6207501</v>
      </c>
      <c r="T16" s="313">
        <v>6316743</v>
      </c>
      <c r="U16" s="313">
        <v>7320972</v>
      </c>
      <c r="V16" s="313">
        <v>6003149</v>
      </c>
      <c r="W16" s="314">
        <v>32117703</v>
      </c>
      <c r="X16" s="316">
        <v>33697203</v>
      </c>
      <c r="Y16" s="312">
        <v>0</v>
      </c>
      <c r="Z16" s="313">
        <v>0</v>
      </c>
      <c r="AA16" s="314">
        <v>0</v>
      </c>
      <c r="AB16" s="312">
        <v>0</v>
      </c>
      <c r="AC16" s="313">
        <v>2739235</v>
      </c>
      <c r="AD16" s="313">
        <v>3205521</v>
      </c>
      <c r="AE16" s="313">
        <v>4021782</v>
      </c>
      <c r="AF16" s="313">
        <v>4882975</v>
      </c>
      <c r="AG16" s="313">
        <v>3930041</v>
      </c>
      <c r="AH16" s="314">
        <v>18779554</v>
      </c>
      <c r="AI16" s="316">
        <v>18779554</v>
      </c>
      <c r="AJ16" s="312">
        <v>0</v>
      </c>
      <c r="AK16" s="313">
        <v>0</v>
      </c>
      <c r="AL16" s="314">
        <v>0</v>
      </c>
      <c r="AM16" s="312">
        <v>0</v>
      </c>
      <c r="AN16" s="313">
        <v>0</v>
      </c>
      <c r="AO16" s="313">
        <v>115602</v>
      </c>
      <c r="AP16" s="313">
        <v>73565</v>
      </c>
      <c r="AQ16" s="313">
        <v>129084</v>
      </c>
      <c r="AR16" s="313">
        <v>323634</v>
      </c>
      <c r="AS16" s="314">
        <v>641885</v>
      </c>
      <c r="AT16" s="316">
        <v>641885</v>
      </c>
      <c r="AU16" s="312">
        <v>256307</v>
      </c>
      <c r="AV16" s="313">
        <v>762902</v>
      </c>
      <c r="AW16" s="314">
        <v>1019209</v>
      </c>
      <c r="AX16" s="312">
        <v>0</v>
      </c>
      <c r="AY16" s="313">
        <v>2126262</v>
      </c>
      <c r="AZ16" s="313">
        <v>1718598</v>
      </c>
      <c r="BA16" s="313">
        <v>868853</v>
      </c>
      <c r="BB16" s="313">
        <v>1194386</v>
      </c>
      <c r="BC16" s="313">
        <v>638325</v>
      </c>
      <c r="BD16" s="314">
        <v>6546424</v>
      </c>
      <c r="BE16" s="316">
        <v>7565633</v>
      </c>
      <c r="BF16" s="312">
        <v>0</v>
      </c>
      <c r="BG16" s="313">
        <v>97972</v>
      </c>
      <c r="BH16" s="317">
        <v>97972</v>
      </c>
      <c r="BI16" s="318">
        <v>0</v>
      </c>
      <c r="BJ16" s="313">
        <v>351419</v>
      </c>
      <c r="BK16" s="313">
        <v>193408</v>
      </c>
      <c r="BL16" s="313">
        <v>198502</v>
      </c>
      <c r="BM16" s="313">
        <v>66249</v>
      </c>
      <c r="BN16" s="313">
        <v>60561</v>
      </c>
      <c r="BO16" s="314">
        <v>870139</v>
      </c>
      <c r="BP16" s="316">
        <v>968111</v>
      </c>
      <c r="BQ16" s="312">
        <v>208478</v>
      </c>
      <c r="BR16" s="313">
        <v>253841</v>
      </c>
      <c r="BS16" s="314">
        <v>462319</v>
      </c>
      <c r="BT16" s="312">
        <v>0</v>
      </c>
      <c r="BU16" s="313">
        <v>1052422</v>
      </c>
      <c r="BV16" s="313">
        <v>974372</v>
      </c>
      <c r="BW16" s="313">
        <v>1154041</v>
      </c>
      <c r="BX16" s="313">
        <v>1048278</v>
      </c>
      <c r="BY16" s="313">
        <v>1050588</v>
      </c>
      <c r="BZ16" s="314">
        <v>5279701</v>
      </c>
      <c r="CA16" s="316">
        <v>5742020</v>
      </c>
      <c r="CB16" s="312">
        <v>90414</v>
      </c>
      <c r="CC16" s="313">
        <v>102855</v>
      </c>
      <c r="CD16" s="314">
        <v>193269</v>
      </c>
      <c r="CE16" s="312">
        <v>0</v>
      </c>
      <c r="CF16" s="313">
        <v>5630243</v>
      </c>
      <c r="CG16" s="313">
        <v>3642593</v>
      </c>
      <c r="CH16" s="313">
        <v>3415441</v>
      </c>
      <c r="CI16" s="313">
        <v>2260173</v>
      </c>
      <c r="CJ16" s="313">
        <v>982234</v>
      </c>
      <c r="CK16" s="314">
        <v>15930684</v>
      </c>
      <c r="CL16" s="316">
        <v>16123953</v>
      </c>
      <c r="CM16" s="312">
        <v>0</v>
      </c>
      <c r="CN16" s="313">
        <v>0</v>
      </c>
      <c r="CO16" s="314">
        <v>0</v>
      </c>
      <c r="CP16" s="318">
        <v>0</v>
      </c>
      <c r="CQ16" s="313">
        <v>4660327</v>
      </c>
      <c r="CR16" s="313">
        <v>2934378</v>
      </c>
      <c r="CS16" s="313">
        <v>2471448</v>
      </c>
      <c r="CT16" s="313">
        <v>1893406</v>
      </c>
      <c r="CU16" s="313">
        <v>819176</v>
      </c>
      <c r="CV16" s="314">
        <v>12778735</v>
      </c>
      <c r="CW16" s="316">
        <v>12778735</v>
      </c>
      <c r="CX16" s="312">
        <v>90414</v>
      </c>
      <c r="CY16" s="313">
        <v>102855</v>
      </c>
      <c r="CZ16" s="314">
        <v>193269</v>
      </c>
      <c r="DA16" s="312">
        <v>0</v>
      </c>
      <c r="DB16" s="313">
        <v>969916</v>
      </c>
      <c r="DC16" s="313">
        <v>708215</v>
      </c>
      <c r="DD16" s="313">
        <v>943993</v>
      </c>
      <c r="DE16" s="313">
        <v>366767</v>
      </c>
      <c r="DF16" s="313">
        <v>163058</v>
      </c>
      <c r="DG16" s="314">
        <v>3151949</v>
      </c>
      <c r="DH16" s="316">
        <v>3345218</v>
      </c>
      <c r="DI16" s="312">
        <v>0</v>
      </c>
      <c r="DJ16" s="313">
        <v>110023</v>
      </c>
      <c r="DK16" s="317">
        <v>110023</v>
      </c>
      <c r="DL16" s="318">
        <v>0</v>
      </c>
      <c r="DM16" s="313">
        <v>851707</v>
      </c>
      <c r="DN16" s="313">
        <v>680245</v>
      </c>
      <c r="DO16" s="313">
        <v>1469679</v>
      </c>
      <c r="DP16" s="313">
        <v>646910</v>
      </c>
      <c r="DQ16" s="313">
        <v>368068</v>
      </c>
      <c r="DR16" s="314">
        <v>4016609</v>
      </c>
      <c r="DS16" s="316">
        <v>4126632</v>
      </c>
      <c r="DT16" s="312">
        <v>0</v>
      </c>
      <c r="DU16" s="313">
        <v>110023</v>
      </c>
      <c r="DV16" s="314">
        <v>110023</v>
      </c>
      <c r="DW16" s="312">
        <v>0</v>
      </c>
      <c r="DX16" s="313">
        <v>819806</v>
      </c>
      <c r="DY16" s="313">
        <v>526113</v>
      </c>
      <c r="DZ16" s="313">
        <v>1403488</v>
      </c>
      <c r="EA16" s="313">
        <v>496370</v>
      </c>
      <c r="EB16" s="313">
        <v>318319</v>
      </c>
      <c r="EC16" s="314">
        <v>3564096</v>
      </c>
      <c r="ED16" s="316">
        <v>3674119</v>
      </c>
      <c r="EE16" s="312">
        <v>0</v>
      </c>
      <c r="EF16" s="317">
        <v>0</v>
      </c>
      <c r="EG16" s="314">
        <v>0</v>
      </c>
      <c r="EH16" s="312">
        <v>0</v>
      </c>
      <c r="EI16" s="313">
        <v>31901</v>
      </c>
      <c r="EJ16" s="313">
        <v>154132</v>
      </c>
      <c r="EK16" s="313">
        <v>66191</v>
      </c>
      <c r="EL16" s="313">
        <v>150540</v>
      </c>
      <c r="EM16" s="313">
        <v>49749</v>
      </c>
      <c r="EN16" s="317">
        <v>452513</v>
      </c>
      <c r="EO16" s="316">
        <v>452513</v>
      </c>
      <c r="EP16" s="312">
        <v>0</v>
      </c>
      <c r="EQ16" s="313">
        <v>0</v>
      </c>
      <c r="ER16" s="317">
        <v>0</v>
      </c>
      <c r="ES16" s="318">
        <v>0</v>
      </c>
      <c r="ET16" s="313">
        <v>0</v>
      </c>
      <c r="EU16" s="313">
        <v>0</v>
      </c>
      <c r="EV16" s="313">
        <v>0</v>
      </c>
      <c r="EW16" s="313">
        <v>0</v>
      </c>
      <c r="EX16" s="313">
        <v>0</v>
      </c>
      <c r="EY16" s="314">
        <v>0</v>
      </c>
      <c r="EZ16" s="316">
        <v>0</v>
      </c>
      <c r="FA16" s="312">
        <v>0</v>
      </c>
      <c r="FB16" s="313">
        <v>0</v>
      </c>
      <c r="FC16" s="317">
        <v>0</v>
      </c>
      <c r="FD16" s="390">
        <v>0</v>
      </c>
      <c r="FE16" s="313">
        <v>0</v>
      </c>
      <c r="FF16" s="313">
        <v>0</v>
      </c>
      <c r="FG16" s="313">
        <v>0</v>
      </c>
      <c r="FH16" s="313">
        <v>0</v>
      </c>
      <c r="FI16" s="313">
        <v>0</v>
      </c>
      <c r="FJ16" s="314">
        <v>0</v>
      </c>
      <c r="FK16" s="316">
        <v>0</v>
      </c>
      <c r="FL16" s="312">
        <v>634811</v>
      </c>
      <c r="FM16" s="313">
        <v>573377</v>
      </c>
      <c r="FN16" s="314">
        <v>1208188</v>
      </c>
      <c r="FO16" s="312">
        <v>0</v>
      </c>
      <c r="FP16" s="313">
        <v>859425</v>
      </c>
      <c r="FQ16" s="313">
        <v>1318779</v>
      </c>
      <c r="FR16" s="313">
        <v>1248226</v>
      </c>
      <c r="FS16" s="313">
        <v>1054550</v>
      </c>
      <c r="FT16" s="313">
        <v>611737</v>
      </c>
      <c r="FU16" s="314">
        <v>5092717</v>
      </c>
      <c r="FV16" s="316">
        <v>6300905</v>
      </c>
      <c r="FW16" s="319">
        <v>261548</v>
      </c>
      <c r="FX16" s="313">
        <v>541653</v>
      </c>
      <c r="FY16" s="317">
        <v>803201</v>
      </c>
      <c r="FZ16" s="318">
        <v>0</v>
      </c>
      <c r="GA16" s="313">
        <v>809375</v>
      </c>
      <c r="GB16" s="313">
        <v>1215347</v>
      </c>
      <c r="GC16" s="313">
        <v>1053143</v>
      </c>
      <c r="GD16" s="313">
        <v>1054550</v>
      </c>
      <c r="GE16" s="313">
        <v>611737</v>
      </c>
      <c r="GF16" s="314">
        <v>4744152</v>
      </c>
      <c r="GG16" s="320">
        <v>5547353</v>
      </c>
      <c r="GH16" s="319">
        <v>106983</v>
      </c>
      <c r="GI16" s="313">
        <v>31724</v>
      </c>
      <c r="GJ16" s="317">
        <v>138707</v>
      </c>
      <c r="GK16" s="318">
        <v>0</v>
      </c>
      <c r="GL16" s="313">
        <v>50050</v>
      </c>
      <c r="GM16" s="313">
        <v>22792</v>
      </c>
      <c r="GN16" s="313">
        <v>9163</v>
      </c>
      <c r="GO16" s="313">
        <v>0</v>
      </c>
      <c r="GP16" s="313">
        <v>0</v>
      </c>
      <c r="GQ16" s="314">
        <v>82005</v>
      </c>
      <c r="GR16" s="316">
        <v>220712</v>
      </c>
      <c r="GS16" s="312">
        <v>266280</v>
      </c>
      <c r="GT16" s="313">
        <v>0</v>
      </c>
      <c r="GU16" s="314">
        <v>266280</v>
      </c>
      <c r="GV16" s="312">
        <v>0</v>
      </c>
      <c r="GW16" s="313">
        <v>0</v>
      </c>
      <c r="GX16" s="313">
        <v>80640</v>
      </c>
      <c r="GY16" s="313">
        <v>185920</v>
      </c>
      <c r="GZ16" s="313">
        <v>0</v>
      </c>
      <c r="HA16" s="313">
        <v>0</v>
      </c>
      <c r="HB16" s="317">
        <v>266560</v>
      </c>
      <c r="HC16" s="316">
        <v>532840</v>
      </c>
      <c r="HD16" s="312">
        <v>434620</v>
      </c>
      <c r="HE16" s="313">
        <v>1018896</v>
      </c>
      <c r="HF16" s="317">
        <v>1453516</v>
      </c>
      <c r="HG16" s="318">
        <v>0</v>
      </c>
      <c r="HH16" s="313">
        <v>4620095</v>
      </c>
      <c r="HI16" s="313">
        <v>3705842</v>
      </c>
      <c r="HJ16" s="313">
        <v>4386183</v>
      </c>
      <c r="HK16" s="313">
        <v>4506536</v>
      </c>
      <c r="HL16" s="313">
        <v>5532373</v>
      </c>
      <c r="HM16" s="314">
        <v>22751029</v>
      </c>
      <c r="HN16" s="315">
        <v>24204545</v>
      </c>
      <c r="HO16" s="319">
        <v>0</v>
      </c>
      <c r="HP16" s="313">
        <v>0</v>
      </c>
      <c r="HQ16" s="314">
        <v>0</v>
      </c>
      <c r="HR16" s="312">
        <v>0</v>
      </c>
      <c r="HS16" s="313">
        <v>0</v>
      </c>
      <c r="HT16" s="313">
        <v>0</v>
      </c>
      <c r="HU16" s="313">
        <v>0</v>
      </c>
      <c r="HV16" s="313">
        <v>0</v>
      </c>
      <c r="HW16" s="313">
        <v>0</v>
      </c>
      <c r="HX16" s="317">
        <v>0</v>
      </c>
      <c r="HY16" s="316">
        <v>0</v>
      </c>
      <c r="HZ16" s="344">
        <v>42756</v>
      </c>
      <c r="IA16" s="342">
        <v>72873</v>
      </c>
      <c r="IB16" s="344">
        <v>115629</v>
      </c>
      <c r="IC16" s="341">
        <v>0</v>
      </c>
      <c r="ID16" s="342">
        <v>2979722</v>
      </c>
      <c r="IE16" s="343">
        <v>2623383</v>
      </c>
      <c r="IF16" s="344">
        <v>4932760</v>
      </c>
      <c r="IG16" s="342">
        <v>3320333</v>
      </c>
      <c r="IH16" s="344">
        <v>3946043</v>
      </c>
      <c r="II16" s="345">
        <v>17802241</v>
      </c>
      <c r="IJ16" s="344">
        <v>17917870</v>
      </c>
      <c r="IK16" s="328">
        <v>0</v>
      </c>
      <c r="IL16" s="329">
        <v>0</v>
      </c>
      <c r="IM16" s="330">
        <v>0</v>
      </c>
      <c r="IN16" s="390">
        <v>0</v>
      </c>
      <c r="IO16" s="331">
        <v>0</v>
      </c>
      <c r="IP16" s="331">
        <v>0</v>
      </c>
      <c r="IQ16" s="331">
        <v>334144</v>
      </c>
      <c r="IR16" s="331">
        <v>301530</v>
      </c>
      <c r="IS16" s="331">
        <v>257779</v>
      </c>
      <c r="IT16" s="332">
        <v>893453</v>
      </c>
      <c r="IU16" s="333">
        <v>893453</v>
      </c>
      <c r="IV16" s="334">
        <v>0</v>
      </c>
      <c r="IW16" s="331">
        <v>0</v>
      </c>
      <c r="IX16" s="335">
        <v>0</v>
      </c>
      <c r="IY16" s="390">
        <v>0</v>
      </c>
      <c r="IZ16" s="331">
        <v>0</v>
      </c>
      <c r="JA16" s="331">
        <v>9188</v>
      </c>
      <c r="JB16" s="331">
        <v>0</v>
      </c>
      <c r="JC16" s="331">
        <v>0</v>
      </c>
      <c r="JD16" s="331">
        <v>0</v>
      </c>
      <c r="JE16" s="335">
        <v>9188</v>
      </c>
      <c r="JF16" s="336">
        <v>9188</v>
      </c>
      <c r="JG16" s="334">
        <v>0</v>
      </c>
      <c r="JH16" s="331">
        <v>0</v>
      </c>
      <c r="JI16" s="332">
        <v>0</v>
      </c>
      <c r="JJ16" s="337">
        <v>0</v>
      </c>
      <c r="JK16" s="331">
        <v>1021798</v>
      </c>
      <c r="JL16" s="331">
        <v>801069</v>
      </c>
      <c r="JM16" s="331">
        <v>596466</v>
      </c>
      <c r="JN16" s="331">
        <v>312397</v>
      </c>
      <c r="JO16" s="331">
        <v>0</v>
      </c>
      <c r="JP16" s="335">
        <v>2731730</v>
      </c>
      <c r="JQ16" s="333">
        <v>2731730</v>
      </c>
      <c r="JR16" s="334">
        <v>0</v>
      </c>
      <c r="JS16" s="331">
        <v>0</v>
      </c>
      <c r="JT16" s="332">
        <v>0</v>
      </c>
      <c r="JU16" s="337">
        <v>0</v>
      </c>
      <c r="JV16" s="331">
        <v>180608</v>
      </c>
      <c r="JW16" s="331">
        <v>0</v>
      </c>
      <c r="JX16" s="331">
        <v>91730</v>
      </c>
      <c r="JY16" s="331">
        <v>232186</v>
      </c>
      <c r="JZ16" s="331">
        <v>0</v>
      </c>
      <c r="KA16" s="335">
        <v>504524</v>
      </c>
      <c r="KB16" s="333">
        <v>504524</v>
      </c>
      <c r="KC16" s="338">
        <v>42756</v>
      </c>
      <c r="KD16" s="339">
        <v>72873</v>
      </c>
      <c r="KE16" s="335">
        <v>115629</v>
      </c>
      <c r="KF16" s="337">
        <v>0</v>
      </c>
      <c r="KG16" s="331">
        <v>536215</v>
      </c>
      <c r="KH16" s="331">
        <v>432547</v>
      </c>
      <c r="KI16" s="331">
        <v>818289</v>
      </c>
      <c r="KJ16" s="331">
        <v>239320</v>
      </c>
      <c r="KK16" s="331">
        <v>132069</v>
      </c>
      <c r="KL16" s="335">
        <v>2158440</v>
      </c>
      <c r="KM16" s="340">
        <v>2274069</v>
      </c>
      <c r="KN16" s="328">
        <v>0</v>
      </c>
      <c r="KO16" s="329">
        <v>0</v>
      </c>
      <c r="KP16" s="330">
        <v>0</v>
      </c>
      <c r="KQ16" s="390">
        <v>0</v>
      </c>
      <c r="KR16" s="331">
        <v>834191</v>
      </c>
      <c r="KS16" s="331">
        <v>1225782</v>
      </c>
      <c r="KT16" s="331">
        <v>2026796</v>
      </c>
      <c r="KU16" s="331">
        <v>1139483</v>
      </c>
      <c r="KV16" s="331">
        <v>2095596</v>
      </c>
      <c r="KW16" s="335">
        <v>7321848</v>
      </c>
      <c r="KX16" s="333">
        <v>7321848</v>
      </c>
      <c r="KY16" s="334">
        <v>0</v>
      </c>
      <c r="KZ16" s="331">
        <v>0</v>
      </c>
      <c r="LA16" s="335">
        <v>0</v>
      </c>
      <c r="LB16" s="390">
        <v>0</v>
      </c>
      <c r="LC16" s="331">
        <v>136750</v>
      </c>
      <c r="LD16" s="331">
        <v>154797</v>
      </c>
      <c r="LE16" s="331">
        <v>858929</v>
      </c>
      <c r="LF16" s="331">
        <v>350247</v>
      </c>
      <c r="LG16" s="331">
        <v>750241</v>
      </c>
      <c r="LH16" s="335">
        <v>2250964</v>
      </c>
      <c r="LI16" s="336">
        <v>2250964</v>
      </c>
      <c r="LJ16" s="334">
        <v>0</v>
      </c>
      <c r="LK16" s="331">
        <v>0</v>
      </c>
      <c r="LL16" s="335">
        <v>0</v>
      </c>
      <c r="LM16" s="390">
        <v>0</v>
      </c>
      <c r="LN16" s="331">
        <v>0</v>
      </c>
      <c r="LO16" s="331">
        <v>0</v>
      </c>
      <c r="LP16" s="331">
        <v>206406</v>
      </c>
      <c r="LQ16" s="331">
        <v>476226</v>
      </c>
      <c r="LR16" s="331">
        <v>0</v>
      </c>
      <c r="LS16" s="335">
        <v>682632</v>
      </c>
      <c r="LT16" s="333">
        <v>682632</v>
      </c>
      <c r="LU16" s="334">
        <v>0</v>
      </c>
      <c r="LV16" s="331">
        <v>0</v>
      </c>
      <c r="LW16" s="335">
        <v>0</v>
      </c>
      <c r="LX16" s="390">
        <v>0</v>
      </c>
      <c r="LY16" s="331">
        <v>270160</v>
      </c>
      <c r="LZ16" s="331">
        <v>0</v>
      </c>
      <c r="MA16" s="331">
        <v>0</v>
      </c>
      <c r="MB16" s="331">
        <v>268944</v>
      </c>
      <c r="MC16" s="331">
        <v>710358</v>
      </c>
      <c r="MD16" s="335">
        <v>1249462</v>
      </c>
      <c r="ME16" s="336">
        <v>1249462</v>
      </c>
      <c r="MF16" s="334">
        <v>0</v>
      </c>
      <c r="MG16" s="331">
        <v>0</v>
      </c>
      <c r="MH16" s="335">
        <v>0</v>
      </c>
      <c r="MI16" s="390">
        <v>0</v>
      </c>
      <c r="MJ16" s="331">
        <v>940121</v>
      </c>
      <c r="MK16" s="331">
        <v>2295936</v>
      </c>
      <c r="ML16" s="331">
        <v>3602410</v>
      </c>
      <c r="MM16" s="331">
        <v>9147653</v>
      </c>
      <c r="MN16" s="331">
        <v>6131645</v>
      </c>
      <c r="MO16" s="335">
        <v>22117765</v>
      </c>
      <c r="MP16" s="340">
        <v>22117765</v>
      </c>
      <c r="MQ16" s="334">
        <v>0</v>
      </c>
      <c r="MR16" s="331">
        <v>0</v>
      </c>
      <c r="MS16" s="335">
        <v>0</v>
      </c>
      <c r="MT16" s="390">
        <v>0</v>
      </c>
      <c r="MU16" s="331">
        <v>0</v>
      </c>
      <c r="MV16" s="331">
        <v>0</v>
      </c>
      <c r="MW16" s="331">
        <v>2192605</v>
      </c>
      <c r="MX16" s="331">
        <v>5660521</v>
      </c>
      <c r="MY16" s="331">
        <v>4680790</v>
      </c>
      <c r="MZ16" s="335">
        <v>12533916</v>
      </c>
      <c r="NA16" s="340">
        <v>12533916</v>
      </c>
      <c r="NB16" s="334">
        <v>0</v>
      </c>
      <c r="NC16" s="331">
        <v>0</v>
      </c>
      <c r="ND16" s="335">
        <v>0</v>
      </c>
      <c r="NE16" s="390">
        <v>0</v>
      </c>
      <c r="NF16" s="331">
        <v>940121</v>
      </c>
      <c r="NG16" s="331">
        <v>2295936</v>
      </c>
      <c r="NH16" s="331">
        <v>1126399</v>
      </c>
      <c r="NI16" s="331">
        <v>3487132</v>
      </c>
      <c r="NJ16" s="331">
        <v>816133</v>
      </c>
      <c r="NK16" s="335">
        <v>8665721</v>
      </c>
      <c r="NL16" s="333">
        <v>8665721</v>
      </c>
      <c r="NM16" s="334">
        <v>0</v>
      </c>
      <c r="NN16" s="331">
        <v>0</v>
      </c>
      <c r="NO16" s="335">
        <v>0</v>
      </c>
      <c r="NP16" s="390">
        <v>0</v>
      </c>
      <c r="NQ16" s="331">
        <v>0</v>
      </c>
      <c r="NR16" s="331">
        <v>0</v>
      </c>
      <c r="NS16" s="331">
        <v>0</v>
      </c>
      <c r="NT16" s="331">
        <v>0</v>
      </c>
      <c r="NU16" s="331">
        <v>0</v>
      </c>
      <c r="NV16" s="335">
        <v>0</v>
      </c>
      <c r="NW16" s="336">
        <v>0</v>
      </c>
      <c r="NX16" s="334">
        <v>0</v>
      </c>
      <c r="NY16" s="331">
        <v>0</v>
      </c>
      <c r="NZ16" s="335">
        <v>0</v>
      </c>
      <c r="OA16" s="390">
        <v>0</v>
      </c>
      <c r="OB16" s="331">
        <v>0</v>
      </c>
      <c r="OC16" s="331">
        <v>0</v>
      </c>
      <c r="OD16" s="331">
        <v>283406</v>
      </c>
      <c r="OE16" s="331">
        <v>0</v>
      </c>
      <c r="OF16" s="331">
        <v>634722</v>
      </c>
      <c r="OG16" s="335">
        <v>918128</v>
      </c>
      <c r="OH16" s="336">
        <v>918128</v>
      </c>
      <c r="OI16" s="334">
        <v>1667386</v>
      </c>
      <c r="OJ16" s="331">
        <v>2992739</v>
      </c>
      <c r="OK16" s="332">
        <v>4660125</v>
      </c>
      <c r="OL16" s="337">
        <v>0</v>
      </c>
      <c r="OM16" s="331">
        <v>22150651</v>
      </c>
      <c r="ON16" s="331">
        <v>20474279</v>
      </c>
      <c r="OO16" s="331">
        <v>25371442</v>
      </c>
      <c r="OP16" s="331">
        <v>28257127</v>
      </c>
      <c r="OQ16" s="331">
        <v>23575249</v>
      </c>
      <c r="OR16" s="335">
        <v>119828748</v>
      </c>
      <c r="OS16" s="340">
        <v>124488873</v>
      </c>
    </row>
    <row r="17" spans="2:409" s="56" customFormat="1" ht="21" customHeight="1" x14ac:dyDescent="0.2">
      <c r="B17" s="92" t="s">
        <v>11</v>
      </c>
      <c r="C17" s="312">
        <v>534458</v>
      </c>
      <c r="D17" s="313">
        <v>763440</v>
      </c>
      <c r="E17" s="351">
        <v>1297898</v>
      </c>
      <c r="F17" s="318">
        <v>0</v>
      </c>
      <c r="G17" s="313">
        <v>6255970</v>
      </c>
      <c r="H17" s="313">
        <v>5860945</v>
      </c>
      <c r="I17" s="313">
        <v>4385366</v>
      </c>
      <c r="J17" s="313">
        <v>6995136</v>
      </c>
      <c r="K17" s="313">
        <v>4896686</v>
      </c>
      <c r="L17" s="315">
        <v>28394103</v>
      </c>
      <c r="M17" s="316">
        <v>29692001</v>
      </c>
      <c r="N17" s="312">
        <v>114641</v>
      </c>
      <c r="O17" s="313">
        <v>71645</v>
      </c>
      <c r="P17" s="314">
        <v>186286</v>
      </c>
      <c r="Q17" s="312">
        <v>0</v>
      </c>
      <c r="R17" s="313">
        <v>1541575</v>
      </c>
      <c r="S17" s="313">
        <v>1662404</v>
      </c>
      <c r="T17" s="313">
        <v>826562</v>
      </c>
      <c r="U17" s="313">
        <v>1983739</v>
      </c>
      <c r="V17" s="313">
        <v>1487066</v>
      </c>
      <c r="W17" s="314">
        <v>7501346</v>
      </c>
      <c r="X17" s="316">
        <v>7687632</v>
      </c>
      <c r="Y17" s="312">
        <v>0</v>
      </c>
      <c r="Z17" s="313">
        <v>0</v>
      </c>
      <c r="AA17" s="314">
        <v>0</v>
      </c>
      <c r="AB17" s="312">
        <v>0</v>
      </c>
      <c r="AC17" s="313">
        <v>480946</v>
      </c>
      <c r="AD17" s="313">
        <v>440767</v>
      </c>
      <c r="AE17" s="313">
        <v>358017</v>
      </c>
      <c r="AF17" s="313">
        <v>859704</v>
      </c>
      <c r="AG17" s="313">
        <v>844860</v>
      </c>
      <c r="AH17" s="314">
        <v>2984294</v>
      </c>
      <c r="AI17" s="316">
        <v>2984294</v>
      </c>
      <c r="AJ17" s="312">
        <v>0</v>
      </c>
      <c r="AK17" s="313">
        <v>0</v>
      </c>
      <c r="AL17" s="314">
        <v>0</v>
      </c>
      <c r="AM17" s="312">
        <v>0</v>
      </c>
      <c r="AN17" s="313">
        <v>0</v>
      </c>
      <c r="AO17" s="313">
        <v>65520</v>
      </c>
      <c r="AP17" s="313">
        <v>0</v>
      </c>
      <c r="AQ17" s="313">
        <v>296161</v>
      </c>
      <c r="AR17" s="313">
        <v>39594</v>
      </c>
      <c r="AS17" s="314">
        <v>401275</v>
      </c>
      <c r="AT17" s="316">
        <v>401275</v>
      </c>
      <c r="AU17" s="312">
        <v>75623</v>
      </c>
      <c r="AV17" s="313">
        <v>38227</v>
      </c>
      <c r="AW17" s="314">
        <v>113850</v>
      </c>
      <c r="AX17" s="312">
        <v>0</v>
      </c>
      <c r="AY17" s="313">
        <v>777450</v>
      </c>
      <c r="AZ17" s="313">
        <v>707763</v>
      </c>
      <c r="BA17" s="313">
        <v>149361</v>
      </c>
      <c r="BB17" s="313">
        <v>539449</v>
      </c>
      <c r="BC17" s="313">
        <v>341731</v>
      </c>
      <c r="BD17" s="314">
        <v>2515754</v>
      </c>
      <c r="BE17" s="316">
        <v>2629604</v>
      </c>
      <c r="BF17" s="312">
        <v>0</v>
      </c>
      <c r="BG17" s="313">
        <v>0</v>
      </c>
      <c r="BH17" s="317">
        <v>0</v>
      </c>
      <c r="BI17" s="318">
        <v>0</v>
      </c>
      <c r="BJ17" s="313">
        <v>26755</v>
      </c>
      <c r="BK17" s="313">
        <v>97038</v>
      </c>
      <c r="BL17" s="313">
        <v>98271</v>
      </c>
      <c r="BM17" s="313">
        <v>13654</v>
      </c>
      <c r="BN17" s="313">
        <v>56488</v>
      </c>
      <c r="BO17" s="314">
        <v>292206</v>
      </c>
      <c r="BP17" s="316">
        <v>292206</v>
      </c>
      <c r="BQ17" s="312">
        <v>39018</v>
      </c>
      <c r="BR17" s="313">
        <v>33418</v>
      </c>
      <c r="BS17" s="314">
        <v>72436</v>
      </c>
      <c r="BT17" s="312">
        <v>0</v>
      </c>
      <c r="BU17" s="313">
        <v>256424</v>
      </c>
      <c r="BV17" s="313">
        <v>351316</v>
      </c>
      <c r="BW17" s="313">
        <v>220913</v>
      </c>
      <c r="BX17" s="313">
        <v>274771</v>
      </c>
      <c r="BY17" s="313">
        <v>204393</v>
      </c>
      <c r="BZ17" s="314">
        <v>1307817</v>
      </c>
      <c r="CA17" s="316">
        <v>1380253</v>
      </c>
      <c r="CB17" s="312">
        <v>88504</v>
      </c>
      <c r="CC17" s="313">
        <v>263003</v>
      </c>
      <c r="CD17" s="314">
        <v>351507</v>
      </c>
      <c r="CE17" s="312">
        <v>0</v>
      </c>
      <c r="CF17" s="313">
        <v>1285716</v>
      </c>
      <c r="CG17" s="313">
        <v>1205868</v>
      </c>
      <c r="CH17" s="313">
        <v>1246650</v>
      </c>
      <c r="CI17" s="313">
        <v>1053368</v>
      </c>
      <c r="CJ17" s="313">
        <v>297144</v>
      </c>
      <c r="CK17" s="314">
        <v>5088746</v>
      </c>
      <c r="CL17" s="316">
        <v>5440253</v>
      </c>
      <c r="CM17" s="312">
        <v>0</v>
      </c>
      <c r="CN17" s="313">
        <v>0</v>
      </c>
      <c r="CO17" s="314">
        <v>0</v>
      </c>
      <c r="CP17" s="318">
        <v>0</v>
      </c>
      <c r="CQ17" s="313">
        <v>933852</v>
      </c>
      <c r="CR17" s="313">
        <v>817800</v>
      </c>
      <c r="CS17" s="313">
        <v>841306</v>
      </c>
      <c r="CT17" s="313">
        <v>777137</v>
      </c>
      <c r="CU17" s="313">
        <v>256468</v>
      </c>
      <c r="CV17" s="314">
        <v>3626563</v>
      </c>
      <c r="CW17" s="316">
        <v>3626563</v>
      </c>
      <c r="CX17" s="312">
        <v>88504</v>
      </c>
      <c r="CY17" s="313">
        <v>263003</v>
      </c>
      <c r="CZ17" s="314">
        <v>351507</v>
      </c>
      <c r="DA17" s="312">
        <v>0</v>
      </c>
      <c r="DB17" s="313">
        <v>351864</v>
      </c>
      <c r="DC17" s="313">
        <v>388068</v>
      </c>
      <c r="DD17" s="313">
        <v>405344</v>
      </c>
      <c r="DE17" s="313">
        <v>276231</v>
      </c>
      <c r="DF17" s="313">
        <v>40676</v>
      </c>
      <c r="DG17" s="314">
        <v>1462183</v>
      </c>
      <c r="DH17" s="316">
        <v>1813690</v>
      </c>
      <c r="DI17" s="312">
        <v>0</v>
      </c>
      <c r="DJ17" s="313">
        <v>0</v>
      </c>
      <c r="DK17" s="317">
        <v>0</v>
      </c>
      <c r="DL17" s="318">
        <v>0</v>
      </c>
      <c r="DM17" s="313">
        <v>36052</v>
      </c>
      <c r="DN17" s="313">
        <v>66811</v>
      </c>
      <c r="DO17" s="313">
        <v>269023</v>
      </c>
      <c r="DP17" s="313">
        <v>303391</v>
      </c>
      <c r="DQ17" s="313">
        <v>604943</v>
      </c>
      <c r="DR17" s="314">
        <v>1280220</v>
      </c>
      <c r="DS17" s="316">
        <v>1280220</v>
      </c>
      <c r="DT17" s="312">
        <v>0</v>
      </c>
      <c r="DU17" s="313">
        <v>0</v>
      </c>
      <c r="DV17" s="314">
        <v>0</v>
      </c>
      <c r="DW17" s="312">
        <v>0</v>
      </c>
      <c r="DX17" s="313">
        <v>36052</v>
      </c>
      <c r="DY17" s="313">
        <v>66811</v>
      </c>
      <c r="DZ17" s="313">
        <v>193028</v>
      </c>
      <c r="EA17" s="313">
        <v>277482</v>
      </c>
      <c r="EB17" s="313">
        <v>464130</v>
      </c>
      <c r="EC17" s="314">
        <v>1037503</v>
      </c>
      <c r="ED17" s="316">
        <v>1037503</v>
      </c>
      <c r="EE17" s="312">
        <v>0</v>
      </c>
      <c r="EF17" s="317">
        <v>0</v>
      </c>
      <c r="EG17" s="314">
        <v>0</v>
      </c>
      <c r="EH17" s="312">
        <v>0</v>
      </c>
      <c r="EI17" s="313">
        <v>0</v>
      </c>
      <c r="EJ17" s="313">
        <v>0</v>
      </c>
      <c r="EK17" s="313">
        <v>75995</v>
      </c>
      <c r="EL17" s="313">
        <v>25909</v>
      </c>
      <c r="EM17" s="313">
        <v>140813</v>
      </c>
      <c r="EN17" s="317">
        <v>242717</v>
      </c>
      <c r="EO17" s="316">
        <v>242717</v>
      </c>
      <c r="EP17" s="312">
        <v>0</v>
      </c>
      <c r="EQ17" s="313">
        <v>0</v>
      </c>
      <c r="ER17" s="317">
        <v>0</v>
      </c>
      <c r="ES17" s="318">
        <v>0</v>
      </c>
      <c r="ET17" s="313">
        <v>0</v>
      </c>
      <c r="EU17" s="313">
        <v>0</v>
      </c>
      <c r="EV17" s="313">
        <v>0</v>
      </c>
      <c r="EW17" s="313">
        <v>0</v>
      </c>
      <c r="EX17" s="313">
        <v>0</v>
      </c>
      <c r="EY17" s="314">
        <v>0</v>
      </c>
      <c r="EZ17" s="316">
        <v>0</v>
      </c>
      <c r="FA17" s="312">
        <v>0</v>
      </c>
      <c r="FB17" s="313">
        <v>0</v>
      </c>
      <c r="FC17" s="317">
        <v>0</v>
      </c>
      <c r="FD17" s="390">
        <v>0</v>
      </c>
      <c r="FE17" s="313">
        <v>0</v>
      </c>
      <c r="FF17" s="313">
        <v>0</v>
      </c>
      <c r="FG17" s="313">
        <v>0</v>
      </c>
      <c r="FH17" s="313">
        <v>0</v>
      </c>
      <c r="FI17" s="313">
        <v>0</v>
      </c>
      <c r="FJ17" s="314">
        <v>0</v>
      </c>
      <c r="FK17" s="316">
        <v>0</v>
      </c>
      <c r="FL17" s="312">
        <v>85708</v>
      </c>
      <c r="FM17" s="313">
        <v>178080</v>
      </c>
      <c r="FN17" s="314">
        <v>263788</v>
      </c>
      <c r="FO17" s="312">
        <v>0</v>
      </c>
      <c r="FP17" s="313">
        <v>471282</v>
      </c>
      <c r="FQ17" s="313">
        <v>739844</v>
      </c>
      <c r="FR17" s="313">
        <v>329714</v>
      </c>
      <c r="FS17" s="313">
        <v>548037</v>
      </c>
      <c r="FT17" s="313">
        <v>243222</v>
      </c>
      <c r="FU17" s="314">
        <v>2332099</v>
      </c>
      <c r="FV17" s="316">
        <v>2595887</v>
      </c>
      <c r="FW17" s="319">
        <v>85708</v>
      </c>
      <c r="FX17" s="313">
        <v>139272</v>
      </c>
      <c r="FY17" s="317">
        <v>224980</v>
      </c>
      <c r="FZ17" s="318">
        <v>0</v>
      </c>
      <c r="GA17" s="313">
        <v>261982</v>
      </c>
      <c r="GB17" s="313">
        <v>598927</v>
      </c>
      <c r="GC17" s="313">
        <v>308154</v>
      </c>
      <c r="GD17" s="313">
        <v>508221</v>
      </c>
      <c r="GE17" s="313">
        <v>243222</v>
      </c>
      <c r="GF17" s="314">
        <v>1920506</v>
      </c>
      <c r="GG17" s="320">
        <v>2145486</v>
      </c>
      <c r="GH17" s="319">
        <v>0</v>
      </c>
      <c r="GI17" s="313">
        <v>38808</v>
      </c>
      <c r="GJ17" s="317">
        <v>38808</v>
      </c>
      <c r="GK17" s="318">
        <v>0</v>
      </c>
      <c r="GL17" s="313">
        <v>0</v>
      </c>
      <c r="GM17" s="313">
        <v>21128</v>
      </c>
      <c r="GN17" s="313">
        <v>21560</v>
      </c>
      <c r="GO17" s="313">
        <v>27566</v>
      </c>
      <c r="GP17" s="313">
        <v>0</v>
      </c>
      <c r="GQ17" s="314">
        <v>70254</v>
      </c>
      <c r="GR17" s="316">
        <v>109062</v>
      </c>
      <c r="GS17" s="312">
        <v>0</v>
      </c>
      <c r="GT17" s="313">
        <v>0</v>
      </c>
      <c r="GU17" s="314">
        <v>0</v>
      </c>
      <c r="GV17" s="312">
        <v>0</v>
      </c>
      <c r="GW17" s="313">
        <v>209300</v>
      </c>
      <c r="GX17" s="313">
        <v>119789</v>
      </c>
      <c r="GY17" s="313">
        <v>0</v>
      </c>
      <c r="GZ17" s="313">
        <v>12250</v>
      </c>
      <c r="HA17" s="313">
        <v>0</v>
      </c>
      <c r="HB17" s="317">
        <v>341339</v>
      </c>
      <c r="HC17" s="316">
        <v>341339</v>
      </c>
      <c r="HD17" s="312">
        <v>245605</v>
      </c>
      <c r="HE17" s="313">
        <v>250712</v>
      </c>
      <c r="HF17" s="317">
        <v>496317</v>
      </c>
      <c r="HG17" s="318">
        <v>0</v>
      </c>
      <c r="HH17" s="313">
        <v>2921345</v>
      </c>
      <c r="HI17" s="313">
        <v>2186018</v>
      </c>
      <c r="HJ17" s="313">
        <v>1713417</v>
      </c>
      <c r="HK17" s="313">
        <v>3106601</v>
      </c>
      <c r="HL17" s="313">
        <v>2264311</v>
      </c>
      <c r="HM17" s="314">
        <v>12191692</v>
      </c>
      <c r="HN17" s="315">
        <v>12688009</v>
      </c>
      <c r="HO17" s="319">
        <v>0</v>
      </c>
      <c r="HP17" s="313">
        <v>0</v>
      </c>
      <c r="HQ17" s="314">
        <v>0</v>
      </c>
      <c r="HR17" s="312">
        <v>0</v>
      </c>
      <c r="HS17" s="313">
        <v>0</v>
      </c>
      <c r="HT17" s="313">
        <v>0</v>
      </c>
      <c r="HU17" s="313">
        <v>0</v>
      </c>
      <c r="HV17" s="313">
        <v>0</v>
      </c>
      <c r="HW17" s="313">
        <v>0</v>
      </c>
      <c r="HX17" s="317">
        <v>0</v>
      </c>
      <c r="HY17" s="316">
        <v>0</v>
      </c>
      <c r="HZ17" s="321">
        <v>0</v>
      </c>
      <c r="IA17" s="322">
        <v>135002</v>
      </c>
      <c r="IB17" s="323">
        <v>135002</v>
      </c>
      <c r="IC17" s="324">
        <v>0</v>
      </c>
      <c r="ID17" s="322">
        <v>1064362</v>
      </c>
      <c r="IE17" s="325">
        <v>2396552</v>
      </c>
      <c r="IF17" s="323">
        <v>1485691</v>
      </c>
      <c r="IG17" s="322">
        <v>992125</v>
      </c>
      <c r="IH17" s="323">
        <v>21432</v>
      </c>
      <c r="II17" s="326">
        <v>5960162</v>
      </c>
      <c r="IJ17" s="327">
        <v>6095164</v>
      </c>
      <c r="IK17" s="328">
        <v>0</v>
      </c>
      <c r="IL17" s="329">
        <v>0</v>
      </c>
      <c r="IM17" s="330">
        <v>0</v>
      </c>
      <c r="IN17" s="390">
        <v>0</v>
      </c>
      <c r="IO17" s="331">
        <v>0</v>
      </c>
      <c r="IP17" s="331">
        <v>323481</v>
      </c>
      <c r="IQ17" s="331">
        <v>0</v>
      </c>
      <c r="IR17" s="331">
        <v>0</v>
      </c>
      <c r="IS17" s="331">
        <v>0</v>
      </c>
      <c r="IT17" s="332">
        <v>323481</v>
      </c>
      <c r="IU17" s="333">
        <v>323481</v>
      </c>
      <c r="IV17" s="334">
        <v>0</v>
      </c>
      <c r="IW17" s="331">
        <v>0</v>
      </c>
      <c r="IX17" s="335">
        <v>0</v>
      </c>
      <c r="IY17" s="390">
        <v>0</v>
      </c>
      <c r="IZ17" s="331">
        <v>0</v>
      </c>
      <c r="JA17" s="331">
        <v>0</v>
      </c>
      <c r="JB17" s="331">
        <v>0</v>
      </c>
      <c r="JC17" s="331">
        <v>14657</v>
      </c>
      <c r="JD17" s="331">
        <v>0</v>
      </c>
      <c r="JE17" s="335">
        <v>14657</v>
      </c>
      <c r="JF17" s="336">
        <v>14657</v>
      </c>
      <c r="JG17" s="334">
        <v>0</v>
      </c>
      <c r="JH17" s="331">
        <v>0</v>
      </c>
      <c r="JI17" s="332">
        <v>0</v>
      </c>
      <c r="JJ17" s="337">
        <v>0</v>
      </c>
      <c r="JK17" s="331">
        <v>846529</v>
      </c>
      <c r="JL17" s="331">
        <v>592187</v>
      </c>
      <c r="JM17" s="331">
        <v>353481</v>
      </c>
      <c r="JN17" s="331">
        <v>474973</v>
      </c>
      <c r="JO17" s="331">
        <v>21432</v>
      </c>
      <c r="JP17" s="335">
        <v>2288602</v>
      </c>
      <c r="JQ17" s="333">
        <v>2288602</v>
      </c>
      <c r="JR17" s="334">
        <v>0</v>
      </c>
      <c r="JS17" s="331">
        <v>0</v>
      </c>
      <c r="JT17" s="332">
        <v>0</v>
      </c>
      <c r="JU17" s="337">
        <v>0</v>
      </c>
      <c r="JV17" s="331">
        <v>217833</v>
      </c>
      <c r="JW17" s="331">
        <v>57048</v>
      </c>
      <c r="JX17" s="331">
        <v>0</v>
      </c>
      <c r="JY17" s="331">
        <v>0</v>
      </c>
      <c r="JZ17" s="331">
        <v>0</v>
      </c>
      <c r="KA17" s="335">
        <v>274881</v>
      </c>
      <c r="KB17" s="333">
        <v>274881</v>
      </c>
      <c r="KC17" s="338">
        <v>0</v>
      </c>
      <c r="KD17" s="339">
        <v>135002</v>
      </c>
      <c r="KE17" s="335">
        <v>135002</v>
      </c>
      <c r="KF17" s="337">
        <v>0</v>
      </c>
      <c r="KG17" s="331">
        <v>0</v>
      </c>
      <c r="KH17" s="331">
        <v>589416</v>
      </c>
      <c r="KI17" s="331">
        <v>449006</v>
      </c>
      <c r="KJ17" s="331">
        <v>469337</v>
      </c>
      <c r="KK17" s="331">
        <v>0</v>
      </c>
      <c r="KL17" s="335">
        <v>1507759</v>
      </c>
      <c r="KM17" s="340">
        <v>1642761</v>
      </c>
      <c r="KN17" s="328">
        <v>0</v>
      </c>
      <c r="KO17" s="329">
        <v>0</v>
      </c>
      <c r="KP17" s="330">
        <v>0</v>
      </c>
      <c r="KQ17" s="390">
        <v>0</v>
      </c>
      <c r="KR17" s="331">
        <v>0</v>
      </c>
      <c r="KS17" s="331">
        <v>662210</v>
      </c>
      <c r="KT17" s="331">
        <v>683204</v>
      </c>
      <c r="KU17" s="331">
        <v>33158</v>
      </c>
      <c r="KV17" s="331">
        <v>0</v>
      </c>
      <c r="KW17" s="335">
        <v>1378572</v>
      </c>
      <c r="KX17" s="333">
        <v>1378572</v>
      </c>
      <c r="KY17" s="334">
        <v>0</v>
      </c>
      <c r="KZ17" s="331">
        <v>0</v>
      </c>
      <c r="LA17" s="335">
        <v>0</v>
      </c>
      <c r="LB17" s="390">
        <v>0</v>
      </c>
      <c r="LC17" s="331">
        <v>0</v>
      </c>
      <c r="LD17" s="331">
        <v>0</v>
      </c>
      <c r="LE17" s="331">
        <v>0</v>
      </c>
      <c r="LF17" s="331">
        <v>0</v>
      </c>
      <c r="LG17" s="331">
        <v>0</v>
      </c>
      <c r="LH17" s="335">
        <v>0</v>
      </c>
      <c r="LI17" s="336">
        <v>0</v>
      </c>
      <c r="LJ17" s="334">
        <v>0</v>
      </c>
      <c r="LK17" s="331">
        <v>0</v>
      </c>
      <c r="LL17" s="335">
        <v>0</v>
      </c>
      <c r="LM17" s="390">
        <v>0</v>
      </c>
      <c r="LN17" s="331">
        <v>0</v>
      </c>
      <c r="LO17" s="331">
        <v>0</v>
      </c>
      <c r="LP17" s="331">
        <v>0</v>
      </c>
      <c r="LQ17" s="331">
        <v>0</v>
      </c>
      <c r="LR17" s="331">
        <v>0</v>
      </c>
      <c r="LS17" s="335">
        <v>0</v>
      </c>
      <c r="LT17" s="333">
        <v>0</v>
      </c>
      <c r="LU17" s="334">
        <v>0</v>
      </c>
      <c r="LV17" s="331">
        <v>0</v>
      </c>
      <c r="LW17" s="335">
        <v>0</v>
      </c>
      <c r="LX17" s="390">
        <v>0</v>
      </c>
      <c r="LY17" s="331">
        <v>0</v>
      </c>
      <c r="LZ17" s="331">
        <v>172210</v>
      </c>
      <c r="MA17" s="331">
        <v>0</v>
      </c>
      <c r="MB17" s="331">
        <v>0</v>
      </c>
      <c r="MC17" s="331">
        <v>0</v>
      </c>
      <c r="MD17" s="335">
        <v>172210</v>
      </c>
      <c r="ME17" s="336">
        <v>172210</v>
      </c>
      <c r="MF17" s="334">
        <v>0</v>
      </c>
      <c r="MG17" s="331">
        <v>0</v>
      </c>
      <c r="MH17" s="335">
        <v>0</v>
      </c>
      <c r="MI17" s="390">
        <v>0</v>
      </c>
      <c r="MJ17" s="331">
        <v>0</v>
      </c>
      <c r="MK17" s="331">
        <v>200594</v>
      </c>
      <c r="ML17" s="331">
        <v>2352106</v>
      </c>
      <c r="MM17" s="331">
        <v>2236391</v>
      </c>
      <c r="MN17" s="331">
        <v>2954488</v>
      </c>
      <c r="MO17" s="335">
        <v>7743579</v>
      </c>
      <c r="MP17" s="340">
        <v>7743579</v>
      </c>
      <c r="MQ17" s="334">
        <v>0</v>
      </c>
      <c r="MR17" s="331">
        <v>0</v>
      </c>
      <c r="MS17" s="335">
        <v>0</v>
      </c>
      <c r="MT17" s="390">
        <v>0</v>
      </c>
      <c r="MU17" s="331">
        <v>0</v>
      </c>
      <c r="MV17" s="331">
        <v>0</v>
      </c>
      <c r="MW17" s="331">
        <v>1528281</v>
      </c>
      <c r="MX17" s="331">
        <v>1365352</v>
      </c>
      <c r="MY17" s="331">
        <v>1821640</v>
      </c>
      <c r="MZ17" s="335">
        <v>4715273</v>
      </c>
      <c r="NA17" s="340">
        <v>4715273</v>
      </c>
      <c r="NB17" s="334">
        <v>0</v>
      </c>
      <c r="NC17" s="331">
        <v>0</v>
      </c>
      <c r="ND17" s="335">
        <v>0</v>
      </c>
      <c r="NE17" s="390">
        <v>0</v>
      </c>
      <c r="NF17" s="331">
        <v>0</v>
      </c>
      <c r="NG17" s="331">
        <v>200594</v>
      </c>
      <c r="NH17" s="331">
        <v>823825</v>
      </c>
      <c r="NI17" s="331">
        <v>871039</v>
      </c>
      <c r="NJ17" s="331">
        <v>850521</v>
      </c>
      <c r="NK17" s="335">
        <v>2745979</v>
      </c>
      <c r="NL17" s="333">
        <v>2745979</v>
      </c>
      <c r="NM17" s="334">
        <v>0</v>
      </c>
      <c r="NN17" s="331">
        <v>0</v>
      </c>
      <c r="NO17" s="335">
        <v>0</v>
      </c>
      <c r="NP17" s="390">
        <v>0</v>
      </c>
      <c r="NQ17" s="331">
        <v>0</v>
      </c>
      <c r="NR17" s="331">
        <v>0</v>
      </c>
      <c r="NS17" s="331">
        <v>0</v>
      </c>
      <c r="NT17" s="331">
        <v>0</v>
      </c>
      <c r="NU17" s="331">
        <v>0</v>
      </c>
      <c r="NV17" s="335">
        <v>0</v>
      </c>
      <c r="NW17" s="336">
        <v>0</v>
      </c>
      <c r="NX17" s="334">
        <v>0</v>
      </c>
      <c r="NY17" s="331">
        <v>0</v>
      </c>
      <c r="NZ17" s="335">
        <v>0</v>
      </c>
      <c r="OA17" s="390">
        <v>0</v>
      </c>
      <c r="OB17" s="331">
        <v>0</v>
      </c>
      <c r="OC17" s="331">
        <v>0</v>
      </c>
      <c r="OD17" s="331">
        <v>0</v>
      </c>
      <c r="OE17" s="331">
        <v>0</v>
      </c>
      <c r="OF17" s="331">
        <v>282327</v>
      </c>
      <c r="OG17" s="335">
        <v>282327</v>
      </c>
      <c r="OH17" s="336">
        <v>282327</v>
      </c>
      <c r="OI17" s="334">
        <v>534458</v>
      </c>
      <c r="OJ17" s="331">
        <v>898442</v>
      </c>
      <c r="OK17" s="332">
        <v>1432900</v>
      </c>
      <c r="OL17" s="337">
        <v>0</v>
      </c>
      <c r="OM17" s="331">
        <v>7320332</v>
      </c>
      <c r="ON17" s="331">
        <v>8458091</v>
      </c>
      <c r="OO17" s="331">
        <v>8223163</v>
      </c>
      <c r="OP17" s="331">
        <v>10223652</v>
      </c>
      <c r="OQ17" s="331">
        <v>7872606</v>
      </c>
      <c r="OR17" s="335">
        <v>42097844</v>
      </c>
      <c r="OS17" s="340">
        <v>43530744</v>
      </c>
    </row>
    <row r="18" spans="2:409" s="56" customFormat="1" ht="21" customHeight="1" x14ac:dyDescent="0.2">
      <c r="B18" s="92" t="s">
        <v>12</v>
      </c>
      <c r="C18" s="312">
        <v>1029130</v>
      </c>
      <c r="D18" s="313">
        <v>2640273</v>
      </c>
      <c r="E18" s="314">
        <v>3669403</v>
      </c>
      <c r="F18" s="315">
        <v>0</v>
      </c>
      <c r="G18" s="313">
        <v>6227612</v>
      </c>
      <c r="H18" s="352">
        <v>8673899</v>
      </c>
      <c r="I18" s="352">
        <v>9100089</v>
      </c>
      <c r="J18" s="352">
        <v>7778048</v>
      </c>
      <c r="K18" s="352">
        <v>5953212</v>
      </c>
      <c r="L18" s="317">
        <v>37732860</v>
      </c>
      <c r="M18" s="316">
        <v>41402263</v>
      </c>
      <c r="N18" s="312">
        <v>381557</v>
      </c>
      <c r="O18" s="313">
        <v>1120844</v>
      </c>
      <c r="P18" s="314">
        <v>1502401</v>
      </c>
      <c r="Q18" s="312">
        <v>0</v>
      </c>
      <c r="R18" s="313">
        <v>1906534</v>
      </c>
      <c r="S18" s="313">
        <v>3037192</v>
      </c>
      <c r="T18" s="313">
        <v>2794842</v>
      </c>
      <c r="U18" s="313">
        <v>3221811</v>
      </c>
      <c r="V18" s="313">
        <v>2099967</v>
      </c>
      <c r="W18" s="314">
        <v>13060346</v>
      </c>
      <c r="X18" s="316">
        <v>14562747</v>
      </c>
      <c r="Y18" s="312">
        <v>0</v>
      </c>
      <c r="Z18" s="313">
        <v>0</v>
      </c>
      <c r="AA18" s="314">
        <v>0</v>
      </c>
      <c r="AB18" s="312">
        <v>0</v>
      </c>
      <c r="AC18" s="313">
        <v>1043606</v>
      </c>
      <c r="AD18" s="313">
        <v>1281699</v>
      </c>
      <c r="AE18" s="313">
        <v>1959376</v>
      </c>
      <c r="AF18" s="313">
        <v>1601203</v>
      </c>
      <c r="AG18" s="313">
        <v>1149956</v>
      </c>
      <c r="AH18" s="314">
        <v>7035840</v>
      </c>
      <c r="AI18" s="316">
        <v>7035840</v>
      </c>
      <c r="AJ18" s="312">
        <v>0</v>
      </c>
      <c r="AK18" s="313">
        <v>0</v>
      </c>
      <c r="AL18" s="314">
        <v>0</v>
      </c>
      <c r="AM18" s="312">
        <v>0</v>
      </c>
      <c r="AN18" s="313">
        <v>0</v>
      </c>
      <c r="AO18" s="313">
        <v>157243</v>
      </c>
      <c r="AP18" s="313">
        <v>42439</v>
      </c>
      <c r="AQ18" s="313">
        <v>271352</v>
      </c>
      <c r="AR18" s="313">
        <v>165974</v>
      </c>
      <c r="AS18" s="314">
        <v>637008</v>
      </c>
      <c r="AT18" s="316">
        <v>637008</v>
      </c>
      <c r="AU18" s="312">
        <v>291379</v>
      </c>
      <c r="AV18" s="313">
        <v>998944</v>
      </c>
      <c r="AW18" s="314">
        <v>1290323</v>
      </c>
      <c r="AX18" s="312">
        <v>0</v>
      </c>
      <c r="AY18" s="313">
        <v>578246</v>
      </c>
      <c r="AZ18" s="313">
        <v>1246875</v>
      </c>
      <c r="BA18" s="313">
        <v>335534</v>
      </c>
      <c r="BB18" s="313">
        <v>862873</v>
      </c>
      <c r="BC18" s="313">
        <v>510484</v>
      </c>
      <c r="BD18" s="314">
        <v>3534012</v>
      </c>
      <c r="BE18" s="316">
        <v>4824335</v>
      </c>
      <c r="BF18" s="312">
        <v>33674</v>
      </c>
      <c r="BG18" s="313">
        <v>12140</v>
      </c>
      <c r="BH18" s="317">
        <v>45814</v>
      </c>
      <c r="BI18" s="318">
        <v>0</v>
      </c>
      <c r="BJ18" s="313">
        <v>52261</v>
      </c>
      <c r="BK18" s="313">
        <v>21696</v>
      </c>
      <c r="BL18" s="313">
        <v>92275</v>
      </c>
      <c r="BM18" s="313">
        <v>102699</v>
      </c>
      <c r="BN18" s="313">
        <v>31024</v>
      </c>
      <c r="BO18" s="314">
        <v>299955</v>
      </c>
      <c r="BP18" s="316">
        <v>345769</v>
      </c>
      <c r="BQ18" s="312">
        <v>56504</v>
      </c>
      <c r="BR18" s="313">
        <v>109760</v>
      </c>
      <c r="BS18" s="314">
        <v>166264</v>
      </c>
      <c r="BT18" s="312">
        <v>0</v>
      </c>
      <c r="BU18" s="313">
        <v>232421</v>
      </c>
      <c r="BV18" s="313">
        <v>329679</v>
      </c>
      <c r="BW18" s="313">
        <v>365218</v>
      </c>
      <c r="BX18" s="313">
        <v>383684</v>
      </c>
      <c r="BY18" s="313">
        <v>242529</v>
      </c>
      <c r="BZ18" s="314">
        <v>1553531</v>
      </c>
      <c r="CA18" s="316">
        <v>1719795</v>
      </c>
      <c r="CB18" s="312">
        <v>135826</v>
      </c>
      <c r="CC18" s="313">
        <v>345713</v>
      </c>
      <c r="CD18" s="314">
        <v>481539</v>
      </c>
      <c r="CE18" s="312">
        <v>0</v>
      </c>
      <c r="CF18" s="313">
        <v>2322102</v>
      </c>
      <c r="CG18" s="313">
        <v>2495321</v>
      </c>
      <c r="CH18" s="313">
        <v>1998502</v>
      </c>
      <c r="CI18" s="313">
        <v>760838</v>
      </c>
      <c r="CJ18" s="313">
        <v>754311</v>
      </c>
      <c r="CK18" s="314">
        <v>8331074</v>
      </c>
      <c r="CL18" s="316">
        <v>8812613</v>
      </c>
      <c r="CM18" s="312">
        <v>0</v>
      </c>
      <c r="CN18" s="313">
        <v>0</v>
      </c>
      <c r="CO18" s="314">
        <v>0</v>
      </c>
      <c r="CP18" s="318">
        <v>0</v>
      </c>
      <c r="CQ18" s="313">
        <v>1799602</v>
      </c>
      <c r="CR18" s="313">
        <v>1943066</v>
      </c>
      <c r="CS18" s="313">
        <v>1461192</v>
      </c>
      <c r="CT18" s="313">
        <v>530546</v>
      </c>
      <c r="CU18" s="313">
        <v>732977</v>
      </c>
      <c r="CV18" s="314">
        <v>6467383</v>
      </c>
      <c r="CW18" s="316">
        <v>6467383</v>
      </c>
      <c r="CX18" s="312">
        <v>135826</v>
      </c>
      <c r="CY18" s="313">
        <v>345713</v>
      </c>
      <c r="CZ18" s="314">
        <v>481539</v>
      </c>
      <c r="DA18" s="312">
        <v>0</v>
      </c>
      <c r="DB18" s="313">
        <v>522500</v>
      </c>
      <c r="DC18" s="313">
        <v>552255</v>
      </c>
      <c r="DD18" s="313">
        <v>537310</v>
      </c>
      <c r="DE18" s="313">
        <v>230292</v>
      </c>
      <c r="DF18" s="313">
        <v>21334</v>
      </c>
      <c r="DG18" s="314">
        <v>1863691</v>
      </c>
      <c r="DH18" s="316">
        <v>2345230</v>
      </c>
      <c r="DI18" s="312">
        <v>5560</v>
      </c>
      <c r="DJ18" s="313">
        <v>49850</v>
      </c>
      <c r="DK18" s="317">
        <v>55410</v>
      </c>
      <c r="DL18" s="318">
        <v>0</v>
      </c>
      <c r="DM18" s="313">
        <v>425548</v>
      </c>
      <c r="DN18" s="313">
        <v>381714</v>
      </c>
      <c r="DO18" s="313">
        <v>876253</v>
      </c>
      <c r="DP18" s="313">
        <v>321132</v>
      </c>
      <c r="DQ18" s="313">
        <v>247046</v>
      </c>
      <c r="DR18" s="314">
        <v>2251693</v>
      </c>
      <c r="DS18" s="316">
        <v>2307103</v>
      </c>
      <c r="DT18" s="312">
        <v>5560</v>
      </c>
      <c r="DU18" s="313">
        <v>49850</v>
      </c>
      <c r="DV18" s="314">
        <v>55410</v>
      </c>
      <c r="DW18" s="312">
        <v>0</v>
      </c>
      <c r="DX18" s="313">
        <v>425548</v>
      </c>
      <c r="DY18" s="313">
        <v>381714</v>
      </c>
      <c r="DZ18" s="313">
        <v>842567</v>
      </c>
      <c r="EA18" s="313">
        <v>321132</v>
      </c>
      <c r="EB18" s="313">
        <v>55349</v>
      </c>
      <c r="EC18" s="314">
        <v>2026310</v>
      </c>
      <c r="ED18" s="316">
        <v>2081720</v>
      </c>
      <c r="EE18" s="312">
        <v>0</v>
      </c>
      <c r="EF18" s="317">
        <v>0</v>
      </c>
      <c r="EG18" s="314">
        <v>0</v>
      </c>
      <c r="EH18" s="312">
        <v>0</v>
      </c>
      <c r="EI18" s="313">
        <v>0</v>
      </c>
      <c r="EJ18" s="313">
        <v>0</v>
      </c>
      <c r="EK18" s="313">
        <v>33686</v>
      </c>
      <c r="EL18" s="313">
        <v>0</v>
      </c>
      <c r="EM18" s="313">
        <v>191697</v>
      </c>
      <c r="EN18" s="317">
        <v>225383</v>
      </c>
      <c r="EO18" s="316">
        <v>225383</v>
      </c>
      <c r="EP18" s="312">
        <v>0</v>
      </c>
      <c r="EQ18" s="313">
        <v>0</v>
      </c>
      <c r="ER18" s="317">
        <v>0</v>
      </c>
      <c r="ES18" s="318">
        <v>0</v>
      </c>
      <c r="ET18" s="313">
        <v>0</v>
      </c>
      <c r="EU18" s="313">
        <v>0</v>
      </c>
      <c r="EV18" s="313">
        <v>0</v>
      </c>
      <c r="EW18" s="313">
        <v>0</v>
      </c>
      <c r="EX18" s="313">
        <v>0</v>
      </c>
      <c r="EY18" s="314">
        <v>0</v>
      </c>
      <c r="EZ18" s="316">
        <v>0</v>
      </c>
      <c r="FA18" s="312">
        <v>0</v>
      </c>
      <c r="FB18" s="313">
        <v>0</v>
      </c>
      <c r="FC18" s="317">
        <v>0</v>
      </c>
      <c r="FD18" s="390">
        <v>0</v>
      </c>
      <c r="FE18" s="313">
        <v>0</v>
      </c>
      <c r="FF18" s="313">
        <v>0</v>
      </c>
      <c r="FG18" s="313">
        <v>0</v>
      </c>
      <c r="FH18" s="313">
        <v>0</v>
      </c>
      <c r="FI18" s="313">
        <v>0</v>
      </c>
      <c r="FJ18" s="314">
        <v>0</v>
      </c>
      <c r="FK18" s="316">
        <v>0</v>
      </c>
      <c r="FL18" s="312">
        <v>246400</v>
      </c>
      <c r="FM18" s="313">
        <v>494536</v>
      </c>
      <c r="FN18" s="314">
        <v>740936</v>
      </c>
      <c r="FO18" s="312">
        <v>0</v>
      </c>
      <c r="FP18" s="313">
        <v>326788</v>
      </c>
      <c r="FQ18" s="313">
        <v>852999</v>
      </c>
      <c r="FR18" s="313">
        <v>770105</v>
      </c>
      <c r="FS18" s="313">
        <v>1005571</v>
      </c>
      <c r="FT18" s="313">
        <v>524475</v>
      </c>
      <c r="FU18" s="314">
        <v>3479938</v>
      </c>
      <c r="FV18" s="316">
        <v>4220874</v>
      </c>
      <c r="FW18" s="319">
        <v>129703</v>
      </c>
      <c r="FX18" s="313">
        <v>330925</v>
      </c>
      <c r="FY18" s="317">
        <v>460628</v>
      </c>
      <c r="FZ18" s="318">
        <v>0</v>
      </c>
      <c r="GA18" s="313">
        <v>308308</v>
      </c>
      <c r="GB18" s="313">
        <v>816347</v>
      </c>
      <c r="GC18" s="313">
        <v>645057</v>
      </c>
      <c r="GD18" s="313">
        <v>806911</v>
      </c>
      <c r="GE18" s="313">
        <v>427910</v>
      </c>
      <c r="GF18" s="314">
        <v>3004533</v>
      </c>
      <c r="GG18" s="320">
        <v>3465161</v>
      </c>
      <c r="GH18" s="319">
        <v>66297</v>
      </c>
      <c r="GI18" s="313">
        <v>26411</v>
      </c>
      <c r="GJ18" s="317">
        <v>92708</v>
      </c>
      <c r="GK18" s="318">
        <v>0</v>
      </c>
      <c r="GL18" s="313">
        <v>18480</v>
      </c>
      <c r="GM18" s="313">
        <v>36652</v>
      </c>
      <c r="GN18" s="313">
        <v>34034</v>
      </c>
      <c r="GO18" s="313">
        <v>80080</v>
      </c>
      <c r="GP18" s="313">
        <v>96565</v>
      </c>
      <c r="GQ18" s="314">
        <v>265811</v>
      </c>
      <c r="GR18" s="316">
        <v>358519</v>
      </c>
      <c r="GS18" s="312">
        <v>50400</v>
      </c>
      <c r="GT18" s="313">
        <v>137200</v>
      </c>
      <c r="GU18" s="314">
        <v>187600</v>
      </c>
      <c r="GV18" s="312">
        <v>0</v>
      </c>
      <c r="GW18" s="313">
        <v>0</v>
      </c>
      <c r="GX18" s="313">
        <v>0</v>
      </c>
      <c r="GY18" s="313">
        <v>91014</v>
      </c>
      <c r="GZ18" s="313">
        <v>118580</v>
      </c>
      <c r="HA18" s="313">
        <v>0</v>
      </c>
      <c r="HB18" s="317">
        <v>209594</v>
      </c>
      <c r="HC18" s="316">
        <v>397194</v>
      </c>
      <c r="HD18" s="312">
        <v>259787</v>
      </c>
      <c r="HE18" s="313">
        <v>629330</v>
      </c>
      <c r="HF18" s="317">
        <v>889117</v>
      </c>
      <c r="HG18" s="318">
        <v>0</v>
      </c>
      <c r="HH18" s="313">
        <v>1246640</v>
      </c>
      <c r="HI18" s="313">
        <v>1906673</v>
      </c>
      <c r="HJ18" s="313">
        <v>2660387</v>
      </c>
      <c r="HK18" s="313">
        <v>2468696</v>
      </c>
      <c r="HL18" s="313">
        <v>2327413</v>
      </c>
      <c r="HM18" s="314">
        <v>10609809</v>
      </c>
      <c r="HN18" s="315">
        <v>11498926</v>
      </c>
      <c r="HO18" s="319">
        <v>0</v>
      </c>
      <c r="HP18" s="313">
        <v>0</v>
      </c>
      <c r="HQ18" s="314">
        <v>0</v>
      </c>
      <c r="HR18" s="312">
        <v>0</v>
      </c>
      <c r="HS18" s="313">
        <v>0</v>
      </c>
      <c r="HT18" s="313">
        <v>0</v>
      </c>
      <c r="HU18" s="313">
        <v>0</v>
      </c>
      <c r="HV18" s="313">
        <v>0</v>
      </c>
      <c r="HW18" s="313">
        <v>0</v>
      </c>
      <c r="HX18" s="317">
        <v>0</v>
      </c>
      <c r="HY18" s="316">
        <v>0</v>
      </c>
      <c r="HZ18" s="344">
        <v>0</v>
      </c>
      <c r="IA18" s="342">
        <v>0</v>
      </c>
      <c r="IB18" s="344">
        <v>0</v>
      </c>
      <c r="IC18" s="341">
        <v>0</v>
      </c>
      <c r="ID18" s="342">
        <v>871281</v>
      </c>
      <c r="IE18" s="343">
        <v>1616325</v>
      </c>
      <c r="IF18" s="344">
        <v>1762839</v>
      </c>
      <c r="IG18" s="342">
        <v>1709520</v>
      </c>
      <c r="IH18" s="344">
        <v>1207491</v>
      </c>
      <c r="II18" s="345">
        <v>7167456</v>
      </c>
      <c r="IJ18" s="344">
        <v>7167456</v>
      </c>
      <c r="IK18" s="328">
        <v>0</v>
      </c>
      <c r="IL18" s="329">
        <v>0</v>
      </c>
      <c r="IM18" s="330">
        <v>0</v>
      </c>
      <c r="IN18" s="390">
        <v>0</v>
      </c>
      <c r="IO18" s="331">
        <v>0</v>
      </c>
      <c r="IP18" s="331">
        <v>0</v>
      </c>
      <c r="IQ18" s="331">
        <v>0</v>
      </c>
      <c r="IR18" s="331">
        <v>0</v>
      </c>
      <c r="IS18" s="331">
        <v>0</v>
      </c>
      <c r="IT18" s="332">
        <v>0</v>
      </c>
      <c r="IU18" s="333">
        <v>0</v>
      </c>
      <c r="IV18" s="334">
        <v>0</v>
      </c>
      <c r="IW18" s="331">
        <v>0</v>
      </c>
      <c r="IX18" s="335">
        <v>0</v>
      </c>
      <c r="IY18" s="390">
        <v>0</v>
      </c>
      <c r="IZ18" s="331">
        <v>0</v>
      </c>
      <c r="JA18" s="331">
        <v>0</v>
      </c>
      <c r="JB18" s="331">
        <v>0</v>
      </c>
      <c r="JC18" s="331">
        <v>0</v>
      </c>
      <c r="JD18" s="331">
        <v>0</v>
      </c>
      <c r="JE18" s="335">
        <v>0</v>
      </c>
      <c r="JF18" s="336">
        <v>0</v>
      </c>
      <c r="JG18" s="334">
        <v>0</v>
      </c>
      <c r="JH18" s="331">
        <v>0</v>
      </c>
      <c r="JI18" s="332">
        <v>0</v>
      </c>
      <c r="JJ18" s="337">
        <v>0</v>
      </c>
      <c r="JK18" s="331">
        <v>665504</v>
      </c>
      <c r="JL18" s="331">
        <v>392923</v>
      </c>
      <c r="JM18" s="331">
        <v>175142</v>
      </c>
      <c r="JN18" s="331">
        <v>345030</v>
      </c>
      <c r="JO18" s="331">
        <v>437639</v>
      </c>
      <c r="JP18" s="335">
        <v>2016238</v>
      </c>
      <c r="JQ18" s="333">
        <v>2016238</v>
      </c>
      <c r="JR18" s="334">
        <v>0</v>
      </c>
      <c r="JS18" s="331">
        <v>0</v>
      </c>
      <c r="JT18" s="332">
        <v>0</v>
      </c>
      <c r="JU18" s="337">
        <v>0</v>
      </c>
      <c r="JV18" s="331">
        <v>0</v>
      </c>
      <c r="JW18" s="331">
        <v>0</v>
      </c>
      <c r="JX18" s="331">
        <v>0</v>
      </c>
      <c r="JY18" s="331">
        <v>0</v>
      </c>
      <c r="JZ18" s="331">
        <v>0</v>
      </c>
      <c r="KA18" s="335">
        <v>0</v>
      </c>
      <c r="KB18" s="333">
        <v>0</v>
      </c>
      <c r="KC18" s="338">
        <v>0</v>
      </c>
      <c r="KD18" s="339">
        <v>0</v>
      </c>
      <c r="KE18" s="335">
        <v>0</v>
      </c>
      <c r="KF18" s="337">
        <v>0</v>
      </c>
      <c r="KG18" s="331">
        <v>0</v>
      </c>
      <c r="KH18" s="331">
        <v>160881</v>
      </c>
      <c r="KI18" s="331">
        <v>217155</v>
      </c>
      <c r="KJ18" s="331">
        <v>464375</v>
      </c>
      <c r="KK18" s="331">
        <v>0</v>
      </c>
      <c r="KL18" s="335">
        <v>842411</v>
      </c>
      <c r="KM18" s="340">
        <v>842411</v>
      </c>
      <c r="KN18" s="328">
        <v>0</v>
      </c>
      <c r="KO18" s="329">
        <v>0</v>
      </c>
      <c r="KP18" s="330">
        <v>0</v>
      </c>
      <c r="KQ18" s="390">
        <v>0</v>
      </c>
      <c r="KR18" s="331">
        <v>205777</v>
      </c>
      <c r="KS18" s="331">
        <v>880570</v>
      </c>
      <c r="KT18" s="331">
        <v>220334</v>
      </c>
      <c r="KU18" s="331">
        <v>226025</v>
      </c>
      <c r="KV18" s="331">
        <v>461188</v>
      </c>
      <c r="KW18" s="335">
        <v>1993894</v>
      </c>
      <c r="KX18" s="333">
        <v>1993894</v>
      </c>
      <c r="KY18" s="334">
        <v>0</v>
      </c>
      <c r="KZ18" s="331">
        <v>0</v>
      </c>
      <c r="LA18" s="335">
        <v>0</v>
      </c>
      <c r="LB18" s="390">
        <v>0</v>
      </c>
      <c r="LC18" s="331">
        <v>0</v>
      </c>
      <c r="LD18" s="331">
        <v>0</v>
      </c>
      <c r="LE18" s="331">
        <v>180124</v>
      </c>
      <c r="LF18" s="331">
        <v>392434</v>
      </c>
      <c r="LG18" s="331">
        <v>0</v>
      </c>
      <c r="LH18" s="335">
        <v>572558</v>
      </c>
      <c r="LI18" s="336">
        <v>572558</v>
      </c>
      <c r="LJ18" s="334">
        <v>0</v>
      </c>
      <c r="LK18" s="331">
        <v>0</v>
      </c>
      <c r="LL18" s="335">
        <v>0</v>
      </c>
      <c r="LM18" s="390">
        <v>0</v>
      </c>
      <c r="LN18" s="331">
        <v>0</v>
      </c>
      <c r="LO18" s="331">
        <v>0</v>
      </c>
      <c r="LP18" s="331">
        <v>469826</v>
      </c>
      <c r="LQ18" s="331">
        <v>0</v>
      </c>
      <c r="LR18" s="331">
        <v>81554</v>
      </c>
      <c r="LS18" s="335">
        <v>551380</v>
      </c>
      <c r="LT18" s="333">
        <v>551380</v>
      </c>
      <c r="LU18" s="334">
        <v>0</v>
      </c>
      <c r="LV18" s="331">
        <v>0</v>
      </c>
      <c r="LW18" s="335">
        <v>0</v>
      </c>
      <c r="LX18" s="390">
        <v>0</v>
      </c>
      <c r="LY18" s="331">
        <v>0</v>
      </c>
      <c r="LZ18" s="331">
        <v>181951</v>
      </c>
      <c r="MA18" s="331">
        <v>500258</v>
      </c>
      <c r="MB18" s="331">
        <v>281656</v>
      </c>
      <c r="MC18" s="331">
        <v>227110</v>
      </c>
      <c r="MD18" s="335">
        <v>1190975</v>
      </c>
      <c r="ME18" s="336">
        <v>1190975</v>
      </c>
      <c r="MF18" s="334">
        <v>0</v>
      </c>
      <c r="MG18" s="331">
        <v>0</v>
      </c>
      <c r="MH18" s="335">
        <v>0</v>
      </c>
      <c r="MI18" s="390">
        <v>0</v>
      </c>
      <c r="MJ18" s="331">
        <v>201805</v>
      </c>
      <c r="MK18" s="331">
        <v>583856</v>
      </c>
      <c r="ML18" s="331">
        <v>2406166</v>
      </c>
      <c r="MM18" s="331">
        <v>7471177</v>
      </c>
      <c r="MN18" s="331">
        <v>1563661</v>
      </c>
      <c r="MO18" s="335">
        <v>12226665</v>
      </c>
      <c r="MP18" s="340">
        <v>12226665</v>
      </c>
      <c r="MQ18" s="334">
        <v>0</v>
      </c>
      <c r="MR18" s="331">
        <v>0</v>
      </c>
      <c r="MS18" s="335">
        <v>0</v>
      </c>
      <c r="MT18" s="390">
        <v>0</v>
      </c>
      <c r="MU18" s="331">
        <v>0</v>
      </c>
      <c r="MV18" s="331">
        <v>0</v>
      </c>
      <c r="MW18" s="331">
        <v>973104</v>
      </c>
      <c r="MX18" s="331">
        <v>4717650</v>
      </c>
      <c r="MY18" s="331">
        <v>844765</v>
      </c>
      <c r="MZ18" s="335">
        <v>6535519</v>
      </c>
      <c r="NA18" s="340">
        <v>6535519</v>
      </c>
      <c r="NB18" s="334">
        <v>0</v>
      </c>
      <c r="NC18" s="331">
        <v>0</v>
      </c>
      <c r="ND18" s="335">
        <v>0</v>
      </c>
      <c r="NE18" s="390">
        <v>0</v>
      </c>
      <c r="NF18" s="331">
        <v>201805</v>
      </c>
      <c r="NG18" s="331">
        <v>583856</v>
      </c>
      <c r="NH18" s="331">
        <v>1433062</v>
      </c>
      <c r="NI18" s="331">
        <v>2156557</v>
      </c>
      <c r="NJ18" s="331">
        <v>718896</v>
      </c>
      <c r="NK18" s="335">
        <v>5094176</v>
      </c>
      <c r="NL18" s="333">
        <v>5094176</v>
      </c>
      <c r="NM18" s="334">
        <v>0</v>
      </c>
      <c r="NN18" s="331">
        <v>0</v>
      </c>
      <c r="NO18" s="335">
        <v>0</v>
      </c>
      <c r="NP18" s="390">
        <v>0</v>
      </c>
      <c r="NQ18" s="331">
        <v>0</v>
      </c>
      <c r="NR18" s="331">
        <v>0</v>
      </c>
      <c r="NS18" s="331">
        <v>0</v>
      </c>
      <c r="NT18" s="331">
        <v>0</v>
      </c>
      <c r="NU18" s="331">
        <v>0</v>
      </c>
      <c r="NV18" s="335">
        <v>0</v>
      </c>
      <c r="NW18" s="336">
        <v>0</v>
      </c>
      <c r="NX18" s="334">
        <v>0</v>
      </c>
      <c r="NY18" s="331">
        <v>0</v>
      </c>
      <c r="NZ18" s="335">
        <v>0</v>
      </c>
      <c r="OA18" s="390">
        <v>0</v>
      </c>
      <c r="OB18" s="331">
        <v>0</v>
      </c>
      <c r="OC18" s="331">
        <v>0</v>
      </c>
      <c r="OD18" s="331">
        <v>0</v>
      </c>
      <c r="OE18" s="331">
        <v>596970</v>
      </c>
      <c r="OF18" s="331">
        <v>0</v>
      </c>
      <c r="OG18" s="335">
        <v>596970</v>
      </c>
      <c r="OH18" s="336">
        <v>596970</v>
      </c>
      <c r="OI18" s="334">
        <v>1029130</v>
      </c>
      <c r="OJ18" s="331">
        <v>2640273</v>
      </c>
      <c r="OK18" s="332">
        <v>3669403</v>
      </c>
      <c r="OL18" s="337">
        <v>0</v>
      </c>
      <c r="OM18" s="331">
        <v>7300698</v>
      </c>
      <c r="ON18" s="331">
        <v>10874080</v>
      </c>
      <c r="OO18" s="331">
        <v>13269094</v>
      </c>
      <c r="OP18" s="331">
        <v>16958745</v>
      </c>
      <c r="OQ18" s="331">
        <v>8724364</v>
      </c>
      <c r="OR18" s="335">
        <v>57126981</v>
      </c>
      <c r="OS18" s="340">
        <v>60796384</v>
      </c>
    </row>
    <row r="19" spans="2:409" s="56" customFormat="1" ht="21" customHeight="1" x14ac:dyDescent="0.2">
      <c r="B19" s="92" t="s">
        <v>13</v>
      </c>
      <c r="C19" s="312">
        <v>262195</v>
      </c>
      <c r="D19" s="313">
        <v>682110</v>
      </c>
      <c r="E19" s="314">
        <v>944305</v>
      </c>
      <c r="F19" s="312">
        <v>0</v>
      </c>
      <c r="G19" s="352">
        <v>4169256</v>
      </c>
      <c r="H19" s="313">
        <v>6164625</v>
      </c>
      <c r="I19" s="313">
        <v>3802170</v>
      </c>
      <c r="J19" s="313">
        <v>3176639</v>
      </c>
      <c r="K19" s="313">
        <v>5493052</v>
      </c>
      <c r="L19" s="317">
        <v>22805742</v>
      </c>
      <c r="M19" s="316">
        <v>23750047</v>
      </c>
      <c r="N19" s="312">
        <v>79171</v>
      </c>
      <c r="O19" s="313">
        <v>166799</v>
      </c>
      <c r="P19" s="314">
        <v>245970</v>
      </c>
      <c r="Q19" s="312">
        <v>0</v>
      </c>
      <c r="R19" s="313">
        <v>1098296</v>
      </c>
      <c r="S19" s="313">
        <v>2661214</v>
      </c>
      <c r="T19" s="313">
        <v>1386673</v>
      </c>
      <c r="U19" s="313">
        <v>1331760</v>
      </c>
      <c r="V19" s="313">
        <v>3987751</v>
      </c>
      <c r="W19" s="314">
        <v>10465694</v>
      </c>
      <c r="X19" s="316">
        <v>10711664</v>
      </c>
      <c r="Y19" s="312">
        <v>0</v>
      </c>
      <c r="Z19" s="313">
        <v>0</v>
      </c>
      <c r="AA19" s="314">
        <v>0</v>
      </c>
      <c r="AB19" s="312">
        <v>0</v>
      </c>
      <c r="AC19" s="313">
        <v>492906</v>
      </c>
      <c r="AD19" s="313">
        <v>883220</v>
      </c>
      <c r="AE19" s="313">
        <v>818993</v>
      </c>
      <c r="AF19" s="313">
        <v>964690</v>
      </c>
      <c r="AG19" s="313">
        <v>2770980</v>
      </c>
      <c r="AH19" s="314">
        <v>5930789</v>
      </c>
      <c r="AI19" s="316">
        <v>5930789</v>
      </c>
      <c r="AJ19" s="312">
        <v>0</v>
      </c>
      <c r="AK19" s="313">
        <v>0</v>
      </c>
      <c r="AL19" s="314">
        <v>0</v>
      </c>
      <c r="AM19" s="312">
        <v>0</v>
      </c>
      <c r="AN19" s="313">
        <v>0</v>
      </c>
      <c r="AO19" s="313">
        <v>42037</v>
      </c>
      <c r="AP19" s="313">
        <v>0</v>
      </c>
      <c r="AQ19" s="313">
        <v>42851</v>
      </c>
      <c r="AR19" s="313">
        <v>297583</v>
      </c>
      <c r="AS19" s="314">
        <v>382471</v>
      </c>
      <c r="AT19" s="316">
        <v>382471</v>
      </c>
      <c r="AU19" s="312">
        <v>26405</v>
      </c>
      <c r="AV19" s="313">
        <v>91871</v>
      </c>
      <c r="AW19" s="314">
        <v>118276</v>
      </c>
      <c r="AX19" s="312">
        <v>0</v>
      </c>
      <c r="AY19" s="313">
        <v>350695</v>
      </c>
      <c r="AZ19" s="313">
        <v>1251763</v>
      </c>
      <c r="BA19" s="313">
        <v>340933</v>
      </c>
      <c r="BB19" s="313">
        <v>138663</v>
      </c>
      <c r="BC19" s="313">
        <v>507592</v>
      </c>
      <c r="BD19" s="314">
        <v>2589646</v>
      </c>
      <c r="BE19" s="316">
        <v>2707922</v>
      </c>
      <c r="BF19" s="312">
        <v>0</v>
      </c>
      <c r="BG19" s="313">
        <v>0</v>
      </c>
      <c r="BH19" s="317">
        <v>0</v>
      </c>
      <c r="BI19" s="318">
        <v>0</v>
      </c>
      <c r="BJ19" s="313">
        <v>19131</v>
      </c>
      <c r="BK19" s="313">
        <v>109554</v>
      </c>
      <c r="BL19" s="313">
        <v>21423</v>
      </c>
      <c r="BM19" s="313">
        <v>0</v>
      </c>
      <c r="BN19" s="313">
        <v>163061</v>
      </c>
      <c r="BO19" s="314">
        <v>313169</v>
      </c>
      <c r="BP19" s="316">
        <v>313169</v>
      </c>
      <c r="BQ19" s="312">
        <v>52766</v>
      </c>
      <c r="BR19" s="313">
        <v>74928</v>
      </c>
      <c r="BS19" s="314">
        <v>127694</v>
      </c>
      <c r="BT19" s="312">
        <v>0</v>
      </c>
      <c r="BU19" s="313">
        <v>235564</v>
      </c>
      <c r="BV19" s="313">
        <v>374640</v>
      </c>
      <c r="BW19" s="313">
        <v>205324</v>
      </c>
      <c r="BX19" s="313">
        <v>185556</v>
      </c>
      <c r="BY19" s="313">
        <v>248535</v>
      </c>
      <c r="BZ19" s="314">
        <v>1249619</v>
      </c>
      <c r="CA19" s="316">
        <v>1377313</v>
      </c>
      <c r="CB19" s="312">
        <v>19094</v>
      </c>
      <c r="CC19" s="313">
        <v>0</v>
      </c>
      <c r="CD19" s="314">
        <v>19094</v>
      </c>
      <c r="CE19" s="312">
        <v>0</v>
      </c>
      <c r="CF19" s="313">
        <v>716117</v>
      </c>
      <c r="CG19" s="313">
        <v>1339602</v>
      </c>
      <c r="CH19" s="313">
        <v>418035</v>
      </c>
      <c r="CI19" s="313">
        <v>521941</v>
      </c>
      <c r="CJ19" s="313">
        <v>542722</v>
      </c>
      <c r="CK19" s="314">
        <v>3538417</v>
      </c>
      <c r="CL19" s="316">
        <v>3557511</v>
      </c>
      <c r="CM19" s="312">
        <v>0</v>
      </c>
      <c r="CN19" s="313">
        <v>0</v>
      </c>
      <c r="CO19" s="314">
        <v>0</v>
      </c>
      <c r="CP19" s="318">
        <v>0</v>
      </c>
      <c r="CQ19" s="313">
        <v>634239</v>
      </c>
      <c r="CR19" s="313">
        <v>1027649</v>
      </c>
      <c r="CS19" s="313">
        <v>289985</v>
      </c>
      <c r="CT19" s="313">
        <v>202212</v>
      </c>
      <c r="CU19" s="313">
        <v>542722</v>
      </c>
      <c r="CV19" s="314">
        <v>2696807</v>
      </c>
      <c r="CW19" s="316">
        <v>2696807</v>
      </c>
      <c r="CX19" s="312">
        <v>19094</v>
      </c>
      <c r="CY19" s="313">
        <v>0</v>
      </c>
      <c r="CZ19" s="314">
        <v>19094</v>
      </c>
      <c r="DA19" s="312">
        <v>0</v>
      </c>
      <c r="DB19" s="313">
        <v>81878</v>
      </c>
      <c r="DC19" s="313">
        <v>311953</v>
      </c>
      <c r="DD19" s="313">
        <v>128050</v>
      </c>
      <c r="DE19" s="313">
        <v>319729</v>
      </c>
      <c r="DF19" s="313">
        <v>0</v>
      </c>
      <c r="DG19" s="314">
        <v>841610</v>
      </c>
      <c r="DH19" s="316">
        <v>860704</v>
      </c>
      <c r="DI19" s="312">
        <v>11062</v>
      </c>
      <c r="DJ19" s="313">
        <v>0</v>
      </c>
      <c r="DK19" s="317">
        <v>11062</v>
      </c>
      <c r="DL19" s="318">
        <v>0</v>
      </c>
      <c r="DM19" s="313">
        <v>0</v>
      </c>
      <c r="DN19" s="313">
        <v>244796</v>
      </c>
      <c r="DO19" s="313">
        <v>320315</v>
      </c>
      <c r="DP19" s="313">
        <v>32053</v>
      </c>
      <c r="DQ19" s="313">
        <v>0</v>
      </c>
      <c r="DR19" s="314">
        <v>597164</v>
      </c>
      <c r="DS19" s="316">
        <v>608226</v>
      </c>
      <c r="DT19" s="312">
        <v>11062</v>
      </c>
      <c r="DU19" s="313">
        <v>0</v>
      </c>
      <c r="DV19" s="314">
        <v>11062</v>
      </c>
      <c r="DW19" s="312">
        <v>0</v>
      </c>
      <c r="DX19" s="313">
        <v>0</v>
      </c>
      <c r="DY19" s="313">
        <v>244796</v>
      </c>
      <c r="DZ19" s="313">
        <v>320315</v>
      </c>
      <c r="EA19" s="313">
        <v>0</v>
      </c>
      <c r="EB19" s="313">
        <v>0</v>
      </c>
      <c r="EC19" s="314">
        <v>565111</v>
      </c>
      <c r="ED19" s="316">
        <v>576173</v>
      </c>
      <c r="EE19" s="312">
        <v>0</v>
      </c>
      <c r="EF19" s="317">
        <v>0</v>
      </c>
      <c r="EG19" s="314">
        <v>0</v>
      </c>
      <c r="EH19" s="312">
        <v>0</v>
      </c>
      <c r="EI19" s="313">
        <v>0</v>
      </c>
      <c r="EJ19" s="313">
        <v>0</v>
      </c>
      <c r="EK19" s="313">
        <v>0</v>
      </c>
      <c r="EL19" s="313">
        <v>32053</v>
      </c>
      <c r="EM19" s="313">
        <v>0</v>
      </c>
      <c r="EN19" s="317">
        <v>32053</v>
      </c>
      <c r="EO19" s="316">
        <v>32053</v>
      </c>
      <c r="EP19" s="312">
        <v>0</v>
      </c>
      <c r="EQ19" s="313">
        <v>0</v>
      </c>
      <c r="ER19" s="317">
        <v>0</v>
      </c>
      <c r="ES19" s="318">
        <v>0</v>
      </c>
      <c r="ET19" s="313">
        <v>0</v>
      </c>
      <c r="EU19" s="313">
        <v>0</v>
      </c>
      <c r="EV19" s="313">
        <v>0</v>
      </c>
      <c r="EW19" s="313">
        <v>0</v>
      </c>
      <c r="EX19" s="313">
        <v>0</v>
      </c>
      <c r="EY19" s="314">
        <v>0</v>
      </c>
      <c r="EZ19" s="316">
        <v>0</v>
      </c>
      <c r="FA19" s="312">
        <v>0</v>
      </c>
      <c r="FB19" s="313">
        <v>0</v>
      </c>
      <c r="FC19" s="317">
        <v>0</v>
      </c>
      <c r="FD19" s="390">
        <v>0</v>
      </c>
      <c r="FE19" s="313">
        <v>0</v>
      </c>
      <c r="FF19" s="313">
        <v>0</v>
      </c>
      <c r="FG19" s="313">
        <v>0</v>
      </c>
      <c r="FH19" s="313">
        <v>0</v>
      </c>
      <c r="FI19" s="313">
        <v>0</v>
      </c>
      <c r="FJ19" s="314">
        <v>0</v>
      </c>
      <c r="FK19" s="316">
        <v>0</v>
      </c>
      <c r="FL19" s="312">
        <v>8778</v>
      </c>
      <c r="FM19" s="313">
        <v>205310</v>
      </c>
      <c r="FN19" s="314">
        <v>214088</v>
      </c>
      <c r="FO19" s="312">
        <v>0</v>
      </c>
      <c r="FP19" s="313">
        <v>98763</v>
      </c>
      <c r="FQ19" s="313">
        <v>572663</v>
      </c>
      <c r="FR19" s="313">
        <v>437094</v>
      </c>
      <c r="FS19" s="313">
        <v>174328</v>
      </c>
      <c r="FT19" s="313">
        <v>550571</v>
      </c>
      <c r="FU19" s="314">
        <v>1833419</v>
      </c>
      <c r="FV19" s="316">
        <v>2047507</v>
      </c>
      <c r="FW19" s="319">
        <v>8778</v>
      </c>
      <c r="FX19" s="313">
        <v>134610</v>
      </c>
      <c r="FY19" s="317">
        <v>143388</v>
      </c>
      <c r="FZ19" s="318">
        <v>0</v>
      </c>
      <c r="GA19" s="313">
        <v>98763</v>
      </c>
      <c r="GB19" s="313">
        <v>472759</v>
      </c>
      <c r="GC19" s="313">
        <v>411894</v>
      </c>
      <c r="GD19" s="313">
        <v>152768</v>
      </c>
      <c r="GE19" s="313">
        <v>550571</v>
      </c>
      <c r="GF19" s="314">
        <v>1686755</v>
      </c>
      <c r="GG19" s="320">
        <v>1830143</v>
      </c>
      <c r="GH19" s="319">
        <v>0</v>
      </c>
      <c r="GI19" s="313">
        <v>0</v>
      </c>
      <c r="GJ19" s="317">
        <v>0</v>
      </c>
      <c r="GK19" s="318">
        <v>0</v>
      </c>
      <c r="GL19" s="313">
        <v>0</v>
      </c>
      <c r="GM19" s="313">
        <v>19404</v>
      </c>
      <c r="GN19" s="313">
        <v>25200</v>
      </c>
      <c r="GO19" s="313">
        <v>21560</v>
      </c>
      <c r="GP19" s="313">
        <v>0</v>
      </c>
      <c r="GQ19" s="314">
        <v>66164</v>
      </c>
      <c r="GR19" s="316">
        <v>66164</v>
      </c>
      <c r="GS19" s="312">
        <v>0</v>
      </c>
      <c r="GT19" s="313">
        <v>70700</v>
      </c>
      <c r="GU19" s="314">
        <v>70700</v>
      </c>
      <c r="GV19" s="312">
        <v>0</v>
      </c>
      <c r="GW19" s="313">
        <v>0</v>
      </c>
      <c r="GX19" s="313">
        <v>80500</v>
      </c>
      <c r="GY19" s="313">
        <v>0</v>
      </c>
      <c r="GZ19" s="313">
        <v>0</v>
      </c>
      <c r="HA19" s="313">
        <v>0</v>
      </c>
      <c r="HB19" s="317">
        <v>80500</v>
      </c>
      <c r="HC19" s="316">
        <v>151200</v>
      </c>
      <c r="HD19" s="312">
        <v>144090</v>
      </c>
      <c r="HE19" s="313">
        <v>310001</v>
      </c>
      <c r="HF19" s="317">
        <v>454091</v>
      </c>
      <c r="HG19" s="318">
        <v>0</v>
      </c>
      <c r="HH19" s="313">
        <v>2256080</v>
      </c>
      <c r="HI19" s="313">
        <v>1346350</v>
      </c>
      <c r="HJ19" s="313">
        <v>1240053</v>
      </c>
      <c r="HK19" s="313">
        <v>1116557</v>
      </c>
      <c r="HL19" s="313">
        <v>412008</v>
      </c>
      <c r="HM19" s="314">
        <v>6371048</v>
      </c>
      <c r="HN19" s="315">
        <v>6825139</v>
      </c>
      <c r="HO19" s="319">
        <v>0</v>
      </c>
      <c r="HP19" s="313">
        <v>0</v>
      </c>
      <c r="HQ19" s="314">
        <v>0</v>
      </c>
      <c r="HR19" s="312">
        <v>0</v>
      </c>
      <c r="HS19" s="313">
        <v>0</v>
      </c>
      <c r="HT19" s="313">
        <v>0</v>
      </c>
      <c r="HU19" s="313">
        <v>0</v>
      </c>
      <c r="HV19" s="313">
        <v>0</v>
      </c>
      <c r="HW19" s="313">
        <v>0</v>
      </c>
      <c r="HX19" s="317">
        <v>0</v>
      </c>
      <c r="HY19" s="316">
        <v>0</v>
      </c>
      <c r="HZ19" s="321">
        <v>0</v>
      </c>
      <c r="IA19" s="322">
        <v>0</v>
      </c>
      <c r="IB19" s="323">
        <v>0</v>
      </c>
      <c r="IC19" s="324">
        <v>0</v>
      </c>
      <c r="ID19" s="322">
        <v>1076593</v>
      </c>
      <c r="IE19" s="325">
        <v>480003</v>
      </c>
      <c r="IF19" s="323">
        <v>1052701</v>
      </c>
      <c r="IG19" s="322">
        <v>19404</v>
      </c>
      <c r="IH19" s="323">
        <v>1183883</v>
      </c>
      <c r="II19" s="326">
        <v>3812584</v>
      </c>
      <c r="IJ19" s="327">
        <v>3812584</v>
      </c>
      <c r="IK19" s="328">
        <v>0</v>
      </c>
      <c r="IL19" s="329">
        <v>0</v>
      </c>
      <c r="IM19" s="330">
        <v>0</v>
      </c>
      <c r="IN19" s="390">
        <v>0</v>
      </c>
      <c r="IO19" s="331">
        <v>0</v>
      </c>
      <c r="IP19" s="331">
        <v>0</v>
      </c>
      <c r="IQ19" s="331">
        <v>0</v>
      </c>
      <c r="IR19" s="331">
        <v>0</v>
      </c>
      <c r="IS19" s="331">
        <v>0</v>
      </c>
      <c r="IT19" s="332">
        <v>0</v>
      </c>
      <c r="IU19" s="333">
        <v>0</v>
      </c>
      <c r="IV19" s="334">
        <v>0</v>
      </c>
      <c r="IW19" s="331">
        <v>0</v>
      </c>
      <c r="IX19" s="335">
        <v>0</v>
      </c>
      <c r="IY19" s="390">
        <v>0</v>
      </c>
      <c r="IZ19" s="331">
        <v>0</v>
      </c>
      <c r="JA19" s="331">
        <v>0</v>
      </c>
      <c r="JB19" s="331">
        <v>0</v>
      </c>
      <c r="JC19" s="331">
        <v>0</v>
      </c>
      <c r="JD19" s="331">
        <v>0</v>
      </c>
      <c r="JE19" s="335">
        <v>0</v>
      </c>
      <c r="JF19" s="336">
        <v>0</v>
      </c>
      <c r="JG19" s="334">
        <v>0</v>
      </c>
      <c r="JH19" s="331">
        <v>0</v>
      </c>
      <c r="JI19" s="332">
        <v>0</v>
      </c>
      <c r="JJ19" s="337">
        <v>0</v>
      </c>
      <c r="JK19" s="331">
        <v>533120</v>
      </c>
      <c r="JL19" s="331">
        <v>335197</v>
      </c>
      <c r="JM19" s="331">
        <v>615673</v>
      </c>
      <c r="JN19" s="331">
        <v>19404</v>
      </c>
      <c r="JO19" s="331">
        <v>409952</v>
      </c>
      <c r="JP19" s="335">
        <v>1913346</v>
      </c>
      <c r="JQ19" s="333">
        <v>1913346</v>
      </c>
      <c r="JR19" s="334">
        <v>0</v>
      </c>
      <c r="JS19" s="331">
        <v>0</v>
      </c>
      <c r="JT19" s="332">
        <v>0</v>
      </c>
      <c r="JU19" s="337">
        <v>0</v>
      </c>
      <c r="JV19" s="331">
        <v>0</v>
      </c>
      <c r="JW19" s="331">
        <v>144806</v>
      </c>
      <c r="JX19" s="331">
        <v>263601</v>
      </c>
      <c r="JY19" s="331">
        <v>0</v>
      </c>
      <c r="JZ19" s="331">
        <v>0</v>
      </c>
      <c r="KA19" s="335">
        <v>408407</v>
      </c>
      <c r="KB19" s="333">
        <v>408407</v>
      </c>
      <c r="KC19" s="338">
        <v>0</v>
      </c>
      <c r="KD19" s="339">
        <v>0</v>
      </c>
      <c r="KE19" s="335">
        <v>0</v>
      </c>
      <c r="KF19" s="337">
        <v>0</v>
      </c>
      <c r="KG19" s="331">
        <v>121645</v>
      </c>
      <c r="KH19" s="331">
        <v>0</v>
      </c>
      <c r="KI19" s="331">
        <v>0</v>
      </c>
      <c r="KJ19" s="331">
        <v>0</v>
      </c>
      <c r="KK19" s="331">
        <v>530532</v>
      </c>
      <c r="KL19" s="335">
        <v>652177</v>
      </c>
      <c r="KM19" s="340">
        <v>652177</v>
      </c>
      <c r="KN19" s="328">
        <v>0</v>
      </c>
      <c r="KO19" s="329">
        <v>0</v>
      </c>
      <c r="KP19" s="330">
        <v>0</v>
      </c>
      <c r="KQ19" s="390">
        <v>0</v>
      </c>
      <c r="KR19" s="331">
        <v>421828</v>
      </c>
      <c r="KS19" s="331">
        <v>0</v>
      </c>
      <c r="KT19" s="331">
        <v>0</v>
      </c>
      <c r="KU19" s="331">
        <v>0</v>
      </c>
      <c r="KV19" s="331">
        <v>243399</v>
      </c>
      <c r="KW19" s="335">
        <v>665227</v>
      </c>
      <c r="KX19" s="333">
        <v>665227</v>
      </c>
      <c r="KY19" s="334">
        <v>0</v>
      </c>
      <c r="KZ19" s="331">
        <v>0</v>
      </c>
      <c r="LA19" s="335">
        <v>0</v>
      </c>
      <c r="LB19" s="390">
        <v>0</v>
      </c>
      <c r="LC19" s="331">
        <v>0</v>
      </c>
      <c r="LD19" s="331">
        <v>0</v>
      </c>
      <c r="LE19" s="331">
        <v>173427</v>
      </c>
      <c r="LF19" s="331">
        <v>0</v>
      </c>
      <c r="LG19" s="331">
        <v>0</v>
      </c>
      <c r="LH19" s="335">
        <v>173427</v>
      </c>
      <c r="LI19" s="336">
        <v>173427</v>
      </c>
      <c r="LJ19" s="334">
        <v>0</v>
      </c>
      <c r="LK19" s="331">
        <v>0</v>
      </c>
      <c r="LL19" s="335">
        <v>0</v>
      </c>
      <c r="LM19" s="390">
        <v>0</v>
      </c>
      <c r="LN19" s="331">
        <v>0</v>
      </c>
      <c r="LO19" s="331">
        <v>0</v>
      </c>
      <c r="LP19" s="331">
        <v>0</v>
      </c>
      <c r="LQ19" s="331">
        <v>0</v>
      </c>
      <c r="LR19" s="331">
        <v>0</v>
      </c>
      <c r="LS19" s="335">
        <v>0</v>
      </c>
      <c r="LT19" s="333">
        <v>0</v>
      </c>
      <c r="LU19" s="334">
        <v>0</v>
      </c>
      <c r="LV19" s="331">
        <v>0</v>
      </c>
      <c r="LW19" s="335">
        <v>0</v>
      </c>
      <c r="LX19" s="390">
        <v>0</v>
      </c>
      <c r="LY19" s="331">
        <v>0</v>
      </c>
      <c r="LZ19" s="331">
        <v>0</v>
      </c>
      <c r="MA19" s="331">
        <v>0</v>
      </c>
      <c r="MB19" s="331">
        <v>0</v>
      </c>
      <c r="MC19" s="331">
        <v>0</v>
      </c>
      <c r="MD19" s="335">
        <v>0</v>
      </c>
      <c r="ME19" s="336">
        <v>0</v>
      </c>
      <c r="MF19" s="334">
        <v>0</v>
      </c>
      <c r="MG19" s="331">
        <v>0</v>
      </c>
      <c r="MH19" s="335">
        <v>0</v>
      </c>
      <c r="MI19" s="390">
        <v>0</v>
      </c>
      <c r="MJ19" s="331">
        <v>0</v>
      </c>
      <c r="MK19" s="331">
        <v>217269</v>
      </c>
      <c r="ML19" s="331">
        <v>906374</v>
      </c>
      <c r="MM19" s="331">
        <v>1482802</v>
      </c>
      <c r="MN19" s="331">
        <v>1217367</v>
      </c>
      <c r="MO19" s="335">
        <v>3823812</v>
      </c>
      <c r="MP19" s="340">
        <v>3823812</v>
      </c>
      <c r="MQ19" s="334">
        <v>0</v>
      </c>
      <c r="MR19" s="331">
        <v>0</v>
      </c>
      <c r="MS19" s="335">
        <v>0</v>
      </c>
      <c r="MT19" s="390">
        <v>0</v>
      </c>
      <c r="MU19" s="331">
        <v>0</v>
      </c>
      <c r="MV19" s="331">
        <v>0</v>
      </c>
      <c r="MW19" s="331">
        <v>610762</v>
      </c>
      <c r="MX19" s="331">
        <v>860866</v>
      </c>
      <c r="MY19" s="331">
        <v>655739</v>
      </c>
      <c r="MZ19" s="335">
        <v>2127367</v>
      </c>
      <c r="NA19" s="340">
        <v>2127367</v>
      </c>
      <c r="NB19" s="334">
        <v>0</v>
      </c>
      <c r="NC19" s="331">
        <v>0</v>
      </c>
      <c r="ND19" s="335">
        <v>0</v>
      </c>
      <c r="NE19" s="390">
        <v>0</v>
      </c>
      <c r="NF19" s="331">
        <v>0</v>
      </c>
      <c r="NG19" s="331">
        <v>217269</v>
      </c>
      <c r="NH19" s="331">
        <v>295612</v>
      </c>
      <c r="NI19" s="331">
        <v>621936</v>
      </c>
      <c r="NJ19" s="331">
        <v>561628</v>
      </c>
      <c r="NK19" s="335">
        <v>1696445</v>
      </c>
      <c r="NL19" s="333">
        <v>1696445</v>
      </c>
      <c r="NM19" s="334">
        <v>0</v>
      </c>
      <c r="NN19" s="331">
        <v>0</v>
      </c>
      <c r="NO19" s="335">
        <v>0</v>
      </c>
      <c r="NP19" s="390">
        <v>0</v>
      </c>
      <c r="NQ19" s="331">
        <v>0</v>
      </c>
      <c r="NR19" s="331">
        <v>0</v>
      </c>
      <c r="NS19" s="331">
        <v>0</v>
      </c>
      <c r="NT19" s="331">
        <v>0</v>
      </c>
      <c r="NU19" s="331">
        <v>0</v>
      </c>
      <c r="NV19" s="335">
        <v>0</v>
      </c>
      <c r="NW19" s="336">
        <v>0</v>
      </c>
      <c r="NX19" s="334">
        <v>0</v>
      </c>
      <c r="NY19" s="331">
        <v>0</v>
      </c>
      <c r="NZ19" s="335">
        <v>0</v>
      </c>
      <c r="OA19" s="390">
        <v>0</v>
      </c>
      <c r="OB19" s="331">
        <v>0</v>
      </c>
      <c r="OC19" s="331">
        <v>0</v>
      </c>
      <c r="OD19" s="331">
        <v>0</v>
      </c>
      <c r="OE19" s="331">
        <v>0</v>
      </c>
      <c r="OF19" s="331">
        <v>0</v>
      </c>
      <c r="OG19" s="335">
        <v>0</v>
      </c>
      <c r="OH19" s="336">
        <v>0</v>
      </c>
      <c r="OI19" s="334">
        <v>262195</v>
      </c>
      <c r="OJ19" s="331">
        <v>682110</v>
      </c>
      <c r="OK19" s="332">
        <v>944305</v>
      </c>
      <c r="OL19" s="337">
        <v>0</v>
      </c>
      <c r="OM19" s="331">
        <v>5245849</v>
      </c>
      <c r="ON19" s="331">
        <v>6861897</v>
      </c>
      <c r="OO19" s="331">
        <v>5761245</v>
      </c>
      <c r="OP19" s="331">
        <v>4678845</v>
      </c>
      <c r="OQ19" s="331">
        <v>7894302</v>
      </c>
      <c r="OR19" s="335">
        <v>30442138</v>
      </c>
      <c r="OS19" s="340">
        <v>31386443</v>
      </c>
    </row>
    <row r="20" spans="2:409" s="56" customFormat="1" ht="21" customHeight="1" x14ac:dyDescent="0.2">
      <c r="B20" s="92" t="s">
        <v>15</v>
      </c>
      <c r="C20" s="312">
        <v>644257</v>
      </c>
      <c r="D20" s="313">
        <v>243739</v>
      </c>
      <c r="E20" s="314">
        <v>887996</v>
      </c>
      <c r="F20" s="315">
        <v>0</v>
      </c>
      <c r="G20" s="313">
        <v>937368</v>
      </c>
      <c r="H20" s="313">
        <v>1042041</v>
      </c>
      <c r="I20" s="313">
        <v>365793</v>
      </c>
      <c r="J20" s="313">
        <v>489131</v>
      </c>
      <c r="K20" s="313">
        <v>1058727</v>
      </c>
      <c r="L20" s="315">
        <v>3893060</v>
      </c>
      <c r="M20" s="316">
        <v>4781056</v>
      </c>
      <c r="N20" s="312">
        <v>49833</v>
      </c>
      <c r="O20" s="313">
        <v>47475</v>
      </c>
      <c r="P20" s="314">
        <v>97308</v>
      </c>
      <c r="Q20" s="312">
        <v>0</v>
      </c>
      <c r="R20" s="313">
        <v>243015</v>
      </c>
      <c r="S20" s="313">
        <v>278773</v>
      </c>
      <c r="T20" s="313">
        <v>37580</v>
      </c>
      <c r="U20" s="313">
        <v>82958</v>
      </c>
      <c r="V20" s="313">
        <v>227853</v>
      </c>
      <c r="W20" s="314">
        <v>870179</v>
      </c>
      <c r="X20" s="316">
        <v>967487</v>
      </c>
      <c r="Y20" s="312">
        <v>0</v>
      </c>
      <c r="Z20" s="313">
        <v>0</v>
      </c>
      <c r="AA20" s="314">
        <v>0</v>
      </c>
      <c r="AB20" s="312">
        <v>0</v>
      </c>
      <c r="AC20" s="313">
        <v>154462</v>
      </c>
      <c r="AD20" s="313">
        <v>70390</v>
      </c>
      <c r="AE20" s="313">
        <v>0</v>
      </c>
      <c r="AF20" s="313">
        <v>3907</v>
      </c>
      <c r="AG20" s="313">
        <v>3596</v>
      </c>
      <c r="AH20" s="314">
        <v>232355</v>
      </c>
      <c r="AI20" s="316">
        <v>232355</v>
      </c>
      <c r="AJ20" s="312">
        <v>0</v>
      </c>
      <c r="AK20" s="313">
        <v>0</v>
      </c>
      <c r="AL20" s="314">
        <v>0</v>
      </c>
      <c r="AM20" s="312">
        <v>0</v>
      </c>
      <c r="AN20" s="313">
        <v>0</v>
      </c>
      <c r="AO20" s="313">
        <v>0</v>
      </c>
      <c r="AP20" s="313">
        <v>0</v>
      </c>
      <c r="AQ20" s="313">
        <v>0</v>
      </c>
      <c r="AR20" s="313">
        <v>42037</v>
      </c>
      <c r="AS20" s="314">
        <v>42037</v>
      </c>
      <c r="AT20" s="316">
        <v>42037</v>
      </c>
      <c r="AU20" s="312">
        <v>0</v>
      </c>
      <c r="AV20" s="313">
        <v>41322</v>
      </c>
      <c r="AW20" s="314">
        <v>41322</v>
      </c>
      <c r="AX20" s="312">
        <v>0</v>
      </c>
      <c r="AY20" s="313">
        <v>42633</v>
      </c>
      <c r="AZ20" s="313">
        <v>118870</v>
      </c>
      <c r="BA20" s="313">
        <v>18848</v>
      </c>
      <c r="BB20" s="313">
        <v>51089</v>
      </c>
      <c r="BC20" s="313">
        <v>94492</v>
      </c>
      <c r="BD20" s="314">
        <v>325932</v>
      </c>
      <c r="BE20" s="316">
        <v>367254</v>
      </c>
      <c r="BF20" s="312">
        <v>0</v>
      </c>
      <c r="BG20" s="313">
        <v>0</v>
      </c>
      <c r="BH20" s="317">
        <v>0</v>
      </c>
      <c r="BI20" s="318">
        <v>0</v>
      </c>
      <c r="BJ20" s="313">
        <v>0</v>
      </c>
      <c r="BK20" s="313">
        <v>28116</v>
      </c>
      <c r="BL20" s="313">
        <v>0</v>
      </c>
      <c r="BM20" s="313">
        <v>18386</v>
      </c>
      <c r="BN20" s="313">
        <v>28116</v>
      </c>
      <c r="BO20" s="314">
        <v>74618</v>
      </c>
      <c r="BP20" s="316">
        <v>74618</v>
      </c>
      <c r="BQ20" s="312">
        <v>49833</v>
      </c>
      <c r="BR20" s="313">
        <v>6153</v>
      </c>
      <c r="BS20" s="314">
        <v>55986</v>
      </c>
      <c r="BT20" s="312">
        <v>0</v>
      </c>
      <c r="BU20" s="313">
        <v>45920</v>
      </c>
      <c r="BV20" s="313">
        <v>61397</v>
      </c>
      <c r="BW20" s="313">
        <v>18732</v>
      </c>
      <c r="BX20" s="313">
        <v>9576</v>
      </c>
      <c r="BY20" s="313">
        <v>59612</v>
      </c>
      <c r="BZ20" s="314">
        <v>195237</v>
      </c>
      <c r="CA20" s="316">
        <v>251223</v>
      </c>
      <c r="CB20" s="312">
        <v>18759</v>
      </c>
      <c r="CC20" s="313">
        <v>0</v>
      </c>
      <c r="CD20" s="314">
        <v>18759</v>
      </c>
      <c r="CE20" s="312">
        <v>0</v>
      </c>
      <c r="CF20" s="313">
        <v>37006</v>
      </c>
      <c r="CG20" s="313">
        <v>196229</v>
      </c>
      <c r="CH20" s="313">
        <v>135562</v>
      </c>
      <c r="CI20" s="313">
        <v>115717</v>
      </c>
      <c r="CJ20" s="313">
        <v>105079</v>
      </c>
      <c r="CK20" s="314">
        <v>589593</v>
      </c>
      <c r="CL20" s="316">
        <v>608352</v>
      </c>
      <c r="CM20" s="312">
        <v>0</v>
      </c>
      <c r="CN20" s="313">
        <v>0</v>
      </c>
      <c r="CO20" s="314">
        <v>0</v>
      </c>
      <c r="CP20" s="318">
        <v>0</v>
      </c>
      <c r="CQ20" s="313">
        <v>37006</v>
      </c>
      <c r="CR20" s="313">
        <v>65743</v>
      </c>
      <c r="CS20" s="313">
        <v>0</v>
      </c>
      <c r="CT20" s="313">
        <v>31703</v>
      </c>
      <c r="CU20" s="313">
        <v>0</v>
      </c>
      <c r="CV20" s="314">
        <v>134452</v>
      </c>
      <c r="CW20" s="316">
        <v>134452</v>
      </c>
      <c r="CX20" s="312">
        <v>18759</v>
      </c>
      <c r="CY20" s="313">
        <v>0</v>
      </c>
      <c r="CZ20" s="314">
        <v>18759</v>
      </c>
      <c r="DA20" s="312">
        <v>0</v>
      </c>
      <c r="DB20" s="313">
        <v>0</v>
      </c>
      <c r="DC20" s="313">
        <v>130486</v>
      </c>
      <c r="DD20" s="313">
        <v>135562</v>
      </c>
      <c r="DE20" s="313">
        <v>84014</v>
      </c>
      <c r="DF20" s="313">
        <v>105079</v>
      </c>
      <c r="DG20" s="314">
        <v>455141</v>
      </c>
      <c r="DH20" s="316">
        <v>473900</v>
      </c>
      <c r="DI20" s="312">
        <v>0</v>
      </c>
      <c r="DJ20" s="313">
        <v>0</v>
      </c>
      <c r="DK20" s="317">
        <v>0</v>
      </c>
      <c r="DL20" s="318">
        <v>0</v>
      </c>
      <c r="DM20" s="313">
        <v>0</v>
      </c>
      <c r="DN20" s="313">
        <v>145333</v>
      </c>
      <c r="DO20" s="313">
        <v>0</v>
      </c>
      <c r="DP20" s="313">
        <v>28452</v>
      </c>
      <c r="DQ20" s="313">
        <v>51688</v>
      </c>
      <c r="DR20" s="314">
        <v>225473</v>
      </c>
      <c r="DS20" s="316">
        <v>225473</v>
      </c>
      <c r="DT20" s="312">
        <v>0</v>
      </c>
      <c r="DU20" s="313">
        <v>0</v>
      </c>
      <c r="DV20" s="314">
        <v>0</v>
      </c>
      <c r="DW20" s="312">
        <v>0</v>
      </c>
      <c r="DX20" s="313">
        <v>0</v>
      </c>
      <c r="DY20" s="313">
        <v>113040</v>
      </c>
      <c r="DZ20" s="313">
        <v>0</v>
      </c>
      <c r="EA20" s="313">
        <v>28452</v>
      </c>
      <c r="EB20" s="313">
        <v>51688</v>
      </c>
      <c r="EC20" s="314">
        <v>193180</v>
      </c>
      <c r="ED20" s="316">
        <v>193180</v>
      </c>
      <c r="EE20" s="312">
        <v>0</v>
      </c>
      <c r="EF20" s="317">
        <v>0</v>
      </c>
      <c r="EG20" s="314">
        <v>0</v>
      </c>
      <c r="EH20" s="312">
        <v>0</v>
      </c>
      <c r="EI20" s="313">
        <v>0</v>
      </c>
      <c r="EJ20" s="313">
        <v>32293</v>
      </c>
      <c r="EK20" s="313">
        <v>0</v>
      </c>
      <c r="EL20" s="313">
        <v>0</v>
      </c>
      <c r="EM20" s="313">
        <v>0</v>
      </c>
      <c r="EN20" s="317">
        <v>32293</v>
      </c>
      <c r="EO20" s="316">
        <v>32293</v>
      </c>
      <c r="EP20" s="312">
        <v>0</v>
      </c>
      <c r="EQ20" s="313">
        <v>0</v>
      </c>
      <c r="ER20" s="317">
        <v>0</v>
      </c>
      <c r="ES20" s="318">
        <v>0</v>
      </c>
      <c r="ET20" s="313">
        <v>0</v>
      </c>
      <c r="EU20" s="313">
        <v>0</v>
      </c>
      <c r="EV20" s="313">
        <v>0</v>
      </c>
      <c r="EW20" s="313">
        <v>0</v>
      </c>
      <c r="EX20" s="313">
        <v>0</v>
      </c>
      <c r="EY20" s="314">
        <v>0</v>
      </c>
      <c r="EZ20" s="316">
        <v>0</v>
      </c>
      <c r="FA20" s="312">
        <v>0</v>
      </c>
      <c r="FB20" s="313">
        <v>0</v>
      </c>
      <c r="FC20" s="317">
        <v>0</v>
      </c>
      <c r="FD20" s="390">
        <v>0</v>
      </c>
      <c r="FE20" s="313">
        <v>0</v>
      </c>
      <c r="FF20" s="313">
        <v>0</v>
      </c>
      <c r="FG20" s="313">
        <v>0</v>
      </c>
      <c r="FH20" s="313">
        <v>0</v>
      </c>
      <c r="FI20" s="313">
        <v>0</v>
      </c>
      <c r="FJ20" s="314">
        <v>0</v>
      </c>
      <c r="FK20" s="316">
        <v>0</v>
      </c>
      <c r="FL20" s="312">
        <v>9450</v>
      </c>
      <c r="FM20" s="313">
        <v>26320</v>
      </c>
      <c r="FN20" s="314">
        <v>35770</v>
      </c>
      <c r="FO20" s="312">
        <v>0</v>
      </c>
      <c r="FP20" s="313">
        <v>48209</v>
      </c>
      <c r="FQ20" s="313">
        <v>97083</v>
      </c>
      <c r="FR20" s="313">
        <v>20139</v>
      </c>
      <c r="FS20" s="313">
        <v>64680</v>
      </c>
      <c r="FT20" s="313">
        <v>32984</v>
      </c>
      <c r="FU20" s="314">
        <v>263095</v>
      </c>
      <c r="FV20" s="316">
        <v>298865</v>
      </c>
      <c r="FW20" s="319">
        <v>9450</v>
      </c>
      <c r="FX20" s="313">
        <v>26320</v>
      </c>
      <c r="FY20" s="317">
        <v>35770</v>
      </c>
      <c r="FZ20" s="318">
        <v>0</v>
      </c>
      <c r="GA20" s="313">
        <v>26649</v>
      </c>
      <c r="GB20" s="313">
        <v>97083</v>
      </c>
      <c r="GC20" s="313">
        <v>20139</v>
      </c>
      <c r="GD20" s="313">
        <v>64680</v>
      </c>
      <c r="GE20" s="313">
        <v>32984</v>
      </c>
      <c r="GF20" s="314">
        <v>241535</v>
      </c>
      <c r="GG20" s="320">
        <v>277305</v>
      </c>
      <c r="GH20" s="319">
        <v>0</v>
      </c>
      <c r="GI20" s="313">
        <v>0</v>
      </c>
      <c r="GJ20" s="317">
        <v>0</v>
      </c>
      <c r="GK20" s="318">
        <v>0</v>
      </c>
      <c r="GL20" s="313">
        <v>21560</v>
      </c>
      <c r="GM20" s="313">
        <v>0</v>
      </c>
      <c r="GN20" s="313">
        <v>0</v>
      </c>
      <c r="GO20" s="313">
        <v>0</v>
      </c>
      <c r="GP20" s="313">
        <v>0</v>
      </c>
      <c r="GQ20" s="314">
        <v>21560</v>
      </c>
      <c r="GR20" s="316">
        <v>21560</v>
      </c>
      <c r="GS20" s="312">
        <v>0</v>
      </c>
      <c r="GT20" s="313">
        <v>0</v>
      </c>
      <c r="GU20" s="314">
        <v>0</v>
      </c>
      <c r="GV20" s="312">
        <v>0</v>
      </c>
      <c r="GW20" s="313">
        <v>0</v>
      </c>
      <c r="GX20" s="313">
        <v>0</v>
      </c>
      <c r="GY20" s="313">
        <v>0</v>
      </c>
      <c r="GZ20" s="313">
        <v>0</v>
      </c>
      <c r="HA20" s="313">
        <v>0</v>
      </c>
      <c r="HB20" s="317">
        <v>0</v>
      </c>
      <c r="HC20" s="316">
        <v>0</v>
      </c>
      <c r="HD20" s="312">
        <v>566215</v>
      </c>
      <c r="HE20" s="313">
        <v>169944</v>
      </c>
      <c r="HF20" s="317">
        <v>736159</v>
      </c>
      <c r="HG20" s="318">
        <v>0</v>
      </c>
      <c r="HH20" s="313">
        <v>609138</v>
      </c>
      <c r="HI20" s="313">
        <v>324623</v>
      </c>
      <c r="HJ20" s="313">
        <v>172512</v>
      </c>
      <c r="HK20" s="313">
        <v>197324</v>
      </c>
      <c r="HL20" s="313">
        <v>641123</v>
      </c>
      <c r="HM20" s="314">
        <v>1944720</v>
      </c>
      <c r="HN20" s="315">
        <v>2680879</v>
      </c>
      <c r="HO20" s="319">
        <v>0</v>
      </c>
      <c r="HP20" s="313">
        <v>0</v>
      </c>
      <c r="HQ20" s="314">
        <v>0</v>
      </c>
      <c r="HR20" s="312">
        <v>0</v>
      </c>
      <c r="HS20" s="313">
        <v>0</v>
      </c>
      <c r="HT20" s="313">
        <v>0</v>
      </c>
      <c r="HU20" s="313">
        <v>0</v>
      </c>
      <c r="HV20" s="313">
        <v>0</v>
      </c>
      <c r="HW20" s="313">
        <v>0</v>
      </c>
      <c r="HX20" s="317">
        <v>0</v>
      </c>
      <c r="HY20" s="316">
        <v>0</v>
      </c>
      <c r="HZ20" s="344">
        <v>0</v>
      </c>
      <c r="IA20" s="342">
        <v>0</v>
      </c>
      <c r="IB20" s="344">
        <v>0</v>
      </c>
      <c r="IC20" s="341">
        <v>0</v>
      </c>
      <c r="ID20" s="342">
        <v>140310</v>
      </c>
      <c r="IE20" s="343">
        <v>865261</v>
      </c>
      <c r="IF20" s="344">
        <v>293249</v>
      </c>
      <c r="IG20" s="342">
        <v>261018</v>
      </c>
      <c r="IH20" s="344">
        <v>125860</v>
      </c>
      <c r="II20" s="345">
        <v>1685698</v>
      </c>
      <c r="IJ20" s="344">
        <v>1685698</v>
      </c>
      <c r="IK20" s="328">
        <v>0</v>
      </c>
      <c r="IL20" s="329">
        <v>0</v>
      </c>
      <c r="IM20" s="330">
        <v>0</v>
      </c>
      <c r="IN20" s="390">
        <v>0</v>
      </c>
      <c r="IO20" s="331">
        <v>0</v>
      </c>
      <c r="IP20" s="331">
        <v>0</v>
      </c>
      <c r="IQ20" s="331">
        <v>0</v>
      </c>
      <c r="IR20" s="331">
        <v>0</v>
      </c>
      <c r="IS20" s="331">
        <v>0</v>
      </c>
      <c r="IT20" s="332">
        <v>0</v>
      </c>
      <c r="IU20" s="333">
        <v>0</v>
      </c>
      <c r="IV20" s="334">
        <v>0</v>
      </c>
      <c r="IW20" s="331">
        <v>0</v>
      </c>
      <c r="IX20" s="335">
        <v>0</v>
      </c>
      <c r="IY20" s="390">
        <v>0</v>
      </c>
      <c r="IZ20" s="331">
        <v>0</v>
      </c>
      <c r="JA20" s="331">
        <v>0</v>
      </c>
      <c r="JB20" s="331">
        <v>0</v>
      </c>
      <c r="JC20" s="331">
        <v>0</v>
      </c>
      <c r="JD20" s="331">
        <v>0</v>
      </c>
      <c r="JE20" s="335">
        <v>0</v>
      </c>
      <c r="JF20" s="336">
        <v>0</v>
      </c>
      <c r="JG20" s="334">
        <v>0</v>
      </c>
      <c r="JH20" s="331">
        <v>0</v>
      </c>
      <c r="JI20" s="332">
        <v>0</v>
      </c>
      <c r="JJ20" s="337">
        <v>0</v>
      </c>
      <c r="JK20" s="331">
        <v>140310</v>
      </c>
      <c r="JL20" s="331">
        <v>212030</v>
      </c>
      <c r="JM20" s="331">
        <v>19477</v>
      </c>
      <c r="JN20" s="331">
        <v>0</v>
      </c>
      <c r="JO20" s="331">
        <v>125860</v>
      </c>
      <c r="JP20" s="335">
        <v>497677</v>
      </c>
      <c r="JQ20" s="333">
        <v>497677</v>
      </c>
      <c r="JR20" s="334">
        <v>0</v>
      </c>
      <c r="JS20" s="331">
        <v>0</v>
      </c>
      <c r="JT20" s="332">
        <v>0</v>
      </c>
      <c r="JU20" s="337">
        <v>0</v>
      </c>
      <c r="JV20" s="331">
        <v>0</v>
      </c>
      <c r="JW20" s="331">
        <v>0</v>
      </c>
      <c r="JX20" s="331">
        <v>0</v>
      </c>
      <c r="JY20" s="331">
        <v>0</v>
      </c>
      <c r="JZ20" s="331">
        <v>0</v>
      </c>
      <c r="KA20" s="335">
        <v>0</v>
      </c>
      <c r="KB20" s="333">
        <v>0</v>
      </c>
      <c r="KC20" s="338">
        <v>0</v>
      </c>
      <c r="KD20" s="339">
        <v>0</v>
      </c>
      <c r="KE20" s="335">
        <v>0</v>
      </c>
      <c r="KF20" s="337">
        <v>0</v>
      </c>
      <c r="KG20" s="331">
        <v>0</v>
      </c>
      <c r="KH20" s="331">
        <v>0</v>
      </c>
      <c r="KI20" s="331">
        <v>273772</v>
      </c>
      <c r="KJ20" s="331">
        <v>0</v>
      </c>
      <c r="KK20" s="331">
        <v>0</v>
      </c>
      <c r="KL20" s="335">
        <v>273772</v>
      </c>
      <c r="KM20" s="340">
        <v>273772</v>
      </c>
      <c r="KN20" s="328">
        <v>0</v>
      </c>
      <c r="KO20" s="329">
        <v>0</v>
      </c>
      <c r="KP20" s="330">
        <v>0</v>
      </c>
      <c r="KQ20" s="390">
        <v>0</v>
      </c>
      <c r="KR20" s="331">
        <v>0</v>
      </c>
      <c r="KS20" s="331">
        <v>653231</v>
      </c>
      <c r="KT20" s="331">
        <v>0</v>
      </c>
      <c r="KU20" s="331">
        <v>0</v>
      </c>
      <c r="KV20" s="331">
        <v>0</v>
      </c>
      <c r="KW20" s="335">
        <v>653231</v>
      </c>
      <c r="KX20" s="333">
        <v>653231</v>
      </c>
      <c r="KY20" s="334">
        <v>0</v>
      </c>
      <c r="KZ20" s="331">
        <v>0</v>
      </c>
      <c r="LA20" s="335">
        <v>0</v>
      </c>
      <c r="LB20" s="390">
        <v>0</v>
      </c>
      <c r="LC20" s="331">
        <v>0</v>
      </c>
      <c r="LD20" s="331">
        <v>0</v>
      </c>
      <c r="LE20" s="331">
        <v>0</v>
      </c>
      <c r="LF20" s="331">
        <v>0</v>
      </c>
      <c r="LG20" s="331">
        <v>0</v>
      </c>
      <c r="LH20" s="335">
        <v>0</v>
      </c>
      <c r="LI20" s="336">
        <v>0</v>
      </c>
      <c r="LJ20" s="334">
        <v>0</v>
      </c>
      <c r="LK20" s="331">
        <v>0</v>
      </c>
      <c r="LL20" s="335">
        <v>0</v>
      </c>
      <c r="LM20" s="390">
        <v>0</v>
      </c>
      <c r="LN20" s="331">
        <v>0</v>
      </c>
      <c r="LO20" s="331">
        <v>0</v>
      </c>
      <c r="LP20" s="331">
        <v>0</v>
      </c>
      <c r="LQ20" s="331">
        <v>261018</v>
      </c>
      <c r="LR20" s="331">
        <v>0</v>
      </c>
      <c r="LS20" s="335">
        <v>261018</v>
      </c>
      <c r="LT20" s="333">
        <v>261018</v>
      </c>
      <c r="LU20" s="334">
        <v>0</v>
      </c>
      <c r="LV20" s="331">
        <v>0</v>
      </c>
      <c r="LW20" s="335">
        <v>0</v>
      </c>
      <c r="LX20" s="390">
        <v>0</v>
      </c>
      <c r="LY20" s="331">
        <v>0</v>
      </c>
      <c r="LZ20" s="331">
        <v>0</v>
      </c>
      <c r="MA20" s="331">
        <v>0</v>
      </c>
      <c r="MB20" s="331">
        <v>0</v>
      </c>
      <c r="MC20" s="331">
        <v>0</v>
      </c>
      <c r="MD20" s="335">
        <v>0</v>
      </c>
      <c r="ME20" s="336">
        <v>0</v>
      </c>
      <c r="MF20" s="334">
        <v>0</v>
      </c>
      <c r="MG20" s="331">
        <v>0</v>
      </c>
      <c r="MH20" s="335">
        <v>0</v>
      </c>
      <c r="MI20" s="390">
        <v>0</v>
      </c>
      <c r="MJ20" s="331">
        <v>93434</v>
      </c>
      <c r="MK20" s="331">
        <v>0</v>
      </c>
      <c r="ML20" s="331">
        <v>734662</v>
      </c>
      <c r="MM20" s="331">
        <v>261409</v>
      </c>
      <c r="MN20" s="331">
        <v>466184</v>
      </c>
      <c r="MO20" s="335">
        <v>1555689</v>
      </c>
      <c r="MP20" s="340">
        <v>1555689</v>
      </c>
      <c r="MQ20" s="334">
        <v>0</v>
      </c>
      <c r="MR20" s="331">
        <v>0</v>
      </c>
      <c r="MS20" s="335">
        <v>0</v>
      </c>
      <c r="MT20" s="390">
        <v>0</v>
      </c>
      <c r="MU20" s="331">
        <v>0</v>
      </c>
      <c r="MV20" s="331">
        <v>0</v>
      </c>
      <c r="MW20" s="331">
        <v>234523</v>
      </c>
      <c r="MX20" s="331">
        <v>261409</v>
      </c>
      <c r="MY20" s="331">
        <v>466184</v>
      </c>
      <c r="MZ20" s="335">
        <v>962116</v>
      </c>
      <c r="NA20" s="340">
        <v>962116</v>
      </c>
      <c r="NB20" s="334">
        <v>0</v>
      </c>
      <c r="NC20" s="331">
        <v>0</v>
      </c>
      <c r="ND20" s="335">
        <v>0</v>
      </c>
      <c r="NE20" s="390">
        <v>0</v>
      </c>
      <c r="NF20" s="331">
        <v>93434</v>
      </c>
      <c r="NG20" s="331">
        <v>0</v>
      </c>
      <c r="NH20" s="331">
        <v>500139</v>
      </c>
      <c r="NI20" s="331">
        <v>0</v>
      </c>
      <c r="NJ20" s="331">
        <v>0</v>
      </c>
      <c r="NK20" s="335">
        <v>593573</v>
      </c>
      <c r="NL20" s="333">
        <v>593573</v>
      </c>
      <c r="NM20" s="334">
        <v>0</v>
      </c>
      <c r="NN20" s="331">
        <v>0</v>
      </c>
      <c r="NO20" s="335">
        <v>0</v>
      </c>
      <c r="NP20" s="390">
        <v>0</v>
      </c>
      <c r="NQ20" s="331">
        <v>0</v>
      </c>
      <c r="NR20" s="331">
        <v>0</v>
      </c>
      <c r="NS20" s="331">
        <v>0</v>
      </c>
      <c r="NT20" s="331">
        <v>0</v>
      </c>
      <c r="NU20" s="331">
        <v>0</v>
      </c>
      <c r="NV20" s="335">
        <v>0</v>
      </c>
      <c r="NW20" s="336">
        <v>0</v>
      </c>
      <c r="NX20" s="334">
        <v>0</v>
      </c>
      <c r="NY20" s="331">
        <v>0</v>
      </c>
      <c r="NZ20" s="335">
        <v>0</v>
      </c>
      <c r="OA20" s="390">
        <v>0</v>
      </c>
      <c r="OB20" s="331">
        <v>0</v>
      </c>
      <c r="OC20" s="331">
        <v>0</v>
      </c>
      <c r="OD20" s="331">
        <v>0</v>
      </c>
      <c r="OE20" s="331">
        <v>0</v>
      </c>
      <c r="OF20" s="331">
        <v>0</v>
      </c>
      <c r="OG20" s="335">
        <v>0</v>
      </c>
      <c r="OH20" s="336">
        <v>0</v>
      </c>
      <c r="OI20" s="334">
        <v>644257</v>
      </c>
      <c r="OJ20" s="331">
        <v>243739</v>
      </c>
      <c r="OK20" s="332">
        <v>887996</v>
      </c>
      <c r="OL20" s="337">
        <v>0</v>
      </c>
      <c r="OM20" s="331">
        <v>1171112</v>
      </c>
      <c r="ON20" s="331">
        <v>1907302</v>
      </c>
      <c r="OO20" s="331">
        <v>1393704</v>
      </c>
      <c r="OP20" s="331">
        <v>1011558</v>
      </c>
      <c r="OQ20" s="331">
        <v>1650771</v>
      </c>
      <c r="OR20" s="335">
        <v>7134447</v>
      </c>
      <c r="OS20" s="340">
        <v>8022443</v>
      </c>
    </row>
    <row r="21" spans="2:409" s="56" customFormat="1" ht="21" customHeight="1" x14ac:dyDescent="0.2">
      <c r="B21" s="92" t="s">
        <v>16</v>
      </c>
      <c r="C21" s="312">
        <v>428758</v>
      </c>
      <c r="D21" s="313">
        <v>335178</v>
      </c>
      <c r="E21" s="314">
        <v>763936</v>
      </c>
      <c r="F21" s="315">
        <v>0</v>
      </c>
      <c r="G21" s="313">
        <v>2762501</v>
      </c>
      <c r="H21" s="313">
        <v>5803301</v>
      </c>
      <c r="I21" s="313">
        <v>4894348</v>
      </c>
      <c r="J21" s="313">
        <v>3804925</v>
      </c>
      <c r="K21" s="313">
        <v>2850436</v>
      </c>
      <c r="L21" s="315">
        <v>20115511</v>
      </c>
      <c r="M21" s="316">
        <v>20879447</v>
      </c>
      <c r="N21" s="312">
        <v>131815</v>
      </c>
      <c r="O21" s="313">
        <v>66082</v>
      </c>
      <c r="P21" s="314">
        <v>197897</v>
      </c>
      <c r="Q21" s="312">
        <v>0</v>
      </c>
      <c r="R21" s="313">
        <v>472959</v>
      </c>
      <c r="S21" s="313">
        <v>1611525</v>
      </c>
      <c r="T21" s="313">
        <v>1164106</v>
      </c>
      <c r="U21" s="313">
        <v>931479</v>
      </c>
      <c r="V21" s="313">
        <v>534882</v>
      </c>
      <c r="W21" s="314">
        <v>4714951</v>
      </c>
      <c r="X21" s="316">
        <v>4912848</v>
      </c>
      <c r="Y21" s="312">
        <v>0</v>
      </c>
      <c r="Z21" s="313">
        <v>0</v>
      </c>
      <c r="AA21" s="314">
        <v>0</v>
      </c>
      <c r="AB21" s="312">
        <v>0</v>
      </c>
      <c r="AC21" s="313">
        <v>93580</v>
      </c>
      <c r="AD21" s="313">
        <v>824324</v>
      </c>
      <c r="AE21" s="313">
        <v>437291</v>
      </c>
      <c r="AF21" s="313">
        <v>320061</v>
      </c>
      <c r="AG21" s="313">
        <v>23420</v>
      </c>
      <c r="AH21" s="314">
        <v>1698676</v>
      </c>
      <c r="AI21" s="316">
        <v>1698676</v>
      </c>
      <c r="AJ21" s="312">
        <v>0</v>
      </c>
      <c r="AK21" s="313">
        <v>0</v>
      </c>
      <c r="AL21" s="314">
        <v>0</v>
      </c>
      <c r="AM21" s="312">
        <v>0</v>
      </c>
      <c r="AN21" s="313">
        <v>0</v>
      </c>
      <c r="AO21" s="313">
        <v>0</v>
      </c>
      <c r="AP21" s="313">
        <v>0</v>
      </c>
      <c r="AQ21" s="313">
        <v>90918</v>
      </c>
      <c r="AR21" s="313">
        <v>73001</v>
      </c>
      <c r="AS21" s="314">
        <v>163919</v>
      </c>
      <c r="AT21" s="316">
        <v>163919</v>
      </c>
      <c r="AU21" s="312">
        <v>91843</v>
      </c>
      <c r="AV21" s="313">
        <v>66082</v>
      </c>
      <c r="AW21" s="314">
        <v>157925</v>
      </c>
      <c r="AX21" s="312">
        <v>0</v>
      </c>
      <c r="AY21" s="313">
        <v>271812</v>
      </c>
      <c r="AZ21" s="313">
        <v>520291</v>
      </c>
      <c r="BA21" s="313">
        <v>520539</v>
      </c>
      <c r="BB21" s="313">
        <v>352514</v>
      </c>
      <c r="BC21" s="313">
        <v>206380</v>
      </c>
      <c r="BD21" s="314">
        <v>1871536</v>
      </c>
      <c r="BE21" s="316">
        <v>2029461</v>
      </c>
      <c r="BF21" s="312">
        <v>26378</v>
      </c>
      <c r="BG21" s="313">
        <v>0</v>
      </c>
      <c r="BH21" s="317">
        <v>26378</v>
      </c>
      <c r="BI21" s="318">
        <v>0</v>
      </c>
      <c r="BJ21" s="313">
        <v>0</v>
      </c>
      <c r="BK21" s="313">
        <v>0</v>
      </c>
      <c r="BL21" s="313">
        <v>0</v>
      </c>
      <c r="BM21" s="313">
        <v>0</v>
      </c>
      <c r="BN21" s="313">
        <v>83212</v>
      </c>
      <c r="BO21" s="314">
        <v>83212</v>
      </c>
      <c r="BP21" s="316">
        <v>109590</v>
      </c>
      <c r="BQ21" s="312">
        <v>13594</v>
      </c>
      <c r="BR21" s="313">
        <v>0</v>
      </c>
      <c r="BS21" s="314">
        <v>13594</v>
      </c>
      <c r="BT21" s="312">
        <v>0</v>
      </c>
      <c r="BU21" s="313">
        <v>107567</v>
      </c>
      <c r="BV21" s="313">
        <v>266910</v>
      </c>
      <c r="BW21" s="313">
        <v>206276</v>
      </c>
      <c r="BX21" s="313">
        <v>167986</v>
      </c>
      <c r="BY21" s="313">
        <v>148869</v>
      </c>
      <c r="BZ21" s="314">
        <v>897608</v>
      </c>
      <c r="CA21" s="316">
        <v>911202</v>
      </c>
      <c r="CB21" s="312">
        <v>74945</v>
      </c>
      <c r="CC21" s="313">
        <v>203590</v>
      </c>
      <c r="CD21" s="314">
        <v>278535</v>
      </c>
      <c r="CE21" s="312">
        <v>0</v>
      </c>
      <c r="CF21" s="313">
        <v>1164682</v>
      </c>
      <c r="CG21" s="313">
        <v>2138005</v>
      </c>
      <c r="CH21" s="313">
        <v>993475</v>
      </c>
      <c r="CI21" s="313">
        <v>606876</v>
      </c>
      <c r="CJ21" s="313">
        <v>279634</v>
      </c>
      <c r="CK21" s="314">
        <v>5182672</v>
      </c>
      <c r="CL21" s="316">
        <v>5461207</v>
      </c>
      <c r="CM21" s="312">
        <v>0</v>
      </c>
      <c r="CN21" s="313">
        <v>0</v>
      </c>
      <c r="CO21" s="314">
        <v>0</v>
      </c>
      <c r="CP21" s="318">
        <v>0</v>
      </c>
      <c r="CQ21" s="313">
        <v>706201</v>
      </c>
      <c r="CR21" s="313">
        <v>1393516</v>
      </c>
      <c r="CS21" s="313">
        <v>405557</v>
      </c>
      <c r="CT21" s="313">
        <v>520303</v>
      </c>
      <c r="CU21" s="313">
        <v>188336</v>
      </c>
      <c r="CV21" s="314">
        <v>3213913</v>
      </c>
      <c r="CW21" s="316">
        <v>3213913</v>
      </c>
      <c r="CX21" s="312">
        <v>74945</v>
      </c>
      <c r="CY21" s="313">
        <v>203590</v>
      </c>
      <c r="CZ21" s="314">
        <v>278535</v>
      </c>
      <c r="DA21" s="312">
        <v>0</v>
      </c>
      <c r="DB21" s="313">
        <v>458481</v>
      </c>
      <c r="DC21" s="313">
        <v>744489</v>
      </c>
      <c r="DD21" s="313">
        <v>587918</v>
      </c>
      <c r="DE21" s="313">
        <v>86573</v>
      </c>
      <c r="DF21" s="313">
        <v>91298</v>
      </c>
      <c r="DG21" s="314">
        <v>1968759</v>
      </c>
      <c r="DH21" s="316">
        <v>2247294</v>
      </c>
      <c r="DI21" s="312">
        <v>23435</v>
      </c>
      <c r="DJ21" s="313">
        <v>0</v>
      </c>
      <c r="DK21" s="317">
        <v>23435</v>
      </c>
      <c r="DL21" s="318">
        <v>0</v>
      </c>
      <c r="DM21" s="313">
        <v>24794</v>
      </c>
      <c r="DN21" s="313">
        <v>382229</v>
      </c>
      <c r="DO21" s="313">
        <v>509208</v>
      </c>
      <c r="DP21" s="313">
        <v>118716</v>
      </c>
      <c r="DQ21" s="313">
        <v>249199</v>
      </c>
      <c r="DR21" s="314">
        <v>1284146</v>
      </c>
      <c r="DS21" s="316">
        <v>1307581</v>
      </c>
      <c r="DT21" s="312">
        <v>23435</v>
      </c>
      <c r="DU21" s="313">
        <v>0</v>
      </c>
      <c r="DV21" s="314">
        <v>23435</v>
      </c>
      <c r="DW21" s="312">
        <v>0</v>
      </c>
      <c r="DX21" s="313">
        <v>24794</v>
      </c>
      <c r="DY21" s="313">
        <v>347234</v>
      </c>
      <c r="DZ21" s="313">
        <v>509208</v>
      </c>
      <c r="EA21" s="313">
        <v>118716</v>
      </c>
      <c r="EB21" s="313">
        <v>249199</v>
      </c>
      <c r="EC21" s="314">
        <v>1249151</v>
      </c>
      <c r="ED21" s="316">
        <v>1272586</v>
      </c>
      <c r="EE21" s="312">
        <v>0</v>
      </c>
      <c r="EF21" s="317">
        <v>0</v>
      </c>
      <c r="EG21" s="314">
        <v>0</v>
      </c>
      <c r="EH21" s="312">
        <v>0</v>
      </c>
      <c r="EI21" s="313">
        <v>0</v>
      </c>
      <c r="EJ21" s="313">
        <v>34995</v>
      </c>
      <c r="EK21" s="313">
        <v>0</v>
      </c>
      <c r="EL21" s="313">
        <v>0</v>
      </c>
      <c r="EM21" s="313">
        <v>0</v>
      </c>
      <c r="EN21" s="317">
        <v>34995</v>
      </c>
      <c r="EO21" s="316">
        <v>34995</v>
      </c>
      <c r="EP21" s="312">
        <v>0</v>
      </c>
      <c r="EQ21" s="313">
        <v>0</v>
      </c>
      <c r="ER21" s="317">
        <v>0</v>
      </c>
      <c r="ES21" s="318">
        <v>0</v>
      </c>
      <c r="ET21" s="313">
        <v>0</v>
      </c>
      <c r="EU21" s="313">
        <v>0</v>
      </c>
      <c r="EV21" s="313">
        <v>0</v>
      </c>
      <c r="EW21" s="313">
        <v>0</v>
      </c>
      <c r="EX21" s="313">
        <v>0</v>
      </c>
      <c r="EY21" s="314">
        <v>0</v>
      </c>
      <c r="EZ21" s="316">
        <v>0</v>
      </c>
      <c r="FA21" s="312">
        <v>0</v>
      </c>
      <c r="FB21" s="313">
        <v>0</v>
      </c>
      <c r="FC21" s="317">
        <v>0</v>
      </c>
      <c r="FD21" s="390">
        <v>0</v>
      </c>
      <c r="FE21" s="313">
        <v>0</v>
      </c>
      <c r="FF21" s="313">
        <v>0</v>
      </c>
      <c r="FG21" s="313">
        <v>0</v>
      </c>
      <c r="FH21" s="313">
        <v>0</v>
      </c>
      <c r="FI21" s="313">
        <v>0</v>
      </c>
      <c r="FJ21" s="314">
        <v>0</v>
      </c>
      <c r="FK21" s="316">
        <v>0</v>
      </c>
      <c r="FL21" s="312">
        <v>47978</v>
      </c>
      <c r="FM21" s="313">
        <v>65506</v>
      </c>
      <c r="FN21" s="314">
        <v>113484</v>
      </c>
      <c r="FO21" s="312">
        <v>0</v>
      </c>
      <c r="FP21" s="313">
        <v>98931</v>
      </c>
      <c r="FQ21" s="313">
        <v>383999</v>
      </c>
      <c r="FR21" s="313">
        <v>270578</v>
      </c>
      <c r="FS21" s="313">
        <v>272118</v>
      </c>
      <c r="FT21" s="313">
        <v>226324</v>
      </c>
      <c r="FU21" s="314">
        <v>1251950</v>
      </c>
      <c r="FV21" s="316">
        <v>1365434</v>
      </c>
      <c r="FW21" s="319">
        <v>47978</v>
      </c>
      <c r="FX21" s="313">
        <v>65506</v>
      </c>
      <c r="FY21" s="317">
        <v>113484</v>
      </c>
      <c r="FZ21" s="318">
        <v>0</v>
      </c>
      <c r="GA21" s="313">
        <v>98931</v>
      </c>
      <c r="GB21" s="313">
        <v>383999</v>
      </c>
      <c r="GC21" s="313">
        <v>270578</v>
      </c>
      <c r="GD21" s="313">
        <v>272118</v>
      </c>
      <c r="GE21" s="313">
        <v>226324</v>
      </c>
      <c r="GF21" s="314">
        <v>1251950</v>
      </c>
      <c r="GG21" s="320">
        <v>1365434</v>
      </c>
      <c r="GH21" s="319">
        <v>0</v>
      </c>
      <c r="GI21" s="313">
        <v>0</v>
      </c>
      <c r="GJ21" s="317">
        <v>0</v>
      </c>
      <c r="GK21" s="318">
        <v>0</v>
      </c>
      <c r="GL21" s="313">
        <v>0</v>
      </c>
      <c r="GM21" s="313">
        <v>0</v>
      </c>
      <c r="GN21" s="313">
        <v>0</v>
      </c>
      <c r="GO21" s="313">
        <v>0</v>
      </c>
      <c r="GP21" s="313">
        <v>0</v>
      </c>
      <c r="GQ21" s="314">
        <v>0</v>
      </c>
      <c r="GR21" s="316">
        <v>0</v>
      </c>
      <c r="GS21" s="312">
        <v>0</v>
      </c>
      <c r="GT21" s="313">
        <v>0</v>
      </c>
      <c r="GU21" s="314">
        <v>0</v>
      </c>
      <c r="GV21" s="312">
        <v>0</v>
      </c>
      <c r="GW21" s="313">
        <v>0</v>
      </c>
      <c r="GX21" s="313">
        <v>0</v>
      </c>
      <c r="GY21" s="313">
        <v>0</v>
      </c>
      <c r="GZ21" s="313">
        <v>0</v>
      </c>
      <c r="HA21" s="313">
        <v>0</v>
      </c>
      <c r="HB21" s="317">
        <v>0</v>
      </c>
      <c r="HC21" s="316">
        <v>0</v>
      </c>
      <c r="HD21" s="312">
        <v>150585</v>
      </c>
      <c r="HE21" s="313">
        <v>0</v>
      </c>
      <c r="HF21" s="317">
        <v>150585</v>
      </c>
      <c r="HG21" s="318">
        <v>0</v>
      </c>
      <c r="HH21" s="313">
        <v>1001135</v>
      </c>
      <c r="HI21" s="313">
        <v>1287543</v>
      </c>
      <c r="HJ21" s="313">
        <v>1956981</v>
      </c>
      <c r="HK21" s="313">
        <v>1875736</v>
      </c>
      <c r="HL21" s="313">
        <v>1560397</v>
      </c>
      <c r="HM21" s="314">
        <v>7681792</v>
      </c>
      <c r="HN21" s="315">
        <v>7832377</v>
      </c>
      <c r="HO21" s="319">
        <v>0</v>
      </c>
      <c r="HP21" s="313">
        <v>0</v>
      </c>
      <c r="HQ21" s="314">
        <v>0</v>
      </c>
      <c r="HR21" s="312">
        <v>0</v>
      </c>
      <c r="HS21" s="313">
        <v>0</v>
      </c>
      <c r="HT21" s="313">
        <v>0</v>
      </c>
      <c r="HU21" s="313">
        <v>0</v>
      </c>
      <c r="HV21" s="313">
        <v>0</v>
      </c>
      <c r="HW21" s="313">
        <v>0</v>
      </c>
      <c r="HX21" s="317">
        <v>0</v>
      </c>
      <c r="HY21" s="316">
        <v>0</v>
      </c>
      <c r="HZ21" s="321">
        <v>0</v>
      </c>
      <c r="IA21" s="322">
        <v>0</v>
      </c>
      <c r="IB21" s="323">
        <v>0</v>
      </c>
      <c r="IC21" s="324">
        <v>0</v>
      </c>
      <c r="ID21" s="322">
        <v>929943</v>
      </c>
      <c r="IE21" s="325">
        <v>998379</v>
      </c>
      <c r="IF21" s="323">
        <v>641585</v>
      </c>
      <c r="IG21" s="322">
        <v>364032</v>
      </c>
      <c r="IH21" s="323">
        <v>541725</v>
      </c>
      <c r="II21" s="326">
        <v>3475664</v>
      </c>
      <c r="IJ21" s="327">
        <v>3475664</v>
      </c>
      <c r="IK21" s="328">
        <v>0</v>
      </c>
      <c r="IL21" s="329">
        <v>0</v>
      </c>
      <c r="IM21" s="330">
        <v>0</v>
      </c>
      <c r="IN21" s="390">
        <v>0</v>
      </c>
      <c r="IO21" s="331">
        <v>0</v>
      </c>
      <c r="IP21" s="331">
        <v>0</v>
      </c>
      <c r="IQ21" s="331">
        <v>157936</v>
      </c>
      <c r="IR21" s="331">
        <v>164906</v>
      </c>
      <c r="IS21" s="331">
        <v>100433</v>
      </c>
      <c r="IT21" s="332">
        <v>423275</v>
      </c>
      <c r="IU21" s="333">
        <v>423275</v>
      </c>
      <c r="IV21" s="334">
        <v>0</v>
      </c>
      <c r="IW21" s="331">
        <v>0</v>
      </c>
      <c r="IX21" s="335">
        <v>0</v>
      </c>
      <c r="IY21" s="390">
        <v>0</v>
      </c>
      <c r="IZ21" s="331">
        <v>0</v>
      </c>
      <c r="JA21" s="331">
        <v>0</v>
      </c>
      <c r="JB21" s="331">
        <v>0</v>
      </c>
      <c r="JC21" s="331">
        <v>0</v>
      </c>
      <c r="JD21" s="331">
        <v>0</v>
      </c>
      <c r="JE21" s="335">
        <v>0</v>
      </c>
      <c r="JF21" s="336">
        <v>0</v>
      </c>
      <c r="JG21" s="334">
        <v>0</v>
      </c>
      <c r="JH21" s="331">
        <v>0</v>
      </c>
      <c r="JI21" s="332">
        <v>0</v>
      </c>
      <c r="JJ21" s="337">
        <v>0</v>
      </c>
      <c r="JK21" s="331">
        <v>237525</v>
      </c>
      <c r="JL21" s="331">
        <v>404768</v>
      </c>
      <c r="JM21" s="331">
        <v>265327</v>
      </c>
      <c r="JN21" s="331">
        <v>15829</v>
      </c>
      <c r="JO21" s="331">
        <v>0</v>
      </c>
      <c r="JP21" s="335">
        <v>923449</v>
      </c>
      <c r="JQ21" s="333">
        <v>923449</v>
      </c>
      <c r="JR21" s="334">
        <v>0</v>
      </c>
      <c r="JS21" s="331">
        <v>0</v>
      </c>
      <c r="JT21" s="332">
        <v>0</v>
      </c>
      <c r="JU21" s="337">
        <v>0</v>
      </c>
      <c r="JV21" s="331">
        <v>43551</v>
      </c>
      <c r="JW21" s="331">
        <v>0</v>
      </c>
      <c r="JX21" s="331">
        <v>0</v>
      </c>
      <c r="JY21" s="331">
        <v>0</v>
      </c>
      <c r="JZ21" s="331">
        <v>0</v>
      </c>
      <c r="KA21" s="335">
        <v>43551</v>
      </c>
      <c r="KB21" s="333">
        <v>43551</v>
      </c>
      <c r="KC21" s="338">
        <v>0</v>
      </c>
      <c r="KD21" s="339">
        <v>0</v>
      </c>
      <c r="KE21" s="335">
        <v>0</v>
      </c>
      <c r="KF21" s="337">
        <v>0</v>
      </c>
      <c r="KG21" s="331">
        <v>312687</v>
      </c>
      <c r="KH21" s="331">
        <v>162596</v>
      </c>
      <c r="KI21" s="331">
        <v>0</v>
      </c>
      <c r="KJ21" s="331">
        <v>0</v>
      </c>
      <c r="KK21" s="331">
        <v>256389</v>
      </c>
      <c r="KL21" s="335">
        <v>731672</v>
      </c>
      <c r="KM21" s="340">
        <v>731672</v>
      </c>
      <c r="KN21" s="328">
        <v>0</v>
      </c>
      <c r="KO21" s="329">
        <v>0</v>
      </c>
      <c r="KP21" s="330">
        <v>0</v>
      </c>
      <c r="KQ21" s="390">
        <v>0</v>
      </c>
      <c r="KR21" s="331">
        <v>210853</v>
      </c>
      <c r="KS21" s="331">
        <v>431015</v>
      </c>
      <c r="KT21" s="331">
        <v>218322</v>
      </c>
      <c r="KU21" s="331">
        <v>183297</v>
      </c>
      <c r="KV21" s="331">
        <v>0</v>
      </c>
      <c r="KW21" s="335">
        <v>1043487</v>
      </c>
      <c r="KX21" s="333">
        <v>1043487</v>
      </c>
      <c r="KY21" s="334">
        <v>0</v>
      </c>
      <c r="KZ21" s="331">
        <v>0</v>
      </c>
      <c r="LA21" s="335">
        <v>0</v>
      </c>
      <c r="LB21" s="390">
        <v>0</v>
      </c>
      <c r="LC21" s="331">
        <v>0</v>
      </c>
      <c r="LD21" s="331">
        <v>0</v>
      </c>
      <c r="LE21" s="331">
        <v>0</v>
      </c>
      <c r="LF21" s="331">
        <v>0</v>
      </c>
      <c r="LG21" s="331">
        <v>0</v>
      </c>
      <c r="LH21" s="335">
        <v>0</v>
      </c>
      <c r="LI21" s="336">
        <v>0</v>
      </c>
      <c r="LJ21" s="334">
        <v>0</v>
      </c>
      <c r="LK21" s="331">
        <v>0</v>
      </c>
      <c r="LL21" s="335">
        <v>0</v>
      </c>
      <c r="LM21" s="390">
        <v>0</v>
      </c>
      <c r="LN21" s="331">
        <v>0</v>
      </c>
      <c r="LO21" s="331">
        <v>0</v>
      </c>
      <c r="LP21" s="331">
        <v>0</v>
      </c>
      <c r="LQ21" s="331">
        <v>0</v>
      </c>
      <c r="LR21" s="331">
        <v>0</v>
      </c>
      <c r="LS21" s="335">
        <v>0</v>
      </c>
      <c r="LT21" s="333">
        <v>0</v>
      </c>
      <c r="LU21" s="334">
        <v>0</v>
      </c>
      <c r="LV21" s="331">
        <v>0</v>
      </c>
      <c r="LW21" s="335">
        <v>0</v>
      </c>
      <c r="LX21" s="390">
        <v>0</v>
      </c>
      <c r="LY21" s="331">
        <v>125327</v>
      </c>
      <c r="LZ21" s="331">
        <v>0</v>
      </c>
      <c r="MA21" s="331">
        <v>0</v>
      </c>
      <c r="MB21" s="331">
        <v>0</v>
      </c>
      <c r="MC21" s="331">
        <v>184903</v>
      </c>
      <c r="MD21" s="335">
        <v>310230</v>
      </c>
      <c r="ME21" s="336">
        <v>310230</v>
      </c>
      <c r="MF21" s="334">
        <v>0</v>
      </c>
      <c r="MG21" s="331">
        <v>0</v>
      </c>
      <c r="MH21" s="335">
        <v>0</v>
      </c>
      <c r="MI21" s="390">
        <v>0</v>
      </c>
      <c r="MJ21" s="331">
        <v>0</v>
      </c>
      <c r="MK21" s="331">
        <v>232369</v>
      </c>
      <c r="ML21" s="331">
        <v>2171843</v>
      </c>
      <c r="MM21" s="331">
        <v>3428385</v>
      </c>
      <c r="MN21" s="331">
        <v>1013082</v>
      </c>
      <c r="MO21" s="335">
        <v>6845679</v>
      </c>
      <c r="MP21" s="340">
        <v>6845679</v>
      </c>
      <c r="MQ21" s="334">
        <v>0</v>
      </c>
      <c r="MR21" s="331">
        <v>0</v>
      </c>
      <c r="MS21" s="335">
        <v>0</v>
      </c>
      <c r="MT21" s="390">
        <v>0</v>
      </c>
      <c r="MU21" s="331">
        <v>0</v>
      </c>
      <c r="MV21" s="331">
        <v>0</v>
      </c>
      <c r="MW21" s="331">
        <v>857264</v>
      </c>
      <c r="MX21" s="331">
        <v>1745749</v>
      </c>
      <c r="MY21" s="331">
        <v>389729</v>
      </c>
      <c r="MZ21" s="335">
        <v>2992742</v>
      </c>
      <c r="NA21" s="340">
        <v>2992742</v>
      </c>
      <c r="NB21" s="334">
        <v>0</v>
      </c>
      <c r="NC21" s="331">
        <v>0</v>
      </c>
      <c r="ND21" s="335">
        <v>0</v>
      </c>
      <c r="NE21" s="390">
        <v>0</v>
      </c>
      <c r="NF21" s="331">
        <v>0</v>
      </c>
      <c r="NG21" s="331">
        <v>232369</v>
      </c>
      <c r="NH21" s="331">
        <v>1314579</v>
      </c>
      <c r="NI21" s="331">
        <v>1682636</v>
      </c>
      <c r="NJ21" s="331">
        <v>623353</v>
      </c>
      <c r="NK21" s="335">
        <v>3852937</v>
      </c>
      <c r="NL21" s="333">
        <v>3852937</v>
      </c>
      <c r="NM21" s="334">
        <v>0</v>
      </c>
      <c r="NN21" s="331">
        <v>0</v>
      </c>
      <c r="NO21" s="335">
        <v>0</v>
      </c>
      <c r="NP21" s="390">
        <v>0</v>
      </c>
      <c r="NQ21" s="331">
        <v>0</v>
      </c>
      <c r="NR21" s="331">
        <v>0</v>
      </c>
      <c r="NS21" s="331">
        <v>0</v>
      </c>
      <c r="NT21" s="331">
        <v>0</v>
      </c>
      <c r="NU21" s="331">
        <v>0</v>
      </c>
      <c r="NV21" s="335">
        <v>0</v>
      </c>
      <c r="NW21" s="336">
        <v>0</v>
      </c>
      <c r="NX21" s="334">
        <v>0</v>
      </c>
      <c r="NY21" s="331">
        <v>0</v>
      </c>
      <c r="NZ21" s="335">
        <v>0</v>
      </c>
      <c r="OA21" s="390">
        <v>0</v>
      </c>
      <c r="OB21" s="331">
        <v>0</v>
      </c>
      <c r="OC21" s="331">
        <v>0</v>
      </c>
      <c r="OD21" s="331">
        <v>0</v>
      </c>
      <c r="OE21" s="331">
        <v>0</v>
      </c>
      <c r="OF21" s="331">
        <v>0</v>
      </c>
      <c r="OG21" s="335">
        <v>0</v>
      </c>
      <c r="OH21" s="336">
        <v>0</v>
      </c>
      <c r="OI21" s="334">
        <v>428758</v>
      </c>
      <c r="OJ21" s="331">
        <v>335178</v>
      </c>
      <c r="OK21" s="332">
        <v>763936</v>
      </c>
      <c r="OL21" s="337">
        <v>0</v>
      </c>
      <c r="OM21" s="331">
        <v>3692444</v>
      </c>
      <c r="ON21" s="331">
        <v>7034049</v>
      </c>
      <c r="OO21" s="331">
        <v>7707776</v>
      </c>
      <c r="OP21" s="331">
        <v>7597342</v>
      </c>
      <c r="OQ21" s="331">
        <v>4405243</v>
      </c>
      <c r="OR21" s="335">
        <v>30436854</v>
      </c>
      <c r="OS21" s="340">
        <v>31200790</v>
      </c>
    </row>
    <row r="22" spans="2:409" s="56" customFormat="1" ht="21" customHeight="1" x14ac:dyDescent="0.2">
      <c r="B22" s="92" t="s">
        <v>17</v>
      </c>
      <c r="C22" s="312">
        <v>576663</v>
      </c>
      <c r="D22" s="313">
        <v>854125</v>
      </c>
      <c r="E22" s="314">
        <v>1430788</v>
      </c>
      <c r="F22" s="315">
        <v>0</v>
      </c>
      <c r="G22" s="313">
        <v>3989176</v>
      </c>
      <c r="H22" s="313">
        <v>7460491</v>
      </c>
      <c r="I22" s="313">
        <v>7822958</v>
      </c>
      <c r="J22" s="313">
        <v>7668857</v>
      </c>
      <c r="K22" s="313">
        <v>3336595</v>
      </c>
      <c r="L22" s="315">
        <v>30278077</v>
      </c>
      <c r="M22" s="316">
        <v>31708865</v>
      </c>
      <c r="N22" s="312">
        <v>207041</v>
      </c>
      <c r="O22" s="313">
        <v>276778</v>
      </c>
      <c r="P22" s="314">
        <v>483819</v>
      </c>
      <c r="Q22" s="312">
        <v>0</v>
      </c>
      <c r="R22" s="313">
        <v>842957</v>
      </c>
      <c r="S22" s="313">
        <v>2719610</v>
      </c>
      <c r="T22" s="313">
        <v>3081764</v>
      </c>
      <c r="U22" s="313">
        <v>2732664</v>
      </c>
      <c r="V22" s="313">
        <v>1665716</v>
      </c>
      <c r="W22" s="314">
        <v>11042711</v>
      </c>
      <c r="X22" s="316">
        <v>11526530</v>
      </c>
      <c r="Y22" s="312">
        <v>0</v>
      </c>
      <c r="Z22" s="313">
        <v>0</v>
      </c>
      <c r="AA22" s="314">
        <v>0</v>
      </c>
      <c r="AB22" s="312">
        <v>0</v>
      </c>
      <c r="AC22" s="313">
        <v>224104</v>
      </c>
      <c r="AD22" s="313">
        <v>1199568</v>
      </c>
      <c r="AE22" s="313">
        <v>1662825</v>
      </c>
      <c r="AF22" s="313">
        <v>1415748</v>
      </c>
      <c r="AG22" s="313">
        <v>848088</v>
      </c>
      <c r="AH22" s="314">
        <v>5350333</v>
      </c>
      <c r="AI22" s="316">
        <v>5350333</v>
      </c>
      <c r="AJ22" s="312">
        <v>0</v>
      </c>
      <c r="AK22" s="313">
        <v>0</v>
      </c>
      <c r="AL22" s="314">
        <v>0</v>
      </c>
      <c r="AM22" s="312">
        <v>0</v>
      </c>
      <c r="AN22" s="313">
        <v>0</v>
      </c>
      <c r="AO22" s="313">
        <v>33368</v>
      </c>
      <c r="AP22" s="313">
        <v>97127</v>
      </c>
      <c r="AQ22" s="313">
        <v>288830</v>
      </c>
      <c r="AR22" s="313">
        <v>280227</v>
      </c>
      <c r="AS22" s="314">
        <v>699552</v>
      </c>
      <c r="AT22" s="316">
        <v>699552</v>
      </c>
      <c r="AU22" s="312">
        <v>63851</v>
      </c>
      <c r="AV22" s="313">
        <v>230634</v>
      </c>
      <c r="AW22" s="314">
        <v>294485</v>
      </c>
      <c r="AX22" s="312">
        <v>0</v>
      </c>
      <c r="AY22" s="313">
        <v>231550</v>
      </c>
      <c r="AZ22" s="313">
        <v>1079533</v>
      </c>
      <c r="BA22" s="313">
        <v>699635</v>
      </c>
      <c r="BB22" s="313">
        <v>565500</v>
      </c>
      <c r="BC22" s="313">
        <v>299324</v>
      </c>
      <c r="BD22" s="314">
        <v>2875542</v>
      </c>
      <c r="BE22" s="316">
        <v>3170027</v>
      </c>
      <c r="BF22" s="312">
        <v>87162</v>
      </c>
      <c r="BG22" s="313">
        <v>0</v>
      </c>
      <c r="BH22" s="317">
        <v>87162</v>
      </c>
      <c r="BI22" s="318">
        <v>0</v>
      </c>
      <c r="BJ22" s="313">
        <v>42847</v>
      </c>
      <c r="BK22" s="313">
        <v>109823</v>
      </c>
      <c r="BL22" s="313">
        <v>191523</v>
      </c>
      <c r="BM22" s="313">
        <v>37889</v>
      </c>
      <c r="BN22" s="313">
        <v>0</v>
      </c>
      <c r="BO22" s="314">
        <v>382082</v>
      </c>
      <c r="BP22" s="316">
        <v>469244</v>
      </c>
      <c r="BQ22" s="312">
        <v>56028</v>
      </c>
      <c r="BR22" s="313">
        <v>46144</v>
      </c>
      <c r="BS22" s="314">
        <v>102172</v>
      </c>
      <c r="BT22" s="312">
        <v>0</v>
      </c>
      <c r="BU22" s="313">
        <v>344456</v>
      </c>
      <c r="BV22" s="313">
        <v>297318</v>
      </c>
      <c r="BW22" s="313">
        <v>430654</v>
      </c>
      <c r="BX22" s="313">
        <v>424697</v>
      </c>
      <c r="BY22" s="313">
        <v>238077</v>
      </c>
      <c r="BZ22" s="314">
        <v>1735202</v>
      </c>
      <c r="CA22" s="316">
        <v>1837374</v>
      </c>
      <c r="CB22" s="312">
        <v>94010</v>
      </c>
      <c r="CC22" s="313">
        <v>209007</v>
      </c>
      <c r="CD22" s="314">
        <v>303017</v>
      </c>
      <c r="CE22" s="312">
        <v>0</v>
      </c>
      <c r="CF22" s="313">
        <v>862271</v>
      </c>
      <c r="CG22" s="313">
        <v>1971490</v>
      </c>
      <c r="CH22" s="313">
        <v>1789835</v>
      </c>
      <c r="CI22" s="313">
        <v>1067649</v>
      </c>
      <c r="CJ22" s="313">
        <v>0</v>
      </c>
      <c r="CK22" s="314">
        <v>5691245</v>
      </c>
      <c r="CL22" s="316">
        <v>5994262</v>
      </c>
      <c r="CM22" s="312">
        <v>0</v>
      </c>
      <c r="CN22" s="313">
        <v>0</v>
      </c>
      <c r="CO22" s="314">
        <v>0</v>
      </c>
      <c r="CP22" s="318">
        <v>0</v>
      </c>
      <c r="CQ22" s="313">
        <v>546659</v>
      </c>
      <c r="CR22" s="313">
        <v>1302509</v>
      </c>
      <c r="CS22" s="313">
        <v>1050057</v>
      </c>
      <c r="CT22" s="313">
        <v>692613</v>
      </c>
      <c r="CU22" s="313">
        <v>0</v>
      </c>
      <c r="CV22" s="314">
        <v>3591838</v>
      </c>
      <c r="CW22" s="316">
        <v>3591838</v>
      </c>
      <c r="CX22" s="312">
        <v>94010</v>
      </c>
      <c r="CY22" s="313">
        <v>209007</v>
      </c>
      <c r="CZ22" s="314">
        <v>303017</v>
      </c>
      <c r="DA22" s="312">
        <v>0</v>
      </c>
      <c r="DB22" s="313">
        <v>315612</v>
      </c>
      <c r="DC22" s="313">
        <v>668981</v>
      </c>
      <c r="DD22" s="313">
        <v>739778</v>
      </c>
      <c r="DE22" s="313">
        <v>375036</v>
      </c>
      <c r="DF22" s="313">
        <v>0</v>
      </c>
      <c r="DG22" s="314">
        <v>2099407</v>
      </c>
      <c r="DH22" s="316">
        <v>2402424</v>
      </c>
      <c r="DI22" s="312">
        <v>22211</v>
      </c>
      <c r="DJ22" s="313">
        <v>33378</v>
      </c>
      <c r="DK22" s="317">
        <v>55589</v>
      </c>
      <c r="DL22" s="318">
        <v>0</v>
      </c>
      <c r="DM22" s="313">
        <v>54661</v>
      </c>
      <c r="DN22" s="313">
        <v>743088</v>
      </c>
      <c r="DO22" s="313">
        <v>742711</v>
      </c>
      <c r="DP22" s="313">
        <v>684295</v>
      </c>
      <c r="DQ22" s="313">
        <v>0</v>
      </c>
      <c r="DR22" s="314">
        <v>2224755</v>
      </c>
      <c r="DS22" s="316">
        <v>2280344</v>
      </c>
      <c r="DT22" s="312">
        <v>22211</v>
      </c>
      <c r="DU22" s="313">
        <v>33378</v>
      </c>
      <c r="DV22" s="314">
        <v>55589</v>
      </c>
      <c r="DW22" s="312">
        <v>0</v>
      </c>
      <c r="DX22" s="313">
        <v>25266</v>
      </c>
      <c r="DY22" s="313">
        <v>533659</v>
      </c>
      <c r="DZ22" s="313">
        <v>699059</v>
      </c>
      <c r="EA22" s="313">
        <v>485202</v>
      </c>
      <c r="EB22" s="313">
        <v>0</v>
      </c>
      <c r="EC22" s="314">
        <v>1743186</v>
      </c>
      <c r="ED22" s="316">
        <v>1798775</v>
      </c>
      <c r="EE22" s="312">
        <v>0</v>
      </c>
      <c r="EF22" s="317">
        <v>0</v>
      </c>
      <c r="EG22" s="314">
        <v>0</v>
      </c>
      <c r="EH22" s="312">
        <v>0</v>
      </c>
      <c r="EI22" s="313">
        <v>29395</v>
      </c>
      <c r="EJ22" s="313">
        <v>209429</v>
      </c>
      <c r="EK22" s="313">
        <v>43652</v>
      </c>
      <c r="EL22" s="313">
        <v>199093</v>
      </c>
      <c r="EM22" s="313">
        <v>0</v>
      </c>
      <c r="EN22" s="317">
        <v>481569</v>
      </c>
      <c r="EO22" s="316">
        <v>481569</v>
      </c>
      <c r="EP22" s="312">
        <v>0</v>
      </c>
      <c r="EQ22" s="313">
        <v>0</v>
      </c>
      <c r="ER22" s="317">
        <v>0</v>
      </c>
      <c r="ES22" s="318">
        <v>0</v>
      </c>
      <c r="ET22" s="313">
        <v>0</v>
      </c>
      <c r="EU22" s="313">
        <v>0</v>
      </c>
      <c r="EV22" s="313">
        <v>0</v>
      </c>
      <c r="EW22" s="313">
        <v>0</v>
      </c>
      <c r="EX22" s="313">
        <v>0</v>
      </c>
      <c r="EY22" s="314">
        <v>0</v>
      </c>
      <c r="EZ22" s="316">
        <v>0</v>
      </c>
      <c r="FA22" s="312">
        <v>0</v>
      </c>
      <c r="FB22" s="313">
        <v>0</v>
      </c>
      <c r="FC22" s="317">
        <v>0</v>
      </c>
      <c r="FD22" s="390">
        <v>0</v>
      </c>
      <c r="FE22" s="313">
        <v>0</v>
      </c>
      <c r="FF22" s="313">
        <v>0</v>
      </c>
      <c r="FG22" s="313">
        <v>0</v>
      </c>
      <c r="FH22" s="313">
        <v>0</v>
      </c>
      <c r="FI22" s="313">
        <v>0</v>
      </c>
      <c r="FJ22" s="314">
        <v>0</v>
      </c>
      <c r="FK22" s="316">
        <v>0</v>
      </c>
      <c r="FL22" s="312">
        <v>158522</v>
      </c>
      <c r="FM22" s="313">
        <v>172781</v>
      </c>
      <c r="FN22" s="314">
        <v>331303</v>
      </c>
      <c r="FO22" s="312">
        <v>0</v>
      </c>
      <c r="FP22" s="313">
        <v>185619</v>
      </c>
      <c r="FQ22" s="313">
        <v>738367</v>
      </c>
      <c r="FR22" s="313">
        <v>612745</v>
      </c>
      <c r="FS22" s="313">
        <v>526841</v>
      </c>
      <c r="FT22" s="313">
        <v>178234</v>
      </c>
      <c r="FU22" s="314">
        <v>2241806</v>
      </c>
      <c r="FV22" s="316">
        <v>2573109</v>
      </c>
      <c r="FW22" s="319">
        <v>40922</v>
      </c>
      <c r="FX22" s="313">
        <v>143213</v>
      </c>
      <c r="FY22" s="317">
        <v>184135</v>
      </c>
      <c r="FZ22" s="318">
        <v>0</v>
      </c>
      <c r="GA22" s="313">
        <v>165109</v>
      </c>
      <c r="GB22" s="313">
        <v>686623</v>
      </c>
      <c r="GC22" s="313">
        <v>612745</v>
      </c>
      <c r="GD22" s="313">
        <v>503433</v>
      </c>
      <c r="GE22" s="313">
        <v>178234</v>
      </c>
      <c r="GF22" s="314">
        <v>2146144</v>
      </c>
      <c r="GG22" s="320">
        <v>2330279</v>
      </c>
      <c r="GH22" s="319">
        <v>0</v>
      </c>
      <c r="GI22" s="313">
        <v>29568</v>
      </c>
      <c r="GJ22" s="317">
        <v>29568</v>
      </c>
      <c r="GK22" s="318">
        <v>0</v>
      </c>
      <c r="GL22" s="313">
        <v>20510</v>
      </c>
      <c r="GM22" s="313">
        <v>51744</v>
      </c>
      <c r="GN22" s="313">
        <v>0</v>
      </c>
      <c r="GO22" s="313">
        <v>23408</v>
      </c>
      <c r="GP22" s="313">
        <v>0</v>
      </c>
      <c r="GQ22" s="314">
        <v>95662</v>
      </c>
      <c r="GR22" s="316">
        <v>125230</v>
      </c>
      <c r="GS22" s="312">
        <v>117600</v>
      </c>
      <c r="GT22" s="313">
        <v>0</v>
      </c>
      <c r="GU22" s="314">
        <v>117600</v>
      </c>
      <c r="GV22" s="312">
        <v>0</v>
      </c>
      <c r="GW22" s="313">
        <v>0</v>
      </c>
      <c r="GX22" s="313">
        <v>0</v>
      </c>
      <c r="GY22" s="313">
        <v>0</v>
      </c>
      <c r="GZ22" s="313">
        <v>0</v>
      </c>
      <c r="HA22" s="313">
        <v>0</v>
      </c>
      <c r="HB22" s="317">
        <v>0</v>
      </c>
      <c r="HC22" s="316">
        <v>117600</v>
      </c>
      <c r="HD22" s="312">
        <v>94879</v>
      </c>
      <c r="HE22" s="313">
        <v>162181</v>
      </c>
      <c r="HF22" s="317">
        <v>257060</v>
      </c>
      <c r="HG22" s="318">
        <v>0</v>
      </c>
      <c r="HH22" s="313">
        <v>2043668</v>
      </c>
      <c r="HI22" s="313">
        <v>1287936</v>
      </c>
      <c r="HJ22" s="313">
        <v>1595903</v>
      </c>
      <c r="HK22" s="313">
        <v>2657408</v>
      </c>
      <c r="HL22" s="313">
        <v>1492645</v>
      </c>
      <c r="HM22" s="314">
        <v>9077560</v>
      </c>
      <c r="HN22" s="315">
        <v>9334620</v>
      </c>
      <c r="HO22" s="319">
        <v>0</v>
      </c>
      <c r="HP22" s="313">
        <v>0</v>
      </c>
      <c r="HQ22" s="314">
        <v>0</v>
      </c>
      <c r="HR22" s="312">
        <v>0</v>
      </c>
      <c r="HS22" s="313">
        <v>0</v>
      </c>
      <c r="HT22" s="313">
        <v>0</v>
      </c>
      <c r="HU22" s="313">
        <v>0</v>
      </c>
      <c r="HV22" s="313">
        <v>0</v>
      </c>
      <c r="HW22" s="313">
        <v>0</v>
      </c>
      <c r="HX22" s="317">
        <v>0</v>
      </c>
      <c r="HY22" s="316">
        <v>0</v>
      </c>
      <c r="HZ22" s="344">
        <v>0</v>
      </c>
      <c r="IA22" s="342">
        <v>0</v>
      </c>
      <c r="IB22" s="344">
        <v>0</v>
      </c>
      <c r="IC22" s="341">
        <v>0</v>
      </c>
      <c r="ID22" s="342">
        <v>1376590</v>
      </c>
      <c r="IE22" s="343">
        <v>1492817</v>
      </c>
      <c r="IF22" s="344">
        <v>2466429</v>
      </c>
      <c r="IG22" s="342">
        <v>1854529</v>
      </c>
      <c r="IH22" s="344">
        <v>1580703</v>
      </c>
      <c r="II22" s="345">
        <v>8771068</v>
      </c>
      <c r="IJ22" s="344">
        <v>8771068</v>
      </c>
      <c r="IK22" s="328">
        <v>0</v>
      </c>
      <c r="IL22" s="329">
        <v>0</v>
      </c>
      <c r="IM22" s="330">
        <v>0</v>
      </c>
      <c r="IN22" s="390">
        <v>0</v>
      </c>
      <c r="IO22" s="331">
        <v>0</v>
      </c>
      <c r="IP22" s="331">
        <v>0</v>
      </c>
      <c r="IQ22" s="331">
        <v>0</v>
      </c>
      <c r="IR22" s="331">
        <v>0</v>
      </c>
      <c r="IS22" s="331">
        <v>0</v>
      </c>
      <c r="IT22" s="332">
        <v>0</v>
      </c>
      <c r="IU22" s="333">
        <v>0</v>
      </c>
      <c r="IV22" s="334">
        <v>0</v>
      </c>
      <c r="IW22" s="331">
        <v>0</v>
      </c>
      <c r="IX22" s="335">
        <v>0</v>
      </c>
      <c r="IY22" s="390">
        <v>0</v>
      </c>
      <c r="IZ22" s="331">
        <v>0</v>
      </c>
      <c r="JA22" s="331">
        <v>0</v>
      </c>
      <c r="JB22" s="331">
        <v>0</v>
      </c>
      <c r="JC22" s="331">
        <v>0</v>
      </c>
      <c r="JD22" s="331">
        <v>0</v>
      </c>
      <c r="JE22" s="335">
        <v>0</v>
      </c>
      <c r="JF22" s="336">
        <v>0</v>
      </c>
      <c r="JG22" s="334">
        <v>0</v>
      </c>
      <c r="JH22" s="331">
        <v>0</v>
      </c>
      <c r="JI22" s="332">
        <v>0</v>
      </c>
      <c r="JJ22" s="337">
        <v>0</v>
      </c>
      <c r="JK22" s="331">
        <v>971717</v>
      </c>
      <c r="JL22" s="331">
        <v>669884</v>
      </c>
      <c r="JM22" s="331">
        <v>725064</v>
      </c>
      <c r="JN22" s="331">
        <v>643216</v>
      </c>
      <c r="JO22" s="331">
        <v>418638</v>
      </c>
      <c r="JP22" s="335">
        <v>3428519</v>
      </c>
      <c r="JQ22" s="333">
        <v>3428519</v>
      </c>
      <c r="JR22" s="334">
        <v>0</v>
      </c>
      <c r="JS22" s="331">
        <v>0</v>
      </c>
      <c r="JT22" s="332">
        <v>0</v>
      </c>
      <c r="JU22" s="337">
        <v>0</v>
      </c>
      <c r="JV22" s="331">
        <v>195800</v>
      </c>
      <c r="JW22" s="331">
        <v>107429</v>
      </c>
      <c r="JX22" s="331">
        <v>0</v>
      </c>
      <c r="JY22" s="331">
        <v>0</v>
      </c>
      <c r="JZ22" s="331">
        <v>0</v>
      </c>
      <c r="KA22" s="335">
        <v>303229</v>
      </c>
      <c r="KB22" s="333">
        <v>303229</v>
      </c>
      <c r="KC22" s="338">
        <v>0</v>
      </c>
      <c r="KD22" s="339">
        <v>0</v>
      </c>
      <c r="KE22" s="335">
        <v>0</v>
      </c>
      <c r="KF22" s="337">
        <v>0</v>
      </c>
      <c r="KG22" s="331">
        <v>0</v>
      </c>
      <c r="KH22" s="331">
        <v>0</v>
      </c>
      <c r="KI22" s="331">
        <v>670810</v>
      </c>
      <c r="KJ22" s="331">
        <v>480558</v>
      </c>
      <c r="KK22" s="331">
        <v>271399</v>
      </c>
      <c r="KL22" s="335">
        <v>1422767</v>
      </c>
      <c r="KM22" s="340">
        <v>1422767</v>
      </c>
      <c r="KN22" s="328">
        <v>0</v>
      </c>
      <c r="KO22" s="329">
        <v>0</v>
      </c>
      <c r="KP22" s="330">
        <v>0</v>
      </c>
      <c r="KQ22" s="390">
        <v>0</v>
      </c>
      <c r="KR22" s="331">
        <v>209073</v>
      </c>
      <c r="KS22" s="331">
        <v>439542</v>
      </c>
      <c r="KT22" s="331">
        <v>850886</v>
      </c>
      <c r="KU22" s="331">
        <v>229415</v>
      </c>
      <c r="KV22" s="331">
        <v>477722</v>
      </c>
      <c r="KW22" s="335">
        <v>2206638</v>
      </c>
      <c r="KX22" s="333">
        <v>2206638</v>
      </c>
      <c r="KY22" s="334">
        <v>0</v>
      </c>
      <c r="KZ22" s="331">
        <v>0</v>
      </c>
      <c r="LA22" s="335">
        <v>0</v>
      </c>
      <c r="LB22" s="390">
        <v>0</v>
      </c>
      <c r="LC22" s="331">
        <v>0</v>
      </c>
      <c r="LD22" s="331">
        <v>0</v>
      </c>
      <c r="LE22" s="331">
        <v>0</v>
      </c>
      <c r="LF22" s="331">
        <v>0</v>
      </c>
      <c r="LG22" s="331">
        <v>0</v>
      </c>
      <c r="LH22" s="335">
        <v>0</v>
      </c>
      <c r="LI22" s="336">
        <v>0</v>
      </c>
      <c r="LJ22" s="334">
        <v>0</v>
      </c>
      <c r="LK22" s="331">
        <v>0</v>
      </c>
      <c r="LL22" s="335">
        <v>0</v>
      </c>
      <c r="LM22" s="390">
        <v>0</v>
      </c>
      <c r="LN22" s="331">
        <v>0</v>
      </c>
      <c r="LO22" s="331">
        <v>0</v>
      </c>
      <c r="LP22" s="331">
        <v>219669</v>
      </c>
      <c r="LQ22" s="331">
        <v>236362</v>
      </c>
      <c r="LR22" s="331">
        <v>255101</v>
      </c>
      <c r="LS22" s="335">
        <v>711132</v>
      </c>
      <c r="LT22" s="333">
        <v>711132</v>
      </c>
      <c r="LU22" s="334">
        <v>0</v>
      </c>
      <c r="LV22" s="331">
        <v>0</v>
      </c>
      <c r="LW22" s="335">
        <v>0</v>
      </c>
      <c r="LX22" s="390">
        <v>0</v>
      </c>
      <c r="LY22" s="331">
        <v>0</v>
      </c>
      <c r="LZ22" s="331">
        <v>275962</v>
      </c>
      <c r="MA22" s="331">
        <v>0</v>
      </c>
      <c r="MB22" s="331">
        <v>264978</v>
      </c>
      <c r="MC22" s="331">
        <v>157843</v>
      </c>
      <c r="MD22" s="335">
        <v>698783</v>
      </c>
      <c r="ME22" s="336">
        <v>698783</v>
      </c>
      <c r="MF22" s="334">
        <v>0</v>
      </c>
      <c r="MG22" s="331">
        <v>0</v>
      </c>
      <c r="MH22" s="335">
        <v>0</v>
      </c>
      <c r="MI22" s="390">
        <v>0</v>
      </c>
      <c r="MJ22" s="331">
        <v>356305</v>
      </c>
      <c r="MK22" s="331">
        <v>2174199</v>
      </c>
      <c r="ML22" s="331">
        <v>4602410</v>
      </c>
      <c r="MM22" s="331">
        <v>3560377</v>
      </c>
      <c r="MN22" s="331">
        <v>3134252</v>
      </c>
      <c r="MO22" s="335">
        <v>13827543</v>
      </c>
      <c r="MP22" s="340">
        <v>13827543</v>
      </c>
      <c r="MQ22" s="334">
        <v>0</v>
      </c>
      <c r="MR22" s="331">
        <v>0</v>
      </c>
      <c r="MS22" s="335">
        <v>0</v>
      </c>
      <c r="MT22" s="390">
        <v>0</v>
      </c>
      <c r="MU22" s="331">
        <v>0</v>
      </c>
      <c r="MV22" s="331">
        <v>217670</v>
      </c>
      <c r="MW22" s="331">
        <v>1294510</v>
      </c>
      <c r="MX22" s="331">
        <v>1398711</v>
      </c>
      <c r="MY22" s="331">
        <v>1963724</v>
      </c>
      <c r="MZ22" s="335">
        <v>4874615</v>
      </c>
      <c r="NA22" s="340">
        <v>4874615</v>
      </c>
      <c r="NB22" s="334">
        <v>0</v>
      </c>
      <c r="NC22" s="331">
        <v>0</v>
      </c>
      <c r="ND22" s="335">
        <v>0</v>
      </c>
      <c r="NE22" s="390">
        <v>0</v>
      </c>
      <c r="NF22" s="331">
        <v>356305</v>
      </c>
      <c r="NG22" s="331">
        <v>1956529</v>
      </c>
      <c r="NH22" s="331">
        <v>3307900</v>
      </c>
      <c r="NI22" s="331">
        <v>2161666</v>
      </c>
      <c r="NJ22" s="331">
        <v>818379</v>
      </c>
      <c r="NK22" s="335">
        <v>8600779</v>
      </c>
      <c r="NL22" s="333">
        <v>8600779</v>
      </c>
      <c r="NM22" s="334">
        <v>0</v>
      </c>
      <c r="NN22" s="331">
        <v>0</v>
      </c>
      <c r="NO22" s="335">
        <v>0</v>
      </c>
      <c r="NP22" s="390">
        <v>0</v>
      </c>
      <c r="NQ22" s="331">
        <v>0</v>
      </c>
      <c r="NR22" s="331">
        <v>0</v>
      </c>
      <c r="NS22" s="331">
        <v>0</v>
      </c>
      <c r="NT22" s="331">
        <v>0</v>
      </c>
      <c r="NU22" s="331">
        <v>0</v>
      </c>
      <c r="NV22" s="335">
        <v>0</v>
      </c>
      <c r="NW22" s="336">
        <v>0</v>
      </c>
      <c r="NX22" s="334">
        <v>0</v>
      </c>
      <c r="NY22" s="331">
        <v>0</v>
      </c>
      <c r="NZ22" s="335">
        <v>0</v>
      </c>
      <c r="OA22" s="390">
        <v>0</v>
      </c>
      <c r="OB22" s="331">
        <v>0</v>
      </c>
      <c r="OC22" s="331">
        <v>0</v>
      </c>
      <c r="OD22" s="331">
        <v>0</v>
      </c>
      <c r="OE22" s="331">
        <v>0</v>
      </c>
      <c r="OF22" s="331">
        <v>352149</v>
      </c>
      <c r="OG22" s="335">
        <v>352149</v>
      </c>
      <c r="OH22" s="336">
        <v>352149</v>
      </c>
      <c r="OI22" s="334">
        <v>576663</v>
      </c>
      <c r="OJ22" s="331">
        <v>854125</v>
      </c>
      <c r="OK22" s="332">
        <v>1430788</v>
      </c>
      <c r="OL22" s="337">
        <v>0</v>
      </c>
      <c r="OM22" s="331">
        <v>5722071</v>
      </c>
      <c r="ON22" s="331">
        <v>11127507</v>
      </c>
      <c r="OO22" s="331">
        <v>14891797</v>
      </c>
      <c r="OP22" s="331">
        <v>13083763</v>
      </c>
      <c r="OQ22" s="331">
        <v>8051550</v>
      </c>
      <c r="OR22" s="335">
        <v>52876688</v>
      </c>
      <c r="OS22" s="340">
        <v>54307476</v>
      </c>
    </row>
    <row r="23" spans="2:409" s="56" customFormat="1" ht="21" customHeight="1" x14ac:dyDescent="0.2">
      <c r="B23" s="92" t="s">
        <v>18</v>
      </c>
      <c r="C23" s="312">
        <v>532140</v>
      </c>
      <c r="D23" s="313">
        <v>1113918</v>
      </c>
      <c r="E23" s="314">
        <v>1646058</v>
      </c>
      <c r="F23" s="315">
        <v>0</v>
      </c>
      <c r="G23" s="313">
        <v>7185066</v>
      </c>
      <c r="H23" s="313">
        <v>8432960</v>
      </c>
      <c r="I23" s="313">
        <v>9664795</v>
      </c>
      <c r="J23" s="313">
        <v>7105469</v>
      </c>
      <c r="K23" s="313">
        <v>8066830</v>
      </c>
      <c r="L23" s="315">
        <v>40455120</v>
      </c>
      <c r="M23" s="316">
        <v>42101178</v>
      </c>
      <c r="N23" s="312">
        <v>244202</v>
      </c>
      <c r="O23" s="313">
        <v>112366</v>
      </c>
      <c r="P23" s="314">
        <v>356568</v>
      </c>
      <c r="Q23" s="312">
        <v>0</v>
      </c>
      <c r="R23" s="313">
        <v>2286478</v>
      </c>
      <c r="S23" s="313">
        <v>2552838</v>
      </c>
      <c r="T23" s="313">
        <v>3100088</v>
      </c>
      <c r="U23" s="313">
        <v>2327701</v>
      </c>
      <c r="V23" s="313">
        <v>2710094</v>
      </c>
      <c r="W23" s="314">
        <v>12977199</v>
      </c>
      <c r="X23" s="316">
        <v>13333767</v>
      </c>
      <c r="Y23" s="312">
        <v>0</v>
      </c>
      <c r="Z23" s="313">
        <v>0</v>
      </c>
      <c r="AA23" s="314">
        <v>0</v>
      </c>
      <c r="AB23" s="312">
        <v>0</v>
      </c>
      <c r="AC23" s="313">
        <v>965408</v>
      </c>
      <c r="AD23" s="313">
        <v>1196910</v>
      </c>
      <c r="AE23" s="313">
        <v>1650114</v>
      </c>
      <c r="AF23" s="313">
        <v>1398791</v>
      </c>
      <c r="AG23" s="313">
        <v>1750519</v>
      </c>
      <c r="AH23" s="314">
        <v>6961742</v>
      </c>
      <c r="AI23" s="316">
        <v>6961742</v>
      </c>
      <c r="AJ23" s="312">
        <v>0</v>
      </c>
      <c r="AK23" s="313">
        <v>0</v>
      </c>
      <c r="AL23" s="314">
        <v>0</v>
      </c>
      <c r="AM23" s="312">
        <v>0</v>
      </c>
      <c r="AN23" s="313">
        <v>0</v>
      </c>
      <c r="AO23" s="313">
        <v>0</v>
      </c>
      <c r="AP23" s="313">
        <v>53965</v>
      </c>
      <c r="AQ23" s="313">
        <v>72187</v>
      </c>
      <c r="AR23" s="313">
        <v>93361</v>
      </c>
      <c r="AS23" s="314">
        <v>219513</v>
      </c>
      <c r="AT23" s="316">
        <v>219513</v>
      </c>
      <c r="AU23" s="312">
        <v>176606</v>
      </c>
      <c r="AV23" s="313">
        <v>41403</v>
      </c>
      <c r="AW23" s="314">
        <v>218009</v>
      </c>
      <c r="AX23" s="312">
        <v>0</v>
      </c>
      <c r="AY23" s="313">
        <v>866783</v>
      </c>
      <c r="AZ23" s="313">
        <v>797872</v>
      </c>
      <c r="BA23" s="313">
        <v>713672</v>
      </c>
      <c r="BB23" s="313">
        <v>442491</v>
      </c>
      <c r="BC23" s="313">
        <v>380304</v>
      </c>
      <c r="BD23" s="314">
        <v>3201122</v>
      </c>
      <c r="BE23" s="316">
        <v>3419131</v>
      </c>
      <c r="BF23" s="312">
        <v>26940</v>
      </c>
      <c r="BG23" s="313">
        <v>17959</v>
      </c>
      <c r="BH23" s="317">
        <v>44899</v>
      </c>
      <c r="BI23" s="318">
        <v>0</v>
      </c>
      <c r="BJ23" s="313">
        <v>42491</v>
      </c>
      <c r="BK23" s="313">
        <v>149697</v>
      </c>
      <c r="BL23" s="313">
        <v>142056</v>
      </c>
      <c r="BM23" s="313">
        <v>46060</v>
      </c>
      <c r="BN23" s="313">
        <v>40668</v>
      </c>
      <c r="BO23" s="314">
        <v>420972</v>
      </c>
      <c r="BP23" s="316">
        <v>465871</v>
      </c>
      <c r="BQ23" s="312">
        <v>40656</v>
      </c>
      <c r="BR23" s="313">
        <v>53004</v>
      </c>
      <c r="BS23" s="314">
        <v>93660</v>
      </c>
      <c r="BT23" s="312">
        <v>0</v>
      </c>
      <c r="BU23" s="313">
        <v>411796</v>
      </c>
      <c r="BV23" s="313">
        <v>408359</v>
      </c>
      <c r="BW23" s="313">
        <v>540281</v>
      </c>
      <c r="BX23" s="313">
        <v>368172</v>
      </c>
      <c r="BY23" s="313">
        <v>445242</v>
      </c>
      <c r="BZ23" s="314">
        <v>2173850</v>
      </c>
      <c r="CA23" s="316">
        <v>2267510</v>
      </c>
      <c r="CB23" s="312">
        <v>98622</v>
      </c>
      <c r="CC23" s="313">
        <v>348936</v>
      </c>
      <c r="CD23" s="314">
        <v>447558</v>
      </c>
      <c r="CE23" s="312">
        <v>0</v>
      </c>
      <c r="CF23" s="313">
        <v>2189268</v>
      </c>
      <c r="CG23" s="313">
        <v>2619811</v>
      </c>
      <c r="CH23" s="313">
        <v>2383482</v>
      </c>
      <c r="CI23" s="313">
        <v>1563819</v>
      </c>
      <c r="CJ23" s="313">
        <v>802569</v>
      </c>
      <c r="CK23" s="314">
        <v>9558949</v>
      </c>
      <c r="CL23" s="316">
        <v>10006507</v>
      </c>
      <c r="CM23" s="312">
        <v>0</v>
      </c>
      <c r="CN23" s="313">
        <v>0</v>
      </c>
      <c r="CO23" s="314">
        <v>0</v>
      </c>
      <c r="CP23" s="318">
        <v>0</v>
      </c>
      <c r="CQ23" s="313">
        <v>1563962</v>
      </c>
      <c r="CR23" s="313">
        <v>1885434</v>
      </c>
      <c r="CS23" s="313">
        <v>2008157</v>
      </c>
      <c r="CT23" s="313">
        <v>922573</v>
      </c>
      <c r="CU23" s="313">
        <v>676581</v>
      </c>
      <c r="CV23" s="314">
        <v>7056707</v>
      </c>
      <c r="CW23" s="316">
        <v>7056707</v>
      </c>
      <c r="CX23" s="312">
        <v>98622</v>
      </c>
      <c r="CY23" s="313">
        <v>348936</v>
      </c>
      <c r="CZ23" s="314">
        <v>447558</v>
      </c>
      <c r="DA23" s="312">
        <v>0</v>
      </c>
      <c r="DB23" s="313">
        <v>625306</v>
      </c>
      <c r="DC23" s="313">
        <v>734377</v>
      </c>
      <c r="DD23" s="313">
        <v>375325</v>
      </c>
      <c r="DE23" s="313">
        <v>641246</v>
      </c>
      <c r="DF23" s="313">
        <v>125988</v>
      </c>
      <c r="DG23" s="314">
        <v>2502242</v>
      </c>
      <c r="DH23" s="316">
        <v>2949800</v>
      </c>
      <c r="DI23" s="312">
        <v>0</v>
      </c>
      <c r="DJ23" s="313">
        <v>0</v>
      </c>
      <c r="DK23" s="317">
        <v>0</v>
      </c>
      <c r="DL23" s="318">
        <v>0</v>
      </c>
      <c r="DM23" s="313">
        <v>304784</v>
      </c>
      <c r="DN23" s="313">
        <v>663195</v>
      </c>
      <c r="DO23" s="313">
        <v>1002756</v>
      </c>
      <c r="DP23" s="313">
        <v>825031</v>
      </c>
      <c r="DQ23" s="313">
        <v>769246</v>
      </c>
      <c r="DR23" s="314">
        <v>3565012</v>
      </c>
      <c r="DS23" s="316">
        <v>3565012</v>
      </c>
      <c r="DT23" s="312">
        <v>0</v>
      </c>
      <c r="DU23" s="313">
        <v>0</v>
      </c>
      <c r="DV23" s="314">
        <v>0</v>
      </c>
      <c r="DW23" s="312">
        <v>0</v>
      </c>
      <c r="DX23" s="313">
        <v>304784</v>
      </c>
      <c r="DY23" s="313">
        <v>663195</v>
      </c>
      <c r="DZ23" s="313">
        <v>1002756</v>
      </c>
      <c r="EA23" s="313">
        <v>803188</v>
      </c>
      <c r="EB23" s="313">
        <v>769246</v>
      </c>
      <c r="EC23" s="314">
        <v>3543169</v>
      </c>
      <c r="ED23" s="316">
        <v>3543169</v>
      </c>
      <c r="EE23" s="312">
        <v>0</v>
      </c>
      <c r="EF23" s="317">
        <v>0</v>
      </c>
      <c r="EG23" s="314">
        <v>0</v>
      </c>
      <c r="EH23" s="312">
        <v>0</v>
      </c>
      <c r="EI23" s="313">
        <v>0</v>
      </c>
      <c r="EJ23" s="313">
        <v>0</v>
      </c>
      <c r="EK23" s="313">
        <v>0</v>
      </c>
      <c r="EL23" s="313">
        <v>21843</v>
      </c>
      <c r="EM23" s="313">
        <v>0</v>
      </c>
      <c r="EN23" s="317">
        <v>21843</v>
      </c>
      <c r="EO23" s="316">
        <v>21843</v>
      </c>
      <c r="EP23" s="312">
        <v>0</v>
      </c>
      <c r="EQ23" s="313">
        <v>0</v>
      </c>
      <c r="ER23" s="317">
        <v>0</v>
      </c>
      <c r="ES23" s="318">
        <v>0</v>
      </c>
      <c r="ET23" s="313">
        <v>0</v>
      </c>
      <c r="EU23" s="313">
        <v>0</v>
      </c>
      <c r="EV23" s="313">
        <v>0</v>
      </c>
      <c r="EW23" s="313">
        <v>0</v>
      </c>
      <c r="EX23" s="313">
        <v>0</v>
      </c>
      <c r="EY23" s="314">
        <v>0</v>
      </c>
      <c r="EZ23" s="316">
        <v>0</v>
      </c>
      <c r="FA23" s="312">
        <v>0</v>
      </c>
      <c r="FB23" s="313">
        <v>0</v>
      </c>
      <c r="FC23" s="317">
        <v>0</v>
      </c>
      <c r="FD23" s="390">
        <v>0</v>
      </c>
      <c r="FE23" s="313">
        <v>0</v>
      </c>
      <c r="FF23" s="313">
        <v>0</v>
      </c>
      <c r="FG23" s="313">
        <v>0</v>
      </c>
      <c r="FH23" s="313">
        <v>0</v>
      </c>
      <c r="FI23" s="313">
        <v>0</v>
      </c>
      <c r="FJ23" s="314">
        <v>0</v>
      </c>
      <c r="FK23" s="316">
        <v>0</v>
      </c>
      <c r="FL23" s="312">
        <v>39956</v>
      </c>
      <c r="FM23" s="313">
        <v>409227</v>
      </c>
      <c r="FN23" s="314">
        <v>449183</v>
      </c>
      <c r="FO23" s="312">
        <v>0</v>
      </c>
      <c r="FP23" s="313">
        <v>401632</v>
      </c>
      <c r="FQ23" s="313">
        <v>732571</v>
      </c>
      <c r="FR23" s="313">
        <v>578434</v>
      </c>
      <c r="FS23" s="313">
        <v>416591</v>
      </c>
      <c r="FT23" s="313">
        <v>332745</v>
      </c>
      <c r="FU23" s="314">
        <v>2461973</v>
      </c>
      <c r="FV23" s="316">
        <v>2911156</v>
      </c>
      <c r="FW23" s="319">
        <v>21056</v>
      </c>
      <c r="FX23" s="313">
        <v>129227</v>
      </c>
      <c r="FY23" s="317">
        <v>150283</v>
      </c>
      <c r="FZ23" s="318">
        <v>0</v>
      </c>
      <c r="GA23" s="313">
        <v>261632</v>
      </c>
      <c r="GB23" s="313">
        <v>650951</v>
      </c>
      <c r="GC23" s="313">
        <v>495467</v>
      </c>
      <c r="GD23" s="313">
        <v>397187</v>
      </c>
      <c r="GE23" s="313">
        <v>332745</v>
      </c>
      <c r="GF23" s="314">
        <v>2137982</v>
      </c>
      <c r="GG23" s="320">
        <v>2288265</v>
      </c>
      <c r="GH23" s="319">
        <v>18900</v>
      </c>
      <c r="GI23" s="313">
        <v>0</v>
      </c>
      <c r="GJ23" s="317">
        <v>18900</v>
      </c>
      <c r="GK23" s="318">
        <v>0</v>
      </c>
      <c r="GL23" s="313">
        <v>0</v>
      </c>
      <c r="GM23" s="313">
        <v>21000</v>
      </c>
      <c r="GN23" s="313">
        <v>13667</v>
      </c>
      <c r="GO23" s="313">
        <v>19404</v>
      </c>
      <c r="GP23" s="313">
        <v>0</v>
      </c>
      <c r="GQ23" s="314">
        <v>54071</v>
      </c>
      <c r="GR23" s="316">
        <v>72971</v>
      </c>
      <c r="GS23" s="312">
        <v>0</v>
      </c>
      <c r="GT23" s="313">
        <v>280000</v>
      </c>
      <c r="GU23" s="314">
        <v>280000</v>
      </c>
      <c r="GV23" s="312">
        <v>0</v>
      </c>
      <c r="GW23" s="313">
        <v>140000</v>
      </c>
      <c r="GX23" s="313">
        <v>60620</v>
      </c>
      <c r="GY23" s="313">
        <v>69300</v>
      </c>
      <c r="GZ23" s="313">
        <v>0</v>
      </c>
      <c r="HA23" s="313">
        <v>0</v>
      </c>
      <c r="HB23" s="317">
        <v>269920</v>
      </c>
      <c r="HC23" s="316">
        <v>549920</v>
      </c>
      <c r="HD23" s="312">
        <v>149360</v>
      </c>
      <c r="HE23" s="313">
        <v>243389</v>
      </c>
      <c r="HF23" s="317">
        <v>392749</v>
      </c>
      <c r="HG23" s="318">
        <v>0</v>
      </c>
      <c r="HH23" s="313">
        <v>2002904</v>
      </c>
      <c r="HI23" s="313">
        <v>1864545</v>
      </c>
      <c r="HJ23" s="313">
        <v>2600035</v>
      </c>
      <c r="HK23" s="313">
        <v>1972327</v>
      </c>
      <c r="HL23" s="313">
        <v>3452176</v>
      </c>
      <c r="HM23" s="314">
        <v>11891987</v>
      </c>
      <c r="HN23" s="315">
        <v>12284736</v>
      </c>
      <c r="HO23" s="319">
        <v>0</v>
      </c>
      <c r="HP23" s="313">
        <v>0</v>
      </c>
      <c r="HQ23" s="314">
        <v>0</v>
      </c>
      <c r="HR23" s="312">
        <v>0</v>
      </c>
      <c r="HS23" s="313">
        <v>0</v>
      </c>
      <c r="HT23" s="313">
        <v>0</v>
      </c>
      <c r="HU23" s="313">
        <v>0</v>
      </c>
      <c r="HV23" s="313">
        <v>0</v>
      </c>
      <c r="HW23" s="313">
        <v>0</v>
      </c>
      <c r="HX23" s="317">
        <v>0</v>
      </c>
      <c r="HY23" s="316">
        <v>0</v>
      </c>
      <c r="HZ23" s="321">
        <v>0</v>
      </c>
      <c r="IA23" s="322">
        <v>0</v>
      </c>
      <c r="IB23" s="323">
        <v>0</v>
      </c>
      <c r="IC23" s="324">
        <v>0</v>
      </c>
      <c r="ID23" s="322">
        <v>1132670</v>
      </c>
      <c r="IE23" s="325">
        <v>1957995</v>
      </c>
      <c r="IF23" s="323">
        <v>2175713</v>
      </c>
      <c r="IG23" s="322">
        <v>601143</v>
      </c>
      <c r="IH23" s="323">
        <v>663906</v>
      </c>
      <c r="II23" s="326">
        <v>6531427</v>
      </c>
      <c r="IJ23" s="327">
        <v>6531427</v>
      </c>
      <c r="IK23" s="328">
        <v>0</v>
      </c>
      <c r="IL23" s="329">
        <v>0</v>
      </c>
      <c r="IM23" s="330">
        <v>0</v>
      </c>
      <c r="IN23" s="390">
        <v>0</v>
      </c>
      <c r="IO23" s="331">
        <v>0</v>
      </c>
      <c r="IP23" s="331">
        <v>313707</v>
      </c>
      <c r="IQ23" s="331">
        <v>0</v>
      </c>
      <c r="IR23" s="331">
        <v>0</v>
      </c>
      <c r="IS23" s="331">
        <v>0</v>
      </c>
      <c r="IT23" s="332">
        <v>313707</v>
      </c>
      <c r="IU23" s="333">
        <v>313707</v>
      </c>
      <c r="IV23" s="334">
        <v>0</v>
      </c>
      <c r="IW23" s="331">
        <v>0</v>
      </c>
      <c r="IX23" s="335">
        <v>0</v>
      </c>
      <c r="IY23" s="390">
        <v>0</v>
      </c>
      <c r="IZ23" s="331">
        <v>0</v>
      </c>
      <c r="JA23" s="331">
        <v>0</v>
      </c>
      <c r="JB23" s="331">
        <v>0</v>
      </c>
      <c r="JC23" s="331">
        <v>0</v>
      </c>
      <c r="JD23" s="331">
        <v>0</v>
      </c>
      <c r="JE23" s="335">
        <v>0</v>
      </c>
      <c r="JF23" s="336">
        <v>0</v>
      </c>
      <c r="JG23" s="334">
        <v>0</v>
      </c>
      <c r="JH23" s="331">
        <v>0</v>
      </c>
      <c r="JI23" s="332">
        <v>0</v>
      </c>
      <c r="JJ23" s="337">
        <v>0</v>
      </c>
      <c r="JK23" s="331">
        <v>701234</v>
      </c>
      <c r="JL23" s="331">
        <v>348048</v>
      </c>
      <c r="JM23" s="331">
        <v>185162</v>
      </c>
      <c r="JN23" s="331">
        <v>118238</v>
      </c>
      <c r="JO23" s="331">
        <v>0</v>
      </c>
      <c r="JP23" s="335">
        <v>1352682</v>
      </c>
      <c r="JQ23" s="333">
        <v>1352682</v>
      </c>
      <c r="JR23" s="334">
        <v>0</v>
      </c>
      <c r="JS23" s="331">
        <v>0</v>
      </c>
      <c r="JT23" s="332">
        <v>0</v>
      </c>
      <c r="JU23" s="337">
        <v>0</v>
      </c>
      <c r="JV23" s="331">
        <v>0</v>
      </c>
      <c r="JW23" s="331">
        <v>20581</v>
      </c>
      <c r="JX23" s="331">
        <v>40048</v>
      </c>
      <c r="JY23" s="331">
        <v>0</v>
      </c>
      <c r="JZ23" s="331">
        <v>0</v>
      </c>
      <c r="KA23" s="335">
        <v>60629</v>
      </c>
      <c r="KB23" s="333">
        <v>60629</v>
      </c>
      <c r="KC23" s="338">
        <v>0</v>
      </c>
      <c r="KD23" s="339">
        <v>0</v>
      </c>
      <c r="KE23" s="335">
        <v>0</v>
      </c>
      <c r="KF23" s="337">
        <v>0</v>
      </c>
      <c r="KG23" s="331">
        <v>226866</v>
      </c>
      <c r="KH23" s="331">
        <v>413003</v>
      </c>
      <c r="KI23" s="331">
        <v>0</v>
      </c>
      <c r="KJ23" s="331">
        <v>0</v>
      </c>
      <c r="KK23" s="331">
        <v>0</v>
      </c>
      <c r="KL23" s="335">
        <v>639869</v>
      </c>
      <c r="KM23" s="340">
        <v>639869</v>
      </c>
      <c r="KN23" s="328">
        <v>0</v>
      </c>
      <c r="KO23" s="329">
        <v>0</v>
      </c>
      <c r="KP23" s="330">
        <v>0</v>
      </c>
      <c r="KQ23" s="390">
        <v>0</v>
      </c>
      <c r="KR23" s="331">
        <v>204570</v>
      </c>
      <c r="KS23" s="331">
        <v>862656</v>
      </c>
      <c r="KT23" s="331">
        <v>1450748</v>
      </c>
      <c r="KU23" s="331">
        <v>226369</v>
      </c>
      <c r="KV23" s="331">
        <v>35865</v>
      </c>
      <c r="KW23" s="335">
        <v>2780208</v>
      </c>
      <c r="KX23" s="333">
        <v>2780208</v>
      </c>
      <c r="KY23" s="334">
        <v>0</v>
      </c>
      <c r="KZ23" s="331">
        <v>0</v>
      </c>
      <c r="LA23" s="335">
        <v>0</v>
      </c>
      <c r="LB23" s="390">
        <v>0</v>
      </c>
      <c r="LC23" s="331">
        <v>0</v>
      </c>
      <c r="LD23" s="331">
        <v>0</v>
      </c>
      <c r="LE23" s="331">
        <v>0</v>
      </c>
      <c r="LF23" s="331">
        <v>0</v>
      </c>
      <c r="LG23" s="331">
        <v>0</v>
      </c>
      <c r="LH23" s="335">
        <v>0</v>
      </c>
      <c r="LI23" s="336">
        <v>0</v>
      </c>
      <c r="LJ23" s="334">
        <v>0</v>
      </c>
      <c r="LK23" s="331">
        <v>0</v>
      </c>
      <c r="LL23" s="335">
        <v>0</v>
      </c>
      <c r="LM23" s="390">
        <v>0</v>
      </c>
      <c r="LN23" s="331">
        <v>0</v>
      </c>
      <c r="LO23" s="331">
        <v>0</v>
      </c>
      <c r="LP23" s="331">
        <v>0</v>
      </c>
      <c r="LQ23" s="331">
        <v>256536</v>
      </c>
      <c r="LR23" s="331">
        <v>0</v>
      </c>
      <c r="LS23" s="335">
        <v>256536</v>
      </c>
      <c r="LT23" s="333">
        <v>256536</v>
      </c>
      <c r="LU23" s="334">
        <v>0</v>
      </c>
      <c r="LV23" s="331">
        <v>0</v>
      </c>
      <c r="LW23" s="335">
        <v>0</v>
      </c>
      <c r="LX23" s="390">
        <v>0</v>
      </c>
      <c r="LY23" s="331">
        <v>0</v>
      </c>
      <c r="LZ23" s="331">
        <v>0</v>
      </c>
      <c r="MA23" s="331">
        <v>499755</v>
      </c>
      <c r="MB23" s="331">
        <v>0</v>
      </c>
      <c r="MC23" s="331">
        <v>628041</v>
      </c>
      <c r="MD23" s="335">
        <v>1127796</v>
      </c>
      <c r="ME23" s="336">
        <v>1127796</v>
      </c>
      <c r="MF23" s="334">
        <v>0</v>
      </c>
      <c r="MG23" s="331">
        <v>0</v>
      </c>
      <c r="MH23" s="335">
        <v>0</v>
      </c>
      <c r="MI23" s="390">
        <v>0</v>
      </c>
      <c r="MJ23" s="331">
        <v>179795</v>
      </c>
      <c r="MK23" s="331">
        <v>98910</v>
      </c>
      <c r="ML23" s="331">
        <v>3009038</v>
      </c>
      <c r="MM23" s="331">
        <v>2805258</v>
      </c>
      <c r="MN23" s="331">
        <v>2913687</v>
      </c>
      <c r="MO23" s="335">
        <v>9006688</v>
      </c>
      <c r="MP23" s="340">
        <v>9006688</v>
      </c>
      <c r="MQ23" s="334">
        <v>0</v>
      </c>
      <c r="MR23" s="331">
        <v>0</v>
      </c>
      <c r="MS23" s="335">
        <v>0</v>
      </c>
      <c r="MT23" s="390">
        <v>0</v>
      </c>
      <c r="MU23" s="331">
        <v>0</v>
      </c>
      <c r="MV23" s="331">
        <v>98910</v>
      </c>
      <c r="MW23" s="331">
        <v>1766210</v>
      </c>
      <c r="MX23" s="331">
        <v>1548310</v>
      </c>
      <c r="MY23" s="331">
        <v>1848413</v>
      </c>
      <c r="MZ23" s="335">
        <v>5261843</v>
      </c>
      <c r="NA23" s="340">
        <v>5261843</v>
      </c>
      <c r="NB23" s="334">
        <v>0</v>
      </c>
      <c r="NC23" s="331">
        <v>0</v>
      </c>
      <c r="ND23" s="335">
        <v>0</v>
      </c>
      <c r="NE23" s="390">
        <v>0</v>
      </c>
      <c r="NF23" s="331">
        <v>179795</v>
      </c>
      <c r="NG23" s="331">
        <v>0</v>
      </c>
      <c r="NH23" s="331">
        <v>1242828</v>
      </c>
      <c r="NI23" s="331">
        <v>1256948</v>
      </c>
      <c r="NJ23" s="331">
        <v>727721</v>
      </c>
      <c r="NK23" s="335">
        <v>3407292</v>
      </c>
      <c r="NL23" s="333">
        <v>3407292</v>
      </c>
      <c r="NM23" s="334">
        <v>0</v>
      </c>
      <c r="NN23" s="331">
        <v>0</v>
      </c>
      <c r="NO23" s="335">
        <v>0</v>
      </c>
      <c r="NP23" s="390">
        <v>0</v>
      </c>
      <c r="NQ23" s="331">
        <v>0</v>
      </c>
      <c r="NR23" s="331">
        <v>0</v>
      </c>
      <c r="NS23" s="331">
        <v>0</v>
      </c>
      <c r="NT23" s="331">
        <v>0</v>
      </c>
      <c r="NU23" s="331">
        <v>0</v>
      </c>
      <c r="NV23" s="335">
        <v>0</v>
      </c>
      <c r="NW23" s="336">
        <v>0</v>
      </c>
      <c r="NX23" s="334">
        <v>0</v>
      </c>
      <c r="NY23" s="331">
        <v>0</v>
      </c>
      <c r="NZ23" s="335">
        <v>0</v>
      </c>
      <c r="OA23" s="390">
        <v>0</v>
      </c>
      <c r="OB23" s="331">
        <v>0</v>
      </c>
      <c r="OC23" s="331">
        <v>0</v>
      </c>
      <c r="OD23" s="331">
        <v>0</v>
      </c>
      <c r="OE23" s="331">
        <v>0</v>
      </c>
      <c r="OF23" s="331">
        <v>337553</v>
      </c>
      <c r="OG23" s="335">
        <v>337553</v>
      </c>
      <c r="OH23" s="336">
        <v>337553</v>
      </c>
      <c r="OI23" s="334">
        <v>532140</v>
      </c>
      <c r="OJ23" s="331">
        <v>1113918</v>
      </c>
      <c r="OK23" s="332">
        <v>1646058</v>
      </c>
      <c r="OL23" s="337">
        <v>0</v>
      </c>
      <c r="OM23" s="331">
        <v>8497531</v>
      </c>
      <c r="ON23" s="331">
        <v>10489865</v>
      </c>
      <c r="OO23" s="331">
        <v>14849546</v>
      </c>
      <c r="OP23" s="331">
        <v>10511870</v>
      </c>
      <c r="OQ23" s="331">
        <v>11644423</v>
      </c>
      <c r="OR23" s="335">
        <v>55993235</v>
      </c>
      <c r="OS23" s="340">
        <v>57639293</v>
      </c>
    </row>
    <row r="24" spans="2:409" s="56" customFormat="1" ht="21" customHeight="1" x14ac:dyDescent="0.2">
      <c r="B24" s="92" t="s">
        <v>19</v>
      </c>
      <c r="C24" s="312">
        <v>375030</v>
      </c>
      <c r="D24" s="313">
        <v>314080</v>
      </c>
      <c r="E24" s="314">
        <v>689110</v>
      </c>
      <c r="F24" s="315">
        <v>0</v>
      </c>
      <c r="G24" s="313">
        <v>2753145</v>
      </c>
      <c r="H24" s="313">
        <v>3681277</v>
      </c>
      <c r="I24" s="313">
        <v>2791728</v>
      </c>
      <c r="J24" s="313">
        <v>2281192</v>
      </c>
      <c r="K24" s="313">
        <v>1572453</v>
      </c>
      <c r="L24" s="315">
        <v>13079795</v>
      </c>
      <c r="M24" s="316">
        <v>13768905</v>
      </c>
      <c r="N24" s="312">
        <v>86857</v>
      </c>
      <c r="O24" s="313">
        <v>87061</v>
      </c>
      <c r="P24" s="314">
        <v>173918</v>
      </c>
      <c r="Q24" s="312">
        <v>0</v>
      </c>
      <c r="R24" s="313">
        <v>951679</v>
      </c>
      <c r="S24" s="313">
        <v>911015</v>
      </c>
      <c r="T24" s="313">
        <v>1276476</v>
      </c>
      <c r="U24" s="313">
        <v>1325484</v>
      </c>
      <c r="V24" s="313">
        <v>432447</v>
      </c>
      <c r="W24" s="314">
        <v>4897101</v>
      </c>
      <c r="X24" s="316">
        <v>5071019</v>
      </c>
      <c r="Y24" s="312">
        <v>0</v>
      </c>
      <c r="Z24" s="313">
        <v>0</v>
      </c>
      <c r="AA24" s="314">
        <v>0</v>
      </c>
      <c r="AB24" s="312">
        <v>0</v>
      </c>
      <c r="AC24" s="313">
        <v>251764</v>
      </c>
      <c r="AD24" s="313">
        <v>409200</v>
      </c>
      <c r="AE24" s="313">
        <v>693975</v>
      </c>
      <c r="AF24" s="313">
        <v>758965</v>
      </c>
      <c r="AG24" s="313">
        <v>226979</v>
      </c>
      <c r="AH24" s="314">
        <v>2340883</v>
      </c>
      <c r="AI24" s="316">
        <v>2340883</v>
      </c>
      <c r="AJ24" s="312">
        <v>0</v>
      </c>
      <c r="AK24" s="313">
        <v>0</v>
      </c>
      <c r="AL24" s="314">
        <v>0</v>
      </c>
      <c r="AM24" s="312">
        <v>0</v>
      </c>
      <c r="AN24" s="313">
        <v>0</v>
      </c>
      <c r="AO24" s="313">
        <v>0</v>
      </c>
      <c r="AP24" s="313">
        <v>33153</v>
      </c>
      <c r="AQ24" s="313">
        <v>93257</v>
      </c>
      <c r="AR24" s="313">
        <v>0</v>
      </c>
      <c r="AS24" s="314">
        <v>126410</v>
      </c>
      <c r="AT24" s="316">
        <v>126410</v>
      </c>
      <c r="AU24" s="312">
        <v>30395</v>
      </c>
      <c r="AV24" s="313">
        <v>65746</v>
      </c>
      <c r="AW24" s="314">
        <v>96141</v>
      </c>
      <c r="AX24" s="312">
        <v>0</v>
      </c>
      <c r="AY24" s="313">
        <v>487542</v>
      </c>
      <c r="AZ24" s="313">
        <v>269415</v>
      </c>
      <c r="BA24" s="313">
        <v>270280</v>
      </c>
      <c r="BB24" s="313">
        <v>353891</v>
      </c>
      <c r="BC24" s="313">
        <v>138338</v>
      </c>
      <c r="BD24" s="314">
        <v>1519466</v>
      </c>
      <c r="BE24" s="316">
        <v>1615607</v>
      </c>
      <c r="BF24" s="312">
        <v>14693</v>
      </c>
      <c r="BG24" s="313">
        <v>0</v>
      </c>
      <c r="BH24" s="317">
        <v>14693</v>
      </c>
      <c r="BI24" s="318">
        <v>0</v>
      </c>
      <c r="BJ24" s="313">
        <v>115304</v>
      </c>
      <c r="BK24" s="313">
        <v>17479</v>
      </c>
      <c r="BL24" s="313">
        <v>68473</v>
      </c>
      <c r="BM24" s="313">
        <v>55475</v>
      </c>
      <c r="BN24" s="313">
        <v>0</v>
      </c>
      <c r="BO24" s="314">
        <v>256731</v>
      </c>
      <c r="BP24" s="316">
        <v>271424</v>
      </c>
      <c r="BQ24" s="312">
        <v>41769</v>
      </c>
      <c r="BR24" s="313">
        <v>21315</v>
      </c>
      <c r="BS24" s="314">
        <v>63084</v>
      </c>
      <c r="BT24" s="312">
        <v>0</v>
      </c>
      <c r="BU24" s="313">
        <v>97069</v>
      </c>
      <c r="BV24" s="313">
        <v>214921</v>
      </c>
      <c r="BW24" s="313">
        <v>210595</v>
      </c>
      <c r="BX24" s="313">
        <v>63896</v>
      </c>
      <c r="BY24" s="313">
        <v>67130</v>
      </c>
      <c r="BZ24" s="314">
        <v>653611</v>
      </c>
      <c r="CA24" s="316">
        <v>716695</v>
      </c>
      <c r="CB24" s="312">
        <v>56529</v>
      </c>
      <c r="CC24" s="313">
        <v>102893</v>
      </c>
      <c r="CD24" s="314">
        <v>159422</v>
      </c>
      <c r="CE24" s="312">
        <v>0</v>
      </c>
      <c r="CF24" s="313">
        <v>1189122</v>
      </c>
      <c r="CG24" s="313">
        <v>961553</v>
      </c>
      <c r="CH24" s="313">
        <v>392164</v>
      </c>
      <c r="CI24" s="313">
        <v>456009</v>
      </c>
      <c r="CJ24" s="313">
        <v>415009</v>
      </c>
      <c r="CK24" s="314">
        <v>3413857</v>
      </c>
      <c r="CL24" s="316">
        <v>3573279</v>
      </c>
      <c r="CM24" s="312">
        <v>0</v>
      </c>
      <c r="CN24" s="313">
        <v>0</v>
      </c>
      <c r="CO24" s="314">
        <v>0</v>
      </c>
      <c r="CP24" s="318">
        <v>0</v>
      </c>
      <c r="CQ24" s="313">
        <v>657994</v>
      </c>
      <c r="CR24" s="313">
        <v>646803</v>
      </c>
      <c r="CS24" s="313">
        <v>190874</v>
      </c>
      <c r="CT24" s="313">
        <v>120337</v>
      </c>
      <c r="CU24" s="313">
        <v>311051</v>
      </c>
      <c r="CV24" s="314">
        <v>1927059</v>
      </c>
      <c r="CW24" s="316">
        <v>1927059</v>
      </c>
      <c r="CX24" s="312">
        <v>56529</v>
      </c>
      <c r="CY24" s="313">
        <v>102893</v>
      </c>
      <c r="CZ24" s="314">
        <v>159422</v>
      </c>
      <c r="DA24" s="312">
        <v>0</v>
      </c>
      <c r="DB24" s="313">
        <v>531128</v>
      </c>
      <c r="DC24" s="313">
        <v>314750</v>
      </c>
      <c r="DD24" s="313">
        <v>201290</v>
      </c>
      <c r="DE24" s="313">
        <v>335672</v>
      </c>
      <c r="DF24" s="313">
        <v>103958</v>
      </c>
      <c r="DG24" s="314">
        <v>1486798</v>
      </c>
      <c r="DH24" s="316">
        <v>1646220</v>
      </c>
      <c r="DI24" s="312">
        <v>0</v>
      </c>
      <c r="DJ24" s="313">
        <v>0</v>
      </c>
      <c r="DK24" s="317">
        <v>0</v>
      </c>
      <c r="DL24" s="318">
        <v>0</v>
      </c>
      <c r="DM24" s="313">
        <v>182077</v>
      </c>
      <c r="DN24" s="313">
        <v>0</v>
      </c>
      <c r="DO24" s="313">
        <v>55025</v>
      </c>
      <c r="DP24" s="313">
        <v>242057</v>
      </c>
      <c r="DQ24" s="313">
        <v>0</v>
      </c>
      <c r="DR24" s="314">
        <v>479159</v>
      </c>
      <c r="DS24" s="316">
        <v>479159</v>
      </c>
      <c r="DT24" s="312">
        <v>0</v>
      </c>
      <c r="DU24" s="313">
        <v>0</v>
      </c>
      <c r="DV24" s="314">
        <v>0</v>
      </c>
      <c r="DW24" s="312">
        <v>0</v>
      </c>
      <c r="DX24" s="313">
        <v>151296</v>
      </c>
      <c r="DY24" s="313">
        <v>0</v>
      </c>
      <c r="DZ24" s="313">
        <v>55025</v>
      </c>
      <c r="EA24" s="313">
        <v>14707</v>
      </c>
      <c r="EB24" s="313">
        <v>0</v>
      </c>
      <c r="EC24" s="314">
        <v>221028</v>
      </c>
      <c r="ED24" s="316">
        <v>221028</v>
      </c>
      <c r="EE24" s="312">
        <v>0</v>
      </c>
      <c r="EF24" s="317">
        <v>0</v>
      </c>
      <c r="EG24" s="314">
        <v>0</v>
      </c>
      <c r="EH24" s="312">
        <v>0</v>
      </c>
      <c r="EI24" s="313">
        <v>30781</v>
      </c>
      <c r="EJ24" s="313">
        <v>0</v>
      </c>
      <c r="EK24" s="313">
        <v>0</v>
      </c>
      <c r="EL24" s="313">
        <v>227350</v>
      </c>
      <c r="EM24" s="313">
        <v>0</v>
      </c>
      <c r="EN24" s="317">
        <v>258131</v>
      </c>
      <c r="EO24" s="316">
        <v>258131</v>
      </c>
      <c r="EP24" s="312">
        <v>0</v>
      </c>
      <c r="EQ24" s="313">
        <v>0</v>
      </c>
      <c r="ER24" s="317">
        <v>0</v>
      </c>
      <c r="ES24" s="318">
        <v>0</v>
      </c>
      <c r="ET24" s="313">
        <v>0</v>
      </c>
      <c r="EU24" s="313">
        <v>0</v>
      </c>
      <c r="EV24" s="313">
        <v>0</v>
      </c>
      <c r="EW24" s="313">
        <v>0</v>
      </c>
      <c r="EX24" s="313">
        <v>0</v>
      </c>
      <c r="EY24" s="314">
        <v>0</v>
      </c>
      <c r="EZ24" s="316">
        <v>0</v>
      </c>
      <c r="FA24" s="312">
        <v>0</v>
      </c>
      <c r="FB24" s="313">
        <v>0</v>
      </c>
      <c r="FC24" s="317">
        <v>0</v>
      </c>
      <c r="FD24" s="390">
        <v>0</v>
      </c>
      <c r="FE24" s="313">
        <v>0</v>
      </c>
      <c r="FF24" s="313">
        <v>0</v>
      </c>
      <c r="FG24" s="313">
        <v>0</v>
      </c>
      <c r="FH24" s="313">
        <v>0</v>
      </c>
      <c r="FI24" s="313">
        <v>0</v>
      </c>
      <c r="FJ24" s="314">
        <v>0</v>
      </c>
      <c r="FK24" s="316">
        <v>0</v>
      </c>
      <c r="FL24" s="312">
        <v>133288</v>
      </c>
      <c r="FM24" s="313">
        <v>43610</v>
      </c>
      <c r="FN24" s="314">
        <v>176898</v>
      </c>
      <c r="FO24" s="312">
        <v>0</v>
      </c>
      <c r="FP24" s="313">
        <v>298459</v>
      </c>
      <c r="FQ24" s="313">
        <v>249032</v>
      </c>
      <c r="FR24" s="313">
        <v>244615</v>
      </c>
      <c r="FS24" s="313">
        <v>257642</v>
      </c>
      <c r="FT24" s="313">
        <v>98784</v>
      </c>
      <c r="FU24" s="314">
        <v>1148532</v>
      </c>
      <c r="FV24" s="316">
        <v>1325430</v>
      </c>
      <c r="FW24" s="319">
        <v>32270</v>
      </c>
      <c r="FX24" s="313">
        <v>43610</v>
      </c>
      <c r="FY24" s="317">
        <v>75880</v>
      </c>
      <c r="FZ24" s="318">
        <v>0</v>
      </c>
      <c r="GA24" s="313">
        <v>193508</v>
      </c>
      <c r="GB24" s="313">
        <v>249032</v>
      </c>
      <c r="GC24" s="313">
        <v>231679</v>
      </c>
      <c r="GD24" s="313">
        <v>257642</v>
      </c>
      <c r="GE24" s="313">
        <v>98784</v>
      </c>
      <c r="GF24" s="314">
        <v>1030645</v>
      </c>
      <c r="GG24" s="320">
        <v>1106525</v>
      </c>
      <c r="GH24" s="319">
        <v>0</v>
      </c>
      <c r="GI24" s="313">
        <v>0</v>
      </c>
      <c r="GJ24" s="317">
        <v>0</v>
      </c>
      <c r="GK24" s="318">
        <v>0</v>
      </c>
      <c r="GL24" s="313">
        <v>0</v>
      </c>
      <c r="GM24" s="313">
        <v>0</v>
      </c>
      <c r="GN24" s="313">
        <v>12936</v>
      </c>
      <c r="GO24" s="313">
        <v>0</v>
      </c>
      <c r="GP24" s="313">
        <v>0</v>
      </c>
      <c r="GQ24" s="314">
        <v>12936</v>
      </c>
      <c r="GR24" s="316">
        <v>12936</v>
      </c>
      <c r="GS24" s="312">
        <v>101018</v>
      </c>
      <c r="GT24" s="313">
        <v>0</v>
      </c>
      <c r="GU24" s="314">
        <v>101018</v>
      </c>
      <c r="GV24" s="312">
        <v>0</v>
      </c>
      <c r="GW24" s="313">
        <v>104951</v>
      </c>
      <c r="GX24" s="313">
        <v>0</v>
      </c>
      <c r="GY24" s="313">
        <v>0</v>
      </c>
      <c r="GZ24" s="313">
        <v>0</v>
      </c>
      <c r="HA24" s="313">
        <v>0</v>
      </c>
      <c r="HB24" s="317">
        <v>104951</v>
      </c>
      <c r="HC24" s="316">
        <v>205969</v>
      </c>
      <c r="HD24" s="312">
        <v>98356</v>
      </c>
      <c r="HE24" s="313">
        <v>80516</v>
      </c>
      <c r="HF24" s="317">
        <v>178872</v>
      </c>
      <c r="HG24" s="318">
        <v>0</v>
      </c>
      <c r="HH24" s="313">
        <v>131808</v>
      </c>
      <c r="HI24" s="313">
        <v>1559677</v>
      </c>
      <c r="HJ24" s="313">
        <v>823448</v>
      </c>
      <c r="HK24" s="313">
        <v>0</v>
      </c>
      <c r="HL24" s="313">
        <v>626213</v>
      </c>
      <c r="HM24" s="314">
        <v>3141146</v>
      </c>
      <c r="HN24" s="315">
        <v>3320018</v>
      </c>
      <c r="HO24" s="319">
        <v>0</v>
      </c>
      <c r="HP24" s="313">
        <v>0</v>
      </c>
      <c r="HQ24" s="314">
        <v>0</v>
      </c>
      <c r="HR24" s="312">
        <v>0</v>
      </c>
      <c r="HS24" s="313">
        <v>0</v>
      </c>
      <c r="HT24" s="313">
        <v>0</v>
      </c>
      <c r="HU24" s="313">
        <v>0</v>
      </c>
      <c r="HV24" s="313">
        <v>0</v>
      </c>
      <c r="HW24" s="313">
        <v>0</v>
      </c>
      <c r="HX24" s="317">
        <v>0</v>
      </c>
      <c r="HY24" s="316">
        <v>0</v>
      </c>
      <c r="HZ24" s="344">
        <v>25817</v>
      </c>
      <c r="IA24" s="342">
        <v>0</v>
      </c>
      <c r="IB24" s="344">
        <v>25817</v>
      </c>
      <c r="IC24" s="341">
        <v>0</v>
      </c>
      <c r="ID24" s="342">
        <v>519763</v>
      </c>
      <c r="IE24" s="343">
        <v>541969</v>
      </c>
      <c r="IF24" s="344">
        <v>992681</v>
      </c>
      <c r="IG24" s="342">
        <v>1047072</v>
      </c>
      <c r="IH24" s="344">
        <v>0</v>
      </c>
      <c r="II24" s="345">
        <v>3101485</v>
      </c>
      <c r="IJ24" s="344">
        <v>3127302</v>
      </c>
      <c r="IK24" s="328">
        <v>0</v>
      </c>
      <c r="IL24" s="329">
        <v>0</v>
      </c>
      <c r="IM24" s="330">
        <v>0</v>
      </c>
      <c r="IN24" s="390">
        <v>0</v>
      </c>
      <c r="IO24" s="331">
        <v>0</v>
      </c>
      <c r="IP24" s="331">
        <v>83003</v>
      </c>
      <c r="IQ24" s="331">
        <v>326188</v>
      </c>
      <c r="IR24" s="331">
        <v>196109</v>
      </c>
      <c r="IS24" s="331">
        <v>0</v>
      </c>
      <c r="IT24" s="332">
        <v>605300</v>
      </c>
      <c r="IU24" s="333">
        <v>605300</v>
      </c>
      <c r="IV24" s="334">
        <v>0</v>
      </c>
      <c r="IW24" s="331">
        <v>0</v>
      </c>
      <c r="IX24" s="335">
        <v>0</v>
      </c>
      <c r="IY24" s="390">
        <v>0</v>
      </c>
      <c r="IZ24" s="331">
        <v>0</v>
      </c>
      <c r="JA24" s="331">
        <v>9069</v>
      </c>
      <c r="JB24" s="331">
        <v>0</v>
      </c>
      <c r="JC24" s="331">
        <v>9069</v>
      </c>
      <c r="JD24" s="331">
        <v>0</v>
      </c>
      <c r="JE24" s="335">
        <v>18138</v>
      </c>
      <c r="JF24" s="336">
        <v>18138</v>
      </c>
      <c r="JG24" s="334">
        <v>0</v>
      </c>
      <c r="JH24" s="331">
        <v>0</v>
      </c>
      <c r="JI24" s="332">
        <v>0</v>
      </c>
      <c r="JJ24" s="337">
        <v>0</v>
      </c>
      <c r="JK24" s="331">
        <v>483969</v>
      </c>
      <c r="JL24" s="331">
        <v>141945</v>
      </c>
      <c r="JM24" s="331">
        <v>9245</v>
      </c>
      <c r="JN24" s="331">
        <v>601188</v>
      </c>
      <c r="JO24" s="331">
        <v>0</v>
      </c>
      <c r="JP24" s="335">
        <v>1236347</v>
      </c>
      <c r="JQ24" s="333">
        <v>1236347</v>
      </c>
      <c r="JR24" s="334">
        <v>25817</v>
      </c>
      <c r="JS24" s="331">
        <v>0</v>
      </c>
      <c r="JT24" s="332">
        <v>25817</v>
      </c>
      <c r="JU24" s="337">
        <v>0</v>
      </c>
      <c r="JV24" s="331">
        <v>35794</v>
      </c>
      <c r="JW24" s="331">
        <v>144951</v>
      </c>
      <c r="JX24" s="331">
        <v>0</v>
      </c>
      <c r="JY24" s="331">
        <v>0</v>
      </c>
      <c r="JZ24" s="331">
        <v>0</v>
      </c>
      <c r="KA24" s="335">
        <v>180745</v>
      </c>
      <c r="KB24" s="333">
        <v>206562</v>
      </c>
      <c r="KC24" s="338">
        <v>0</v>
      </c>
      <c r="KD24" s="339">
        <v>0</v>
      </c>
      <c r="KE24" s="335">
        <v>0</v>
      </c>
      <c r="KF24" s="337">
        <v>0</v>
      </c>
      <c r="KG24" s="331">
        <v>0</v>
      </c>
      <c r="KH24" s="331">
        <v>163001</v>
      </c>
      <c r="KI24" s="331">
        <v>214246</v>
      </c>
      <c r="KJ24" s="331">
        <v>240706</v>
      </c>
      <c r="KK24" s="331">
        <v>0</v>
      </c>
      <c r="KL24" s="335">
        <v>617953</v>
      </c>
      <c r="KM24" s="340">
        <v>617953</v>
      </c>
      <c r="KN24" s="328">
        <v>0</v>
      </c>
      <c r="KO24" s="329">
        <v>0</v>
      </c>
      <c r="KP24" s="330">
        <v>0</v>
      </c>
      <c r="KQ24" s="390">
        <v>0</v>
      </c>
      <c r="KR24" s="331">
        <v>0</v>
      </c>
      <c r="KS24" s="331">
        <v>0</v>
      </c>
      <c r="KT24" s="331">
        <v>443002</v>
      </c>
      <c r="KU24" s="331">
        <v>0</v>
      </c>
      <c r="KV24" s="331">
        <v>0</v>
      </c>
      <c r="KW24" s="335">
        <v>443002</v>
      </c>
      <c r="KX24" s="333">
        <v>443002</v>
      </c>
      <c r="KY24" s="334">
        <v>0</v>
      </c>
      <c r="KZ24" s="331">
        <v>0</v>
      </c>
      <c r="LA24" s="335">
        <v>0</v>
      </c>
      <c r="LB24" s="390">
        <v>0</v>
      </c>
      <c r="LC24" s="331">
        <v>0</v>
      </c>
      <c r="LD24" s="331">
        <v>0</v>
      </c>
      <c r="LE24" s="331">
        <v>0</v>
      </c>
      <c r="LF24" s="331">
        <v>0</v>
      </c>
      <c r="LG24" s="331">
        <v>0</v>
      </c>
      <c r="LH24" s="335">
        <v>0</v>
      </c>
      <c r="LI24" s="336">
        <v>0</v>
      </c>
      <c r="LJ24" s="334">
        <v>0</v>
      </c>
      <c r="LK24" s="331">
        <v>0</v>
      </c>
      <c r="LL24" s="335">
        <v>0</v>
      </c>
      <c r="LM24" s="390">
        <v>0</v>
      </c>
      <c r="LN24" s="331">
        <v>0</v>
      </c>
      <c r="LO24" s="331">
        <v>0</v>
      </c>
      <c r="LP24" s="331">
        <v>0</v>
      </c>
      <c r="LQ24" s="331">
        <v>0</v>
      </c>
      <c r="LR24" s="331">
        <v>0</v>
      </c>
      <c r="LS24" s="335">
        <v>0</v>
      </c>
      <c r="LT24" s="333">
        <v>0</v>
      </c>
      <c r="LU24" s="334">
        <v>0</v>
      </c>
      <c r="LV24" s="331">
        <v>0</v>
      </c>
      <c r="LW24" s="335">
        <v>0</v>
      </c>
      <c r="LX24" s="390">
        <v>0</v>
      </c>
      <c r="LY24" s="331">
        <v>0</v>
      </c>
      <c r="LZ24" s="331">
        <v>0</v>
      </c>
      <c r="MA24" s="331">
        <v>0</v>
      </c>
      <c r="MB24" s="331">
        <v>0</v>
      </c>
      <c r="MC24" s="331">
        <v>0</v>
      </c>
      <c r="MD24" s="335">
        <v>0</v>
      </c>
      <c r="ME24" s="336">
        <v>0</v>
      </c>
      <c r="MF24" s="334">
        <v>0</v>
      </c>
      <c r="MG24" s="331">
        <v>0</v>
      </c>
      <c r="MH24" s="335">
        <v>0</v>
      </c>
      <c r="MI24" s="390">
        <v>0</v>
      </c>
      <c r="MJ24" s="331">
        <v>222763</v>
      </c>
      <c r="MK24" s="331">
        <v>1071135</v>
      </c>
      <c r="ML24" s="331">
        <v>1386954</v>
      </c>
      <c r="MM24" s="331">
        <v>618831</v>
      </c>
      <c r="MN24" s="331">
        <v>491844</v>
      </c>
      <c r="MO24" s="335">
        <v>3791527</v>
      </c>
      <c r="MP24" s="340">
        <v>3791527</v>
      </c>
      <c r="MQ24" s="334">
        <v>0</v>
      </c>
      <c r="MR24" s="331">
        <v>0</v>
      </c>
      <c r="MS24" s="335">
        <v>0</v>
      </c>
      <c r="MT24" s="390">
        <v>0</v>
      </c>
      <c r="MU24" s="331">
        <v>0</v>
      </c>
      <c r="MV24" s="331">
        <v>0</v>
      </c>
      <c r="MW24" s="331">
        <v>667183</v>
      </c>
      <c r="MX24" s="331">
        <v>618831</v>
      </c>
      <c r="MY24" s="331">
        <v>491844</v>
      </c>
      <c r="MZ24" s="335">
        <v>1777858</v>
      </c>
      <c r="NA24" s="340">
        <v>1777858</v>
      </c>
      <c r="NB24" s="334">
        <v>0</v>
      </c>
      <c r="NC24" s="331">
        <v>0</v>
      </c>
      <c r="ND24" s="335">
        <v>0</v>
      </c>
      <c r="NE24" s="390">
        <v>0</v>
      </c>
      <c r="NF24" s="331">
        <v>222763</v>
      </c>
      <c r="NG24" s="331">
        <v>1071135</v>
      </c>
      <c r="NH24" s="331">
        <v>719771</v>
      </c>
      <c r="NI24" s="331">
        <v>0</v>
      </c>
      <c r="NJ24" s="331">
        <v>0</v>
      </c>
      <c r="NK24" s="335">
        <v>2013669</v>
      </c>
      <c r="NL24" s="333">
        <v>2013669</v>
      </c>
      <c r="NM24" s="334">
        <v>0</v>
      </c>
      <c r="NN24" s="331">
        <v>0</v>
      </c>
      <c r="NO24" s="335">
        <v>0</v>
      </c>
      <c r="NP24" s="390">
        <v>0</v>
      </c>
      <c r="NQ24" s="331">
        <v>0</v>
      </c>
      <c r="NR24" s="331">
        <v>0</v>
      </c>
      <c r="NS24" s="331">
        <v>0</v>
      </c>
      <c r="NT24" s="331">
        <v>0</v>
      </c>
      <c r="NU24" s="331">
        <v>0</v>
      </c>
      <c r="NV24" s="335">
        <v>0</v>
      </c>
      <c r="NW24" s="336">
        <v>0</v>
      </c>
      <c r="NX24" s="334">
        <v>0</v>
      </c>
      <c r="NY24" s="331">
        <v>0</v>
      </c>
      <c r="NZ24" s="335">
        <v>0</v>
      </c>
      <c r="OA24" s="390">
        <v>0</v>
      </c>
      <c r="OB24" s="331">
        <v>0</v>
      </c>
      <c r="OC24" s="331">
        <v>0</v>
      </c>
      <c r="OD24" s="331">
        <v>0</v>
      </c>
      <c r="OE24" s="331">
        <v>0</v>
      </c>
      <c r="OF24" s="331">
        <v>0</v>
      </c>
      <c r="OG24" s="335">
        <v>0</v>
      </c>
      <c r="OH24" s="336">
        <v>0</v>
      </c>
      <c r="OI24" s="334">
        <v>400847</v>
      </c>
      <c r="OJ24" s="331">
        <v>314080</v>
      </c>
      <c r="OK24" s="332">
        <v>714927</v>
      </c>
      <c r="OL24" s="337">
        <v>0</v>
      </c>
      <c r="OM24" s="331">
        <v>3495671</v>
      </c>
      <c r="ON24" s="331">
        <v>5294381</v>
      </c>
      <c r="OO24" s="331">
        <v>5171363</v>
      </c>
      <c r="OP24" s="331">
        <v>3947095</v>
      </c>
      <c r="OQ24" s="331">
        <v>2064297</v>
      </c>
      <c r="OR24" s="335">
        <v>19972807</v>
      </c>
      <c r="OS24" s="340">
        <v>20687734</v>
      </c>
    </row>
    <row r="25" spans="2:409" s="56" customFormat="1" ht="21" customHeight="1" x14ac:dyDescent="0.2">
      <c r="B25" s="92" t="s">
        <v>20</v>
      </c>
      <c r="C25" s="312">
        <v>511806</v>
      </c>
      <c r="D25" s="313">
        <v>499771</v>
      </c>
      <c r="E25" s="314">
        <v>1011577</v>
      </c>
      <c r="F25" s="312">
        <v>0</v>
      </c>
      <c r="G25" s="313">
        <v>3556981</v>
      </c>
      <c r="H25" s="313">
        <v>4420439</v>
      </c>
      <c r="I25" s="313">
        <v>4205724</v>
      </c>
      <c r="J25" s="313">
        <v>3715710</v>
      </c>
      <c r="K25" s="313">
        <v>3574488</v>
      </c>
      <c r="L25" s="353">
        <v>19473342</v>
      </c>
      <c r="M25" s="316">
        <v>20484919</v>
      </c>
      <c r="N25" s="312">
        <v>120337</v>
      </c>
      <c r="O25" s="313">
        <v>242643</v>
      </c>
      <c r="P25" s="314">
        <v>362980</v>
      </c>
      <c r="Q25" s="312">
        <v>0</v>
      </c>
      <c r="R25" s="313">
        <v>1294673</v>
      </c>
      <c r="S25" s="313">
        <v>1561799</v>
      </c>
      <c r="T25" s="313">
        <v>1154011</v>
      </c>
      <c r="U25" s="313">
        <v>1112306</v>
      </c>
      <c r="V25" s="313">
        <v>1489567</v>
      </c>
      <c r="W25" s="314">
        <v>6612356</v>
      </c>
      <c r="X25" s="316">
        <v>6975336</v>
      </c>
      <c r="Y25" s="312">
        <v>0</v>
      </c>
      <c r="Z25" s="313">
        <v>0</v>
      </c>
      <c r="AA25" s="314">
        <v>0</v>
      </c>
      <c r="AB25" s="312">
        <v>0</v>
      </c>
      <c r="AC25" s="313">
        <v>475980</v>
      </c>
      <c r="AD25" s="313">
        <v>609518</v>
      </c>
      <c r="AE25" s="313">
        <v>471616</v>
      </c>
      <c r="AF25" s="313">
        <v>669368</v>
      </c>
      <c r="AG25" s="313">
        <v>897472</v>
      </c>
      <c r="AH25" s="314">
        <v>3123954</v>
      </c>
      <c r="AI25" s="316">
        <v>3123954</v>
      </c>
      <c r="AJ25" s="312">
        <v>0</v>
      </c>
      <c r="AK25" s="313">
        <v>0</v>
      </c>
      <c r="AL25" s="314">
        <v>0</v>
      </c>
      <c r="AM25" s="312">
        <v>0</v>
      </c>
      <c r="AN25" s="313">
        <v>22680</v>
      </c>
      <c r="AO25" s="313">
        <v>10509</v>
      </c>
      <c r="AP25" s="313">
        <v>42037</v>
      </c>
      <c r="AQ25" s="313">
        <v>115325</v>
      </c>
      <c r="AR25" s="313">
        <v>230640</v>
      </c>
      <c r="AS25" s="314">
        <v>421191</v>
      </c>
      <c r="AT25" s="316">
        <v>421191</v>
      </c>
      <c r="AU25" s="312">
        <v>80773</v>
      </c>
      <c r="AV25" s="313">
        <v>51502</v>
      </c>
      <c r="AW25" s="314">
        <v>132275</v>
      </c>
      <c r="AX25" s="312">
        <v>0</v>
      </c>
      <c r="AY25" s="313">
        <v>484109</v>
      </c>
      <c r="AZ25" s="313">
        <v>624330</v>
      </c>
      <c r="BA25" s="313">
        <v>327454</v>
      </c>
      <c r="BB25" s="313">
        <v>229284</v>
      </c>
      <c r="BC25" s="313">
        <v>92072</v>
      </c>
      <c r="BD25" s="314">
        <v>1757249</v>
      </c>
      <c r="BE25" s="316">
        <v>1889524</v>
      </c>
      <c r="BF25" s="312">
        <v>0</v>
      </c>
      <c r="BG25" s="313">
        <v>182874</v>
      </c>
      <c r="BH25" s="317">
        <v>182874</v>
      </c>
      <c r="BI25" s="318">
        <v>0</v>
      </c>
      <c r="BJ25" s="313">
        <v>113090</v>
      </c>
      <c r="BK25" s="313">
        <v>142925</v>
      </c>
      <c r="BL25" s="313">
        <v>59343</v>
      </c>
      <c r="BM25" s="313">
        <v>0</v>
      </c>
      <c r="BN25" s="313">
        <v>79704</v>
      </c>
      <c r="BO25" s="314">
        <v>395062</v>
      </c>
      <c r="BP25" s="316">
        <v>577936</v>
      </c>
      <c r="BQ25" s="312">
        <v>39564</v>
      </c>
      <c r="BR25" s="313">
        <v>8267</v>
      </c>
      <c r="BS25" s="314">
        <v>47831</v>
      </c>
      <c r="BT25" s="312">
        <v>0</v>
      </c>
      <c r="BU25" s="313">
        <v>198814</v>
      </c>
      <c r="BV25" s="313">
        <v>174517</v>
      </c>
      <c r="BW25" s="313">
        <v>253561</v>
      </c>
      <c r="BX25" s="313">
        <v>98329</v>
      </c>
      <c r="BY25" s="313">
        <v>189679</v>
      </c>
      <c r="BZ25" s="314">
        <v>914900</v>
      </c>
      <c r="CA25" s="316">
        <v>962731</v>
      </c>
      <c r="CB25" s="312">
        <v>0</v>
      </c>
      <c r="CC25" s="313">
        <v>72975</v>
      </c>
      <c r="CD25" s="314">
        <v>72975</v>
      </c>
      <c r="CE25" s="312">
        <v>0</v>
      </c>
      <c r="CF25" s="313">
        <v>828924</v>
      </c>
      <c r="CG25" s="313">
        <v>1388777</v>
      </c>
      <c r="CH25" s="313">
        <v>1244328</v>
      </c>
      <c r="CI25" s="313">
        <v>712706</v>
      </c>
      <c r="CJ25" s="313">
        <v>260832</v>
      </c>
      <c r="CK25" s="314">
        <v>4435567</v>
      </c>
      <c r="CL25" s="316">
        <v>4508542</v>
      </c>
      <c r="CM25" s="312">
        <v>0</v>
      </c>
      <c r="CN25" s="313">
        <v>0</v>
      </c>
      <c r="CO25" s="314">
        <v>0</v>
      </c>
      <c r="CP25" s="318">
        <v>0</v>
      </c>
      <c r="CQ25" s="313">
        <v>622189</v>
      </c>
      <c r="CR25" s="313">
        <v>751161</v>
      </c>
      <c r="CS25" s="313">
        <v>952530</v>
      </c>
      <c r="CT25" s="313">
        <v>564054</v>
      </c>
      <c r="CU25" s="313">
        <v>260832</v>
      </c>
      <c r="CV25" s="314">
        <v>3150766</v>
      </c>
      <c r="CW25" s="316">
        <v>3150766</v>
      </c>
      <c r="CX25" s="312">
        <v>0</v>
      </c>
      <c r="CY25" s="313">
        <v>72975</v>
      </c>
      <c r="CZ25" s="314">
        <v>72975</v>
      </c>
      <c r="DA25" s="312">
        <v>0</v>
      </c>
      <c r="DB25" s="313">
        <v>206735</v>
      </c>
      <c r="DC25" s="313">
        <v>637616</v>
      </c>
      <c r="DD25" s="313">
        <v>291798</v>
      </c>
      <c r="DE25" s="313">
        <v>148652</v>
      </c>
      <c r="DF25" s="313">
        <v>0</v>
      </c>
      <c r="DG25" s="314">
        <v>1284801</v>
      </c>
      <c r="DH25" s="316">
        <v>1357776</v>
      </c>
      <c r="DI25" s="312">
        <v>12796</v>
      </c>
      <c r="DJ25" s="313">
        <v>0</v>
      </c>
      <c r="DK25" s="317">
        <v>12796</v>
      </c>
      <c r="DL25" s="318">
        <v>0</v>
      </c>
      <c r="DM25" s="313">
        <v>116678</v>
      </c>
      <c r="DN25" s="313">
        <v>105962</v>
      </c>
      <c r="DO25" s="313">
        <v>839755</v>
      </c>
      <c r="DP25" s="313">
        <v>826978</v>
      </c>
      <c r="DQ25" s="313">
        <v>354433</v>
      </c>
      <c r="DR25" s="314">
        <v>2243806</v>
      </c>
      <c r="DS25" s="316">
        <v>2256602</v>
      </c>
      <c r="DT25" s="312">
        <v>12796</v>
      </c>
      <c r="DU25" s="313">
        <v>0</v>
      </c>
      <c r="DV25" s="314">
        <v>12796</v>
      </c>
      <c r="DW25" s="312">
        <v>0</v>
      </c>
      <c r="DX25" s="313">
        <v>84415</v>
      </c>
      <c r="DY25" s="313">
        <v>105962</v>
      </c>
      <c r="DZ25" s="313">
        <v>820470</v>
      </c>
      <c r="EA25" s="313">
        <v>826978</v>
      </c>
      <c r="EB25" s="313">
        <v>260018</v>
      </c>
      <c r="EC25" s="314">
        <v>2097843</v>
      </c>
      <c r="ED25" s="316">
        <v>2110639</v>
      </c>
      <c r="EE25" s="312">
        <v>0</v>
      </c>
      <c r="EF25" s="317">
        <v>0</v>
      </c>
      <c r="EG25" s="314">
        <v>0</v>
      </c>
      <c r="EH25" s="312">
        <v>0</v>
      </c>
      <c r="EI25" s="313">
        <v>32263</v>
      </c>
      <c r="EJ25" s="313">
        <v>0</v>
      </c>
      <c r="EK25" s="313">
        <v>19285</v>
      </c>
      <c r="EL25" s="313">
        <v>0</v>
      </c>
      <c r="EM25" s="313">
        <v>94415</v>
      </c>
      <c r="EN25" s="317">
        <v>145963</v>
      </c>
      <c r="EO25" s="316">
        <v>145963</v>
      </c>
      <c r="EP25" s="312">
        <v>0</v>
      </c>
      <c r="EQ25" s="313">
        <v>0</v>
      </c>
      <c r="ER25" s="317">
        <v>0</v>
      </c>
      <c r="ES25" s="318">
        <v>0</v>
      </c>
      <c r="ET25" s="313">
        <v>0</v>
      </c>
      <c r="EU25" s="313">
        <v>0</v>
      </c>
      <c r="EV25" s="313">
        <v>0</v>
      </c>
      <c r="EW25" s="313">
        <v>0</v>
      </c>
      <c r="EX25" s="313">
        <v>0</v>
      </c>
      <c r="EY25" s="314">
        <v>0</v>
      </c>
      <c r="EZ25" s="316">
        <v>0</v>
      </c>
      <c r="FA25" s="312">
        <v>0</v>
      </c>
      <c r="FB25" s="313">
        <v>0</v>
      </c>
      <c r="FC25" s="317">
        <v>0</v>
      </c>
      <c r="FD25" s="390">
        <v>0</v>
      </c>
      <c r="FE25" s="313">
        <v>0</v>
      </c>
      <c r="FF25" s="313">
        <v>0</v>
      </c>
      <c r="FG25" s="313">
        <v>0</v>
      </c>
      <c r="FH25" s="313">
        <v>0</v>
      </c>
      <c r="FI25" s="313">
        <v>0</v>
      </c>
      <c r="FJ25" s="314">
        <v>0</v>
      </c>
      <c r="FK25" s="316">
        <v>0</v>
      </c>
      <c r="FL25" s="312">
        <v>230846</v>
      </c>
      <c r="FM25" s="313">
        <v>106183</v>
      </c>
      <c r="FN25" s="314">
        <v>337029</v>
      </c>
      <c r="FO25" s="312">
        <v>0</v>
      </c>
      <c r="FP25" s="313">
        <v>195573</v>
      </c>
      <c r="FQ25" s="313">
        <v>405755</v>
      </c>
      <c r="FR25" s="313">
        <v>424984</v>
      </c>
      <c r="FS25" s="313">
        <v>289810</v>
      </c>
      <c r="FT25" s="313">
        <v>186487</v>
      </c>
      <c r="FU25" s="314">
        <v>1502609</v>
      </c>
      <c r="FV25" s="316">
        <v>1839638</v>
      </c>
      <c r="FW25" s="319">
        <v>60746</v>
      </c>
      <c r="FX25" s="313">
        <v>106183</v>
      </c>
      <c r="FY25" s="317">
        <v>166929</v>
      </c>
      <c r="FZ25" s="318">
        <v>0</v>
      </c>
      <c r="GA25" s="313">
        <v>147448</v>
      </c>
      <c r="GB25" s="313">
        <v>371035</v>
      </c>
      <c r="GC25" s="313">
        <v>384664</v>
      </c>
      <c r="GD25" s="313">
        <v>276605</v>
      </c>
      <c r="GE25" s="313">
        <v>186487</v>
      </c>
      <c r="GF25" s="314">
        <v>1366239</v>
      </c>
      <c r="GG25" s="320">
        <v>1533168</v>
      </c>
      <c r="GH25" s="319">
        <v>0</v>
      </c>
      <c r="GI25" s="313">
        <v>0</v>
      </c>
      <c r="GJ25" s="317">
        <v>0</v>
      </c>
      <c r="GK25" s="318">
        <v>0</v>
      </c>
      <c r="GL25" s="313">
        <v>48125</v>
      </c>
      <c r="GM25" s="313">
        <v>34720</v>
      </c>
      <c r="GN25" s="313">
        <v>40320</v>
      </c>
      <c r="GO25" s="313">
        <v>13205</v>
      </c>
      <c r="GP25" s="313">
        <v>0</v>
      </c>
      <c r="GQ25" s="314">
        <v>136370</v>
      </c>
      <c r="GR25" s="316">
        <v>136370</v>
      </c>
      <c r="GS25" s="312">
        <v>170100</v>
      </c>
      <c r="GT25" s="313">
        <v>0</v>
      </c>
      <c r="GU25" s="314">
        <v>170100</v>
      </c>
      <c r="GV25" s="312">
        <v>0</v>
      </c>
      <c r="GW25" s="313">
        <v>0</v>
      </c>
      <c r="GX25" s="313">
        <v>0</v>
      </c>
      <c r="GY25" s="313">
        <v>0</v>
      </c>
      <c r="GZ25" s="313">
        <v>0</v>
      </c>
      <c r="HA25" s="313">
        <v>0</v>
      </c>
      <c r="HB25" s="317">
        <v>0</v>
      </c>
      <c r="HC25" s="316">
        <v>170100</v>
      </c>
      <c r="HD25" s="312">
        <v>147827</v>
      </c>
      <c r="HE25" s="313">
        <v>77970</v>
      </c>
      <c r="HF25" s="317">
        <v>225797</v>
      </c>
      <c r="HG25" s="318">
        <v>0</v>
      </c>
      <c r="HH25" s="313">
        <v>1121133</v>
      </c>
      <c r="HI25" s="313">
        <v>958146</v>
      </c>
      <c r="HJ25" s="313">
        <v>542646</v>
      </c>
      <c r="HK25" s="313">
        <v>773910</v>
      </c>
      <c r="HL25" s="313">
        <v>1283169</v>
      </c>
      <c r="HM25" s="314">
        <v>4679004</v>
      </c>
      <c r="HN25" s="315">
        <v>4904801</v>
      </c>
      <c r="HO25" s="319">
        <v>0</v>
      </c>
      <c r="HP25" s="313">
        <v>0</v>
      </c>
      <c r="HQ25" s="314">
        <v>0</v>
      </c>
      <c r="HR25" s="312">
        <v>0</v>
      </c>
      <c r="HS25" s="313">
        <v>0</v>
      </c>
      <c r="HT25" s="313">
        <v>0</v>
      </c>
      <c r="HU25" s="313">
        <v>0</v>
      </c>
      <c r="HV25" s="313">
        <v>0</v>
      </c>
      <c r="HW25" s="313">
        <v>0</v>
      </c>
      <c r="HX25" s="317">
        <v>0</v>
      </c>
      <c r="HY25" s="316">
        <v>0</v>
      </c>
      <c r="HZ25" s="321">
        <v>0</v>
      </c>
      <c r="IA25" s="322">
        <v>0</v>
      </c>
      <c r="IB25" s="323">
        <v>0</v>
      </c>
      <c r="IC25" s="324">
        <v>0</v>
      </c>
      <c r="ID25" s="322">
        <v>527496</v>
      </c>
      <c r="IE25" s="325">
        <v>845299</v>
      </c>
      <c r="IF25" s="323">
        <v>803866</v>
      </c>
      <c r="IG25" s="322">
        <v>29290</v>
      </c>
      <c r="IH25" s="323">
        <v>0</v>
      </c>
      <c r="II25" s="326">
        <v>2205951</v>
      </c>
      <c r="IJ25" s="327">
        <v>2205951</v>
      </c>
      <c r="IK25" s="328">
        <v>0</v>
      </c>
      <c r="IL25" s="329">
        <v>0</v>
      </c>
      <c r="IM25" s="330">
        <v>0</v>
      </c>
      <c r="IN25" s="390">
        <v>0</v>
      </c>
      <c r="IO25" s="331">
        <v>0</v>
      </c>
      <c r="IP25" s="331">
        <v>0</v>
      </c>
      <c r="IQ25" s="331">
        <v>0</v>
      </c>
      <c r="IR25" s="331">
        <v>0</v>
      </c>
      <c r="IS25" s="331">
        <v>0</v>
      </c>
      <c r="IT25" s="332">
        <v>0</v>
      </c>
      <c r="IU25" s="333">
        <v>0</v>
      </c>
      <c r="IV25" s="334">
        <v>0</v>
      </c>
      <c r="IW25" s="331">
        <v>0</v>
      </c>
      <c r="IX25" s="335">
        <v>0</v>
      </c>
      <c r="IY25" s="390">
        <v>0</v>
      </c>
      <c r="IZ25" s="331">
        <v>0</v>
      </c>
      <c r="JA25" s="331">
        <v>0</v>
      </c>
      <c r="JB25" s="331">
        <v>0</v>
      </c>
      <c r="JC25" s="331">
        <v>0</v>
      </c>
      <c r="JD25" s="331">
        <v>0</v>
      </c>
      <c r="JE25" s="335">
        <v>0</v>
      </c>
      <c r="JF25" s="336">
        <v>0</v>
      </c>
      <c r="JG25" s="334">
        <v>0</v>
      </c>
      <c r="JH25" s="331">
        <v>0</v>
      </c>
      <c r="JI25" s="332">
        <v>0</v>
      </c>
      <c r="JJ25" s="337">
        <v>0</v>
      </c>
      <c r="JK25" s="331">
        <v>320035</v>
      </c>
      <c r="JL25" s="331">
        <v>467647</v>
      </c>
      <c r="JM25" s="331">
        <v>55473</v>
      </c>
      <c r="JN25" s="331">
        <v>29290</v>
      </c>
      <c r="JO25" s="331">
        <v>0</v>
      </c>
      <c r="JP25" s="335">
        <v>872445</v>
      </c>
      <c r="JQ25" s="333">
        <v>872445</v>
      </c>
      <c r="JR25" s="334">
        <v>0</v>
      </c>
      <c r="JS25" s="331">
        <v>0</v>
      </c>
      <c r="JT25" s="332">
        <v>0</v>
      </c>
      <c r="JU25" s="337">
        <v>0</v>
      </c>
      <c r="JV25" s="331">
        <v>0</v>
      </c>
      <c r="JW25" s="331">
        <v>0</v>
      </c>
      <c r="JX25" s="331">
        <v>76858</v>
      </c>
      <c r="JY25" s="331">
        <v>0</v>
      </c>
      <c r="JZ25" s="331">
        <v>0</v>
      </c>
      <c r="KA25" s="335">
        <v>76858</v>
      </c>
      <c r="KB25" s="333">
        <v>76858</v>
      </c>
      <c r="KC25" s="338">
        <v>0</v>
      </c>
      <c r="KD25" s="339">
        <v>0</v>
      </c>
      <c r="KE25" s="335">
        <v>0</v>
      </c>
      <c r="KF25" s="337">
        <v>0</v>
      </c>
      <c r="KG25" s="331">
        <v>0</v>
      </c>
      <c r="KH25" s="331">
        <v>158283</v>
      </c>
      <c r="KI25" s="331">
        <v>0</v>
      </c>
      <c r="KJ25" s="331">
        <v>0</v>
      </c>
      <c r="KK25" s="331">
        <v>0</v>
      </c>
      <c r="KL25" s="335">
        <v>158283</v>
      </c>
      <c r="KM25" s="340">
        <v>158283</v>
      </c>
      <c r="KN25" s="328">
        <v>0</v>
      </c>
      <c r="KO25" s="329">
        <v>0</v>
      </c>
      <c r="KP25" s="330">
        <v>0</v>
      </c>
      <c r="KQ25" s="390">
        <v>0</v>
      </c>
      <c r="KR25" s="331">
        <v>207461</v>
      </c>
      <c r="KS25" s="331">
        <v>219369</v>
      </c>
      <c r="KT25" s="331">
        <v>671535</v>
      </c>
      <c r="KU25" s="331">
        <v>0</v>
      </c>
      <c r="KV25" s="331">
        <v>0</v>
      </c>
      <c r="KW25" s="335">
        <v>1098365</v>
      </c>
      <c r="KX25" s="333">
        <v>1098365</v>
      </c>
      <c r="KY25" s="334">
        <v>0</v>
      </c>
      <c r="KZ25" s="331">
        <v>0</v>
      </c>
      <c r="LA25" s="335">
        <v>0</v>
      </c>
      <c r="LB25" s="390">
        <v>0</v>
      </c>
      <c r="LC25" s="331">
        <v>0</v>
      </c>
      <c r="LD25" s="331">
        <v>0</v>
      </c>
      <c r="LE25" s="331">
        <v>0</v>
      </c>
      <c r="LF25" s="331">
        <v>0</v>
      </c>
      <c r="LG25" s="331">
        <v>0</v>
      </c>
      <c r="LH25" s="335">
        <v>0</v>
      </c>
      <c r="LI25" s="336">
        <v>0</v>
      </c>
      <c r="LJ25" s="334">
        <v>0</v>
      </c>
      <c r="LK25" s="331">
        <v>0</v>
      </c>
      <c r="LL25" s="335">
        <v>0</v>
      </c>
      <c r="LM25" s="390">
        <v>0</v>
      </c>
      <c r="LN25" s="331">
        <v>0</v>
      </c>
      <c r="LO25" s="331">
        <v>0</v>
      </c>
      <c r="LP25" s="331">
        <v>0</v>
      </c>
      <c r="LQ25" s="331">
        <v>0</v>
      </c>
      <c r="LR25" s="331">
        <v>0</v>
      </c>
      <c r="LS25" s="335">
        <v>0</v>
      </c>
      <c r="LT25" s="333">
        <v>0</v>
      </c>
      <c r="LU25" s="334">
        <v>0</v>
      </c>
      <c r="LV25" s="331">
        <v>0</v>
      </c>
      <c r="LW25" s="335">
        <v>0</v>
      </c>
      <c r="LX25" s="390">
        <v>0</v>
      </c>
      <c r="LY25" s="331">
        <v>0</v>
      </c>
      <c r="LZ25" s="331">
        <v>0</v>
      </c>
      <c r="MA25" s="331">
        <v>0</v>
      </c>
      <c r="MB25" s="331">
        <v>0</v>
      </c>
      <c r="MC25" s="331">
        <v>0</v>
      </c>
      <c r="MD25" s="335">
        <v>0</v>
      </c>
      <c r="ME25" s="336">
        <v>0</v>
      </c>
      <c r="MF25" s="334">
        <v>0</v>
      </c>
      <c r="MG25" s="331">
        <v>0</v>
      </c>
      <c r="MH25" s="335">
        <v>0</v>
      </c>
      <c r="MI25" s="390">
        <v>0</v>
      </c>
      <c r="MJ25" s="331">
        <v>198681</v>
      </c>
      <c r="MK25" s="331">
        <v>664147</v>
      </c>
      <c r="ML25" s="331">
        <v>694879</v>
      </c>
      <c r="MM25" s="331">
        <v>2845428</v>
      </c>
      <c r="MN25" s="331">
        <v>1542873</v>
      </c>
      <c r="MO25" s="335">
        <v>5946008</v>
      </c>
      <c r="MP25" s="340">
        <v>5946008</v>
      </c>
      <c r="MQ25" s="334">
        <v>0</v>
      </c>
      <c r="MR25" s="331">
        <v>0</v>
      </c>
      <c r="MS25" s="335">
        <v>0</v>
      </c>
      <c r="MT25" s="390">
        <v>0</v>
      </c>
      <c r="MU25" s="331">
        <v>0</v>
      </c>
      <c r="MV25" s="331">
        <v>430268</v>
      </c>
      <c r="MW25" s="331">
        <v>428358</v>
      </c>
      <c r="MX25" s="331">
        <v>1494380</v>
      </c>
      <c r="MY25" s="331">
        <v>1458588</v>
      </c>
      <c r="MZ25" s="335">
        <v>3811594</v>
      </c>
      <c r="NA25" s="340">
        <v>3811594</v>
      </c>
      <c r="NB25" s="334">
        <v>0</v>
      </c>
      <c r="NC25" s="331">
        <v>0</v>
      </c>
      <c r="ND25" s="335">
        <v>0</v>
      </c>
      <c r="NE25" s="390">
        <v>0</v>
      </c>
      <c r="NF25" s="331">
        <v>198681</v>
      </c>
      <c r="NG25" s="331">
        <v>233879</v>
      </c>
      <c r="NH25" s="331">
        <v>266521</v>
      </c>
      <c r="NI25" s="331">
        <v>1351048</v>
      </c>
      <c r="NJ25" s="331">
        <v>84285</v>
      </c>
      <c r="NK25" s="335">
        <v>2134414</v>
      </c>
      <c r="NL25" s="333">
        <v>2134414</v>
      </c>
      <c r="NM25" s="334">
        <v>0</v>
      </c>
      <c r="NN25" s="331">
        <v>0</v>
      </c>
      <c r="NO25" s="335">
        <v>0</v>
      </c>
      <c r="NP25" s="390">
        <v>0</v>
      </c>
      <c r="NQ25" s="331">
        <v>0</v>
      </c>
      <c r="NR25" s="331">
        <v>0</v>
      </c>
      <c r="NS25" s="331">
        <v>0</v>
      </c>
      <c r="NT25" s="331">
        <v>0</v>
      </c>
      <c r="NU25" s="331">
        <v>0</v>
      </c>
      <c r="NV25" s="335">
        <v>0</v>
      </c>
      <c r="NW25" s="336">
        <v>0</v>
      </c>
      <c r="NX25" s="334">
        <v>0</v>
      </c>
      <c r="NY25" s="331">
        <v>0</v>
      </c>
      <c r="NZ25" s="335">
        <v>0</v>
      </c>
      <c r="OA25" s="390">
        <v>0</v>
      </c>
      <c r="OB25" s="331">
        <v>0</v>
      </c>
      <c r="OC25" s="331">
        <v>0</v>
      </c>
      <c r="OD25" s="331">
        <v>0</v>
      </c>
      <c r="OE25" s="331">
        <v>0</v>
      </c>
      <c r="OF25" s="331">
        <v>0</v>
      </c>
      <c r="OG25" s="335">
        <v>0</v>
      </c>
      <c r="OH25" s="336">
        <v>0</v>
      </c>
      <c r="OI25" s="334">
        <v>511806</v>
      </c>
      <c r="OJ25" s="331">
        <v>499771</v>
      </c>
      <c r="OK25" s="332">
        <v>1011577</v>
      </c>
      <c r="OL25" s="337">
        <v>0</v>
      </c>
      <c r="OM25" s="331">
        <v>4283158</v>
      </c>
      <c r="ON25" s="331">
        <v>5929885</v>
      </c>
      <c r="OO25" s="331">
        <v>5704469</v>
      </c>
      <c r="OP25" s="331">
        <v>6590428</v>
      </c>
      <c r="OQ25" s="331">
        <v>5117361</v>
      </c>
      <c r="OR25" s="335">
        <v>27625301</v>
      </c>
      <c r="OS25" s="340">
        <v>28636878</v>
      </c>
    </row>
    <row r="26" spans="2:409" s="56" customFormat="1" ht="21" customHeight="1" x14ac:dyDescent="0.2">
      <c r="B26" s="92" t="s">
        <v>21</v>
      </c>
      <c r="C26" s="312">
        <v>262679</v>
      </c>
      <c r="D26" s="313">
        <v>404350</v>
      </c>
      <c r="E26" s="314">
        <v>667029</v>
      </c>
      <c r="F26" s="315">
        <v>0</v>
      </c>
      <c r="G26" s="313">
        <v>2817922</v>
      </c>
      <c r="H26" s="313">
        <v>3149111</v>
      </c>
      <c r="I26" s="313">
        <v>2970868</v>
      </c>
      <c r="J26" s="313">
        <v>2010441</v>
      </c>
      <c r="K26" s="313">
        <v>2345669</v>
      </c>
      <c r="L26" s="353">
        <v>13294011</v>
      </c>
      <c r="M26" s="316">
        <v>13961040</v>
      </c>
      <c r="N26" s="312">
        <v>71799</v>
      </c>
      <c r="O26" s="313">
        <v>217957</v>
      </c>
      <c r="P26" s="314">
        <v>289756</v>
      </c>
      <c r="Q26" s="312">
        <v>0</v>
      </c>
      <c r="R26" s="313">
        <v>1089167</v>
      </c>
      <c r="S26" s="313">
        <v>1332268</v>
      </c>
      <c r="T26" s="313">
        <v>610852</v>
      </c>
      <c r="U26" s="313">
        <v>882900</v>
      </c>
      <c r="V26" s="313">
        <v>953006</v>
      </c>
      <c r="W26" s="314">
        <v>4868193</v>
      </c>
      <c r="X26" s="316">
        <v>5157949</v>
      </c>
      <c r="Y26" s="312">
        <v>0</v>
      </c>
      <c r="Z26" s="313">
        <v>0</v>
      </c>
      <c r="AA26" s="314">
        <v>0</v>
      </c>
      <c r="AB26" s="312">
        <v>0</v>
      </c>
      <c r="AC26" s="313">
        <v>431769</v>
      </c>
      <c r="AD26" s="313">
        <v>750381</v>
      </c>
      <c r="AE26" s="313">
        <v>248079</v>
      </c>
      <c r="AF26" s="313">
        <v>285934</v>
      </c>
      <c r="AG26" s="313">
        <v>500366</v>
      </c>
      <c r="AH26" s="314">
        <v>2216529</v>
      </c>
      <c r="AI26" s="316">
        <v>2216529</v>
      </c>
      <c r="AJ26" s="312">
        <v>0</v>
      </c>
      <c r="AK26" s="313">
        <v>0</v>
      </c>
      <c r="AL26" s="314">
        <v>0</v>
      </c>
      <c r="AM26" s="312">
        <v>0</v>
      </c>
      <c r="AN26" s="313">
        <v>0</v>
      </c>
      <c r="AO26" s="313">
        <v>0</v>
      </c>
      <c r="AP26" s="313">
        <v>0</v>
      </c>
      <c r="AQ26" s="313">
        <v>126725</v>
      </c>
      <c r="AR26" s="313">
        <v>146333</v>
      </c>
      <c r="AS26" s="314">
        <v>273058</v>
      </c>
      <c r="AT26" s="316">
        <v>273058</v>
      </c>
      <c r="AU26" s="312">
        <v>12565</v>
      </c>
      <c r="AV26" s="313">
        <v>104716</v>
      </c>
      <c r="AW26" s="314">
        <v>117281</v>
      </c>
      <c r="AX26" s="312">
        <v>0</v>
      </c>
      <c r="AY26" s="313">
        <v>481348</v>
      </c>
      <c r="AZ26" s="313">
        <v>329131</v>
      </c>
      <c r="BA26" s="313">
        <v>121161</v>
      </c>
      <c r="BB26" s="313">
        <v>337738</v>
      </c>
      <c r="BC26" s="313">
        <v>161272</v>
      </c>
      <c r="BD26" s="314">
        <v>1430650</v>
      </c>
      <c r="BE26" s="316">
        <v>1547931</v>
      </c>
      <c r="BF26" s="312">
        <v>0</v>
      </c>
      <c r="BG26" s="313">
        <v>60615</v>
      </c>
      <c r="BH26" s="317">
        <v>60615</v>
      </c>
      <c r="BI26" s="318">
        <v>0</v>
      </c>
      <c r="BJ26" s="313">
        <v>0</v>
      </c>
      <c r="BK26" s="313">
        <v>0</v>
      </c>
      <c r="BL26" s="313">
        <v>87857</v>
      </c>
      <c r="BM26" s="313">
        <v>0</v>
      </c>
      <c r="BN26" s="313">
        <v>31194</v>
      </c>
      <c r="BO26" s="314">
        <v>119051</v>
      </c>
      <c r="BP26" s="316">
        <v>179666</v>
      </c>
      <c r="BQ26" s="312">
        <v>59234</v>
      </c>
      <c r="BR26" s="313">
        <v>52626</v>
      </c>
      <c r="BS26" s="314">
        <v>111860</v>
      </c>
      <c r="BT26" s="312">
        <v>0</v>
      </c>
      <c r="BU26" s="313">
        <v>176050</v>
      </c>
      <c r="BV26" s="313">
        <v>252756</v>
      </c>
      <c r="BW26" s="313">
        <v>153755</v>
      </c>
      <c r="BX26" s="313">
        <v>132503</v>
      </c>
      <c r="BY26" s="313">
        <v>113841</v>
      </c>
      <c r="BZ26" s="314">
        <v>828905</v>
      </c>
      <c r="CA26" s="316">
        <v>940765</v>
      </c>
      <c r="CB26" s="312">
        <v>18358</v>
      </c>
      <c r="CC26" s="313">
        <v>0</v>
      </c>
      <c r="CD26" s="314">
        <v>18358</v>
      </c>
      <c r="CE26" s="312">
        <v>0</v>
      </c>
      <c r="CF26" s="313">
        <v>885523</v>
      </c>
      <c r="CG26" s="313">
        <v>699820</v>
      </c>
      <c r="CH26" s="313">
        <v>362949</v>
      </c>
      <c r="CI26" s="313">
        <v>271634</v>
      </c>
      <c r="CJ26" s="313">
        <v>462099</v>
      </c>
      <c r="CK26" s="314">
        <v>2682025</v>
      </c>
      <c r="CL26" s="316">
        <v>2700383</v>
      </c>
      <c r="CM26" s="312">
        <v>0</v>
      </c>
      <c r="CN26" s="313">
        <v>0</v>
      </c>
      <c r="CO26" s="314">
        <v>0</v>
      </c>
      <c r="CP26" s="318">
        <v>0</v>
      </c>
      <c r="CQ26" s="313">
        <v>807628</v>
      </c>
      <c r="CR26" s="313">
        <v>570399</v>
      </c>
      <c r="CS26" s="313">
        <v>295059</v>
      </c>
      <c r="CT26" s="313">
        <v>179517</v>
      </c>
      <c r="CU26" s="313">
        <v>227107</v>
      </c>
      <c r="CV26" s="314">
        <v>2079710</v>
      </c>
      <c r="CW26" s="316">
        <v>2079710</v>
      </c>
      <c r="CX26" s="312">
        <v>18358</v>
      </c>
      <c r="CY26" s="313">
        <v>0</v>
      </c>
      <c r="CZ26" s="314">
        <v>18358</v>
      </c>
      <c r="DA26" s="312">
        <v>0</v>
      </c>
      <c r="DB26" s="313">
        <v>77895</v>
      </c>
      <c r="DC26" s="313">
        <v>129421</v>
      </c>
      <c r="DD26" s="313">
        <v>67890</v>
      </c>
      <c r="DE26" s="313">
        <v>92117</v>
      </c>
      <c r="DF26" s="313">
        <v>234992</v>
      </c>
      <c r="DG26" s="314">
        <v>602315</v>
      </c>
      <c r="DH26" s="316">
        <v>620673</v>
      </c>
      <c r="DI26" s="312">
        <v>0</v>
      </c>
      <c r="DJ26" s="313">
        <v>0</v>
      </c>
      <c r="DK26" s="317">
        <v>0</v>
      </c>
      <c r="DL26" s="318">
        <v>0</v>
      </c>
      <c r="DM26" s="313">
        <v>0</v>
      </c>
      <c r="DN26" s="313">
        <v>244879</v>
      </c>
      <c r="DO26" s="313">
        <v>255007</v>
      </c>
      <c r="DP26" s="313">
        <v>0</v>
      </c>
      <c r="DQ26" s="313">
        <v>242087</v>
      </c>
      <c r="DR26" s="314">
        <v>741973</v>
      </c>
      <c r="DS26" s="316">
        <v>741973</v>
      </c>
      <c r="DT26" s="312">
        <v>0</v>
      </c>
      <c r="DU26" s="313">
        <v>0</v>
      </c>
      <c r="DV26" s="314">
        <v>0</v>
      </c>
      <c r="DW26" s="312">
        <v>0</v>
      </c>
      <c r="DX26" s="313">
        <v>0</v>
      </c>
      <c r="DY26" s="313">
        <v>229138</v>
      </c>
      <c r="DZ26" s="313">
        <v>255007</v>
      </c>
      <c r="EA26" s="313">
        <v>0</v>
      </c>
      <c r="EB26" s="313">
        <v>242087</v>
      </c>
      <c r="EC26" s="314">
        <v>726232</v>
      </c>
      <c r="ED26" s="316">
        <v>726232</v>
      </c>
      <c r="EE26" s="312">
        <v>0</v>
      </c>
      <c r="EF26" s="317">
        <v>0</v>
      </c>
      <c r="EG26" s="314">
        <v>0</v>
      </c>
      <c r="EH26" s="312">
        <v>0</v>
      </c>
      <c r="EI26" s="313">
        <v>0</v>
      </c>
      <c r="EJ26" s="313">
        <v>15741</v>
      </c>
      <c r="EK26" s="313">
        <v>0</v>
      </c>
      <c r="EL26" s="313">
        <v>0</v>
      </c>
      <c r="EM26" s="313">
        <v>0</v>
      </c>
      <c r="EN26" s="317">
        <v>15741</v>
      </c>
      <c r="EO26" s="316">
        <v>15741</v>
      </c>
      <c r="EP26" s="312">
        <v>0</v>
      </c>
      <c r="EQ26" s="313">
        <v>0</v>
      </c>
      <c r="ER26" s="317">
        <v>0</v>
      </c>
      <c r="ES26" s="318">
        <v>0</v>
      </c>
      <c r="ET26" s="313">
        <v>0</v>
      </c>
      <c r="EU26" s="313">
        <v>0</v>
      </c>
      <c r="EV26" s="313">
        <v>0</v>
      </c>
      <c r="EW26" s="313">
        <v>0</v>
      </c>
      <c r="EX26" s="313">
        <v>0</v>
      </c>
      <c r="EY26" s="314">
        <v>0</v>
      </c>
      <c r="EZ26" s="316">
        <v>0</v>
      </c>
      <c r="FA26" s="312">
        <v>0</v>
      </c>
      <c r="FB26" s="313">
        <v>0</v>
      </c>
      <c r="FC26" s="317">
        <v>0</v>
      </c>
      <c r="FD26" s="390">
        <v>0</v>
      </c>
      <c r="FE26" s="313">
        <v>0</v>
      </c>
      <c r="FF26" s="313">
        <v>0</v>
      </c>
      <c r="FG26" s="313">
        <v>0</v>
      </c>
      <c r="FH26" s="313">
        <v>0</v>
      </c>
      <c r="FI26" s="313">
        <v>0</v>
      </c>
      <c r="FJ26" s="314">
        <v>0</v>
      </c>
      <c r="FK26" s="316">
        <v>0</v>
      </c>
      <c r="FL26" s="312">
        <v>27286</v>
      </c>
      <c r="FM26" s="313">
        <v>25200</v>
      </c>
      <c r="FN26" s="314">
        <v>52486</v>
      </c>
      <c r="FO26" s="312">
        <v>0</v>
      </c>
      <c r="FP26" s="313">
        <v>272524</v>
      </c>
      <c r="FQ26" s="313">
        <v>218071</v>
      </c>
      <c r="FR26" s="313">
        <v>208180</v>
      </c>
      <c r="FS26" s="313">
        <v>88011</v>
      </c>
      <c r="FT26" s="313">
        <v>115192</v>
      </c>
      <c r="FU26" s="314">
        <v>901978</v>
      </c>
      <c r="FV26" s="316">
        <v>954464</v>
      </c>
      <c r="FW26" s="319">
        <v>27286</v>
      </c>
      <c r="FX26" s="313">
        <v>25200</v>
      </c>
      <c r="FY26" s="317">
        <v>52486</v>
      </c>
      <c r="FZ26" s="318">
        <v>0</v>
      </c>
      <c r="GA26" s="313">
        <v>79814</v>
      </c>
      <c r="GB26" s="313">
        <v>218071</v>
      </c>
      <c r="GC26" s="313">
        <v>208180</v>
      </c>
      <c r="GD26" s="313">
        <v>88011</v>
      </c>
      <c r="GE26" s="313">
        <v>115192</v>
      </c>
      <c r="GF26" s="314">
        <v>709268</v>
      </c>
      <c r="GG26" s="320">
        <v>761754</v>
      </c>
      <c r="GH26" s="319">
        <v>0</v>
      </c>
      <c r="GI26" s="313">
        <v>0</v>
      </c>
      <c r="GJ26" s="317">
        <v>0</v>
      </c>
      <c r="GK26" s="318">
        <v>0</v>
      </c>
      <c r="GL26" s="313">
        <v>38010</v>
      </c>
      <c r="GM26" s="313">
        <v>0</v>
      </c>
      <c r="GN26" s="313">
        <v>0</v>
      </c>
      <c r="GO26" s="313">
        <v>0</v>
      </c>
      <c r="GP26" s="313">
        <v>0</v>
      </c>
      <c r="GQ26" s="314">
        <v>38010</v>
      </c>
      <c r="GR26" s="316">
        <v>38010</v>
      </c>
      <c r="GS26" s="312">
        <v>0</v>
      </c>
      <c r="GT26" s="313">
        <v>0</v>
      </c>
      <c r="GU26" s="314">
        <v>0</v>
      </c>
      <c r="GV26" s="312">
        <v>0</v>
      </c>
      <c r="GW26" s="313">
        <v>154700</v>
      </c>
      <c r="GX26" s="313">
        <v>0</v>
      </c>
      <c r="GY26" s="313">
        <v>0</v>
      </c>
      <c r="GZ26" s="313">
        <v>0</v>
      </c>
      <c r="HA26" s="313">
        <v>0</v>
      </c>
      <c r="HB26" s="317">
        <v>154700</v>
      </c>
      <c r="HC26" s="316">
        <v>154700</v>
      </c>
      <c r="HD26" s="312">
        <v>145236</v>
      </c>
      <c r="HE26" s="313">
        <v>161193</v>
      </c>
      <c r="HF26" s="317">
        <v>306429</v>
      </c>
      <c r="HG26" s="318">
        <v>0</v>
      </c>
      <c r="HH26" s="313">
        <v>570708</v>
      </c>
      <c r="HI26" s="313">
        <v>654073</v>
      </c>
      <c r="HJ26" s="313">
        <v>1533880</v>
      </c>
      <c r="HK26" s="313">
        <v>767896</v>
      </c>
      <c r="HL26" s="313">
        <v>573285</v>
      </c>
      <c r="HM26" s="314">
        <v>4099842</v>
      </c>
      <c r="HN26" s="315">
        <v>4406271</v>
      </c>
      <c r="HO26" s="319">
        <v>0</v>
      </c>
      <c r="HP26" s="313">
        <v>0</v>
      </c>
      <c r="HQ26" s="314">
        <v>0</v>
      </c>
      <c r="HR26" s="312">
        <v>0</v>
      </c>
      <c r="HS26" s="313">
        <v>0</v>
      </c>
      <c r="HT26" s="313">
        <v>0</v>
      </c>
      <c r="HU26" s="313">
        <v>0</v>
      </c>
      <c r="HV26" s="313">
        <v>0</v>
      </c>
      <c r="HW26" s="313">
        <v>0</v>
      </c>
      <c r="HX26" s="317">
        <v>0</v>
      </c>
      <c r="HY26" s="316">
        <v>0</v>
      </c>
      <c r="HZ26" s="344">
        <v>0</v>
      </c>
      <c r="IA26" s="342">
        <v>0</v>
      </c>
      <c r="IB26" s="344">
        <v>0</v>
      </c>
      <c r="IC26" s="341">
        <v>0</v>
      </c>
      <c r="ID26" s="342">
        <v>493975</v>
      </c>
      <c r="IE26" s="343">
        <v>562231</v>
      </c>
      <c r="IF26" s="344">
        <v>367659</v>
      </c>
      <c r="IG26" s="342">
        <v>558549</v>
      </c>
      <c r="IH26" s="344">
        <v>0</v>
      </c>
      <c r="II26" s="345">
        <v>1982414</v>
      </c>
      <c r="IJ26" s="344">
        <v>1982414</v>
      </c>
      <c r="IK26" s="328">
        <v>0</v>
      </c>
      <c r="IL26" s="329">
        <v>0</v>
      </c>
      <c r="IM26" s="330">
        <v>0</v>
      </c>
      <c r="IN26" s="390">
        <v>0</v>
      </c>
      <c r="IO26" s="331">
        <v>0</v>
      </c>
      <c r="IP26" s="331">
        <v>0</v>
      </c>
      <c r="IQ26" s="331">
        <v>0</v>
      </c>
      <c r="IR26" s="331">
        <v>0</v>
      </c>
      <c r="IS26" s="331">
        <v>0</v>
      </c>
      <c r="IT26" s="332">
        <v>0</v>
      </c>
      <c r="IU26" s="333">
        <v>0</v>
      </c>
      <c r="IV26" s="334">
        <v>0</v>
      </c>
      <c r="IW26" s="331">
        <v>0</v>
      </c>
      <c r="IX26" s="335">
        <v>0</v>
      </c>
      <c r="IY26" s="390">
        <v>0</v>
      </c>
      <c r="IZ26" s="331">
        <v>0</v>
      </c>
      <c r="JA26" s="331">
        <v>0</v>
      </c>
      <c r="JB26" s="331">
        <v>0</v>
      </c>
      <c r="JC26" s="331">
        <v>0</v>
      </c>
      <c r="JD26" s="331">
        <v>0</v>
      </c>
      <c r="JE26" s="335">
        <v>0</v>
      </c>
      <c r="JF26" s="336">
        <v>0</v>
      </c>
      <c r="JG26" s="334">
        <v>0</v>
      </c>
      <c r="JH26" s="331">
        <v>0</v>
      </c>
      <c r="JI26" s="332">
        <v>0</v>
      </c>
      <c r="JJ26" s="337">
        <v>0</v>
      </c>
      <c r="JK26" s="331">
        <v>395312</v>
      </c>
      <c r="JL26" s="331">
        <v>343703</v>
      </c>
      <c r="JM26" s="331">
        <v>168272</v>
      </c>
      <c r="JN26" s="331">
        <v>109343</v>
      </c>
      <c r="JO26" s="331">
        <v>0</v>
      </c>
      <c r="JP26" s="335">
        <v>1016630</v>
      </c>
      <c r="JQ26" s="333">
        <v>1016630</v>
      </c>
      <c r="JR26" s="334">
        <v>0</v>
      </c>
      <c r="JS26" s="331">
        <v>0</v>
      </c>
      <c r="JT26" s="332">
        <v>0</v>
      </c>
      <c r="JU26" s="337">
        <v>0</v>
      </c>
      <c r="JV26" s="331">
        <v>0</v>
      </c>
      <c r="JW26" s="331">
        <v>0</v>
      </c>
      <c r="JX26" s="331">
        <v>0</v>
      </c>
      <c r="JY26" s="331">
        <v>0</v>
      </c>
      <c r="JZ26" s="331">
        <v>0</v>
      </c>
      <c r="KA26" s="335">
        <v>0</v>
      </c>
      <c r="KB26" s="333">
        <v>0</v>
      </c>
      <c r="KC26" s="338">
        <v>0</v>
      </c>
      <c r="KD26" s="339">
        <v>0</v>
      </c>
      <c r="KE26" s="335">
        <v>0</v>
      </c>
      <c r="KF26" s="337">
        <v>0</v>
      </c>
      <c r="KG26" s="331">
        <v>98663</v>
      </c>
      <c r="KH26" s="331">
        <v>0</v>
      </c>
      <c r="KI26" s="331">
        <v>199387</v>
      </c>
      <c r="KJ26" s="331">
        <v>0</v>
      </c>
      <c r="KK26" s="331">
        <v>0</v>
      </c>
      <c r="KL26" s="335">
        <v>298050</v>
      </c>
      <c r="KM26" s="340">
        <v>298050</v>
      </c>
      <c r="KN26" s="328">
        <v>0</v>
      </c>
      <c r="KO26" s="329">
        <v>0</v>
      </c>
      <c r="KP26" s="330">
        <v>0</v>
      </c>
      <c r="KQ26" s="390">
        <v>0</v>
      </c>
      <c r="KR26" s="331">
        <v>0</v>
      </c>
      <c r="KS26" s="331">
        <v>218528</v>
      </c>
      <c r="KT26" s="331">
        <v>0</v>
      </c>
      <c r="KU26" s="331">
        <v>449206</v>
      </c>
      <c r="KV26" s="331">
        <v>0</v>
      </c>
      <c r="KW26" s="335">
        <v>667734</v>
      </c>
      <c r="KX26" s="333">
        <v>667734</v>
      </c>
      <c r="KY26" s="334">
        <v>0</v>
      </c>
      <c r="KZ26" s="331">
        <v>0</v>
      </c>
      <c r="LA26" s="335">
        <v>0</v>
      </c>
      <c r="LB26" s="390">
        <v>0</v>
      </c>
      <c r="LC26" s="331">
        <v>0</v>
      </c>
      <c r="LD26" s="331">
        <v>0</v>
      </c>
      <c r="LE26" s="331">
        <v>0</v>
      </c>
      <c r="LF26" s="331">
        <v>0</v>
      </c>
      <c r="LG26" s="331">
        <v>0</v>
      </c>
      <c r="LH26" s="335">
        <v>0</v>
      </c>
      <c r="LI26" s="336">
        <v>0</v>
      </c>
      <c r="LJ26" s="334">
        <v>0</v>
      </c>
      <c r="LK26" s="331">
        <v>0</v>
      </c>
      <c r="LL26" s="335">
        <v>0</v>
      </c>
      <c r="LM26" s="390">
        <v>0</v>
      </c>
      <c r="LN26" s="331">
        <v>0</v>
      </c>
      <c r="LO26" s="331">
        <v>0</v>
      </c>
      <c r="LP26" s="331">
        <v>0</v>
      </c>
      <c r="LQ26" s="331">
        <v>0</v>
      </c>
      <c r="LR26" s="331">
        <v>0</v>
      </c>
      <c r="LS26" s="335">
        <v>0</v>
      </c>
      <c r="LT26" s="333">
        <v>0</v>
      </c>
      <c r="LU26" s="334">
        <v>0</v>
      </c>
      <c r="LV26" s="331">
        <v>0</v>
      </c>
      <c r="LW26" s="335">
        <v>0</v>
      </c>
      <c r="LX26" s="390">
        <v>0</v>
      </c>
      <c r="LY26" s="331">
        <v>0</v>
      </c>
      <c r="LZ26" s="331">
        <v>0</v>
      </c>
      <c r="MA26" s="331">
        <v>0</v>
      </c>
      <c r="MB26" s="331">
        <v>0</v>
      </c>
      <c r="MC26" s="331">
        <v>0</v>
      </c>
      <c r="MD26" s="335">
        <v>0</v>
      </c>
      <c r="ME26" s="336">
        <v>0</v>
      </c>
      <c r="MF26" s="334">
        <v>0</v>
      </c>
      <c r="MG26" s="331">
        <v>0</v>
      </c>
      <c r="MH26" s="335">
        <v>0</v>
      </c>
      <c r="MI26" s="390">
        <v>0</v>
      </c>
      <c r="MJ26" s="331">
        <v>0</v>
      </c>
      <c r="MK26" s="331">
        <v>662459</v>
      </c>
      <c r="ML26" s="331">
        <v>1879523</v>
      </c>
      <c r="MM26" s="331">
        <v>2057600</v>
      </c>
      <c r="MN26" s="331">
        <v>263873</v>
      </c>
      <c r="MO26" s="335">
        <v>4863455</v>
      </c>
      <c r="MP26" s="340">
        <v>4863455</v>
      </c>
      <c r="MQ26" s="334">
        <v>0</v>
      </c>
      <c r="MR26" s="331">
        <v>0</v>
      </c>
      <c r="MS26" s="335">
        <v>0</v>
      </c>
      <c r="MT26" s="390">
        <v>0</v>
      </c>
      <c r="MU26" s="331">
        <v>0</v>
      </c>
      <c r="MV26" s="331">
        <v>0</v>
      </c>
      <c r="MW26" s="331">
        <v>1313315</v>
      </c>
      <c r="MX26" s="331">
        <v>1452069</v>
      </c>
      <c r="MY26" s="331">
        <v>263873</v>
      </c>
      <c r="MZ26" s="335">
        <v>3029257</v>
      </c>
      <c r="NA26" s="340">
        <v>3029257</v>
      </c>
      <c r="NB26" s="334">
        <v>0</v>
      </c>
      <c r="NC26" s="331">
        <v>0</v>
      </c>
      <c r="ND26" s="335">
        <v>0</v>
      </c>
      <c r="NE26" s="390">
        <v>0</v>
      </c>
      <c r="NF26" s="331">
        <v>0</v>
      </c>
      <c r="NG26" s="331">
        <v>662459</v>
      </c>
      <c r="NH26" s="331">
        <v>566208</v>
      </c>
      <c r="NI26" s="331">
        <v>293675</v>
      </c>
      <c r="NJ26" s="331">
        <v>0</v>
      </c>
      <c r="NK26" s="335">
        <v>1522342</v>
      </c>
      <c r="NL26" s="333">
        <v>1522342</v>
      </c>
      <c r="NM26" s="334">
        <v>0</v>
      </c>
      <c r="NN26" s="331">
        <v>0</v>
      </c>
      <c r="NO26" s="335">
        <v>0</v>
      </c>
      <c r="NP26" s="390">
        <v>0</v>
      </c>
      <c r="NQ26" s="331">
        <v>0</v>
      </c>
      <c r="NR26" s="331">
        <v>0</v>
      </c>
      <c r="NS26" s="331">
        <v>0</v>
      </c>
      <c r="NT26" s="331">
        <v>0</v>
      </c>
      <c r="NU26" s="331">
        <v>0</v>
      </c>
      <c r="NV26" s="335">
        <v>0</v>
      </c>
      <c r="NW26" s="336">
        <v>0</v>
      </c>
      <c r="NX26" s="334">
        <v>0</v>
      </c>
      <c r="NY26" s="331">
        <v>0</v>
      </c>
      <c r="NZ26" s="335">
        <v>0</v>
      </c>
      <c r="OA26" s="390">
        <v>0</v>
      </c>
      <c r="OB26" s="331">
        <v>0</v>
      </c>
      <c r="OC26" s="331">
        <v>0</v>
      </c>
      <c r="OD26" s="331">
        <v>0</v>
      </c>
      <c r="OE26" s="331">
        <v>311856</v>
      </c>
      <c r="OF26" s="331">
        <v>0</v>
      </c>
      <c r="OG26" s="335">
        <v>311856</v>
      </c>
      <c r="OH26" s="336">
        <v>311856</v>
      </c>
      <c r="OI26" s="334">
        <v>262679</v>
      </c>
      <c r="OJ26" s="331">
        <v>404350</v>
      </c>
      <c r="OK26" s="332">
        <v>667029</v>
      </c>
      <c r="OL26" s="337">
        <v>0</v>
      </c>
      <c r="OM26" s="331">
        <v>3311897</v>
      </c>
      <c r="ON26" s="331">
        <v>4373801</v>
      </c>
      <c r="OO26" s="331">
        <v>5218050</v>
      </c>
      <c r="OP26" s="331">
        <v>4626590</v>
      </c>
      <c r="OQ26" s="331">
        <v>2609542</v>
      </c>
      <c r="OR26" s="335">
        <v>20139880</v>
      </c>
      <c r="OS26" s="340">
        <v>20806909</v>
      </c>
    </row>
    <row r="27" spans="2:409" s="56" customFormat="1" ht="21" customHeight="1" x14ac:dyDescent="0.2">
      <c r="B27" s="92" t="s">
        <v>22</v>
      </c>
      <c r="C27" s="312">
        <v>48363</v>
      </c>
      <c r="D27" s="313">
        <v>237765</v>
      </c>
      <c r="E27" s="314">
        <v>286128</v>
      </c>
      <c r="F27" s="315">
        <v>0</v>
      </c>
      <c r="G27" s="313">
        <v>1188247</v>
      </c>
      <c r="H27" s="313">
        <v>798703</v>
      </c>
      <c r="I27" s="313">
        <v>1117631</v>
      </c>
      <c r="J27" s="313">
        <v>2125342</v>
      </c>
      <c r="K27" s="313">
        <v>1811876</v>
      </c>
      <c r="L27" s="353">
        <v>7041799</v>
      </c>
      <c r="M27" s="316">
        <v>7327927</v>
      </c>
      <c r="N27" s="312">
        <v>0</v>
      </c>
      <c r="O27" s="313">
        <v>46315</v>
      </c>
      <c r="P27" s="314">
        <v>46315</v>
      </c>
      <c r="Q27" s="312">
        <v>0</v>
      </c>
      <c r="R27" s="313">
        <v>246455</v>
      </c>
      <c r="S27" s="313">
        <v>156953</v>
      </c>
      <c r="T27" s="313">
        <v>186495</v>
      </c>
      <c r="U27" s="313">
        <v>728206</v>
      </c>
      <c r="V27" s="313">
        <v>1008712</v>
      </c>
      <c r="W27" s="314">
        <v>2326821</v>
      </c>
      <c r="X27" s="316">
        <v>2373136</v>
      </c>
      <c r="Y27" s="312">
        <v>0</v>
      </c>
      <c r="Z27" s="313">
        <v>0</v>
      </c>
      <c r="AA27" s="314">
        <v>0</v>
      </c>
      <c r="AB27" s="312">
        <v>0</v>
      </c>
      <c r="AC27" s="313">
        <v>22483</v>
      </c>
      <c r="AD27" s="313">
        <v>15751</v>
      </c>
      <c r="AE27" s="313">
        <v>93069</v>
      </c>
      <c r="AF27" s="313">
        <v>516096</v>
      </c>
      <c r="AG27" s="313">
        <v>477478</v>
      </c>
      <c r="AH27" s="314">
        <v>1124877</v>
      </c>
      <c r="AI27" s="316">
        <v>1124877</v>
      </c>
      <c r="AJ27" s="312">
        <v>0</v>
      </c>
      <c r="AK27" s="313">
        <v>0</v>
      </c>
      <c r="AL27" s="314">
        <v>0</v>
      </c>
      <c r="AM27" s="312">
        <v>0</v>
      </c>
      <c r="AN27" s="313">
        <v>0</v>
      </c>
      <c r="AO27" s="313">
        <v>0</v>
      </c>
      <c r="AP27" s="313">
        <v>0</v>
      </c>
      <c r="AQ27" s="313">
        <v>89086</v>
      </c>
      <c r="AR27" s="313">
        <v>311836</v>
      </c>
      <c r="AS27" s="314">
        <v>400922</v>
      </c>
      <c r="AT27" s="316">
        <v>400922</v>
      </c>
      <c r="AU27" s="312">
        <v>0</v>
      </c>
      <c r="AV27" s="313">
        <v>36991</v>
      </c>
      <c r="AW27" s="314">
        <v>36991</v>
      </c>
      <c r="AX27" s="312">
        <v>0</v>
      </c>
      <c r="AY27" s="313">
        <v>147511</v>
      </c>
      <c r="AZ27" s="313">
        <v>94266</v>
      </c>
      <c r="BA27" s="313">
        <v>17091</v>
      </c>
      <c r="BB27" s="313">
        <v>24927</v>
      </c>
      <c r="BC27" s="313">
        <v>177314</v>
      </c>
      <c r="BD27" s="314">
        <v>461109</v>
      </c>
      <c r="BE27" s="316">
        <v>498100</v>
      </c>
      <c r="BF27" s="312">
        <v>0</v>
      </c>
      <c r="BG27" s="313">
        <v>0</v>
      </c>
      <c r="BH27" s="317">
        <v>0</v>
      </c>
      <c r="BI27" s="318">
        <v>0</v>
      </c>
      <c r="BJ27" s="313">
        <v>47789</v>
      </c>
      <c r="BK27" s="313">
        <v>27308</v>
      </c>
      <c r="BL27" s="313">
        <v>0</v>
      </c>
      <c r="BM27" s="313">
        <v>20481</v>
      </c>
      <c r="BN27" s="313">
        <v>0</v>
      </c>
      <c r="BO27" s="314">
        <v>95578</v>
      </c>
      <c r="BP27" s="316">
        <v>95578</v>
      </c>
      <c r="BQ27" s="312">
        <v>0</v>
      </c>
      <c r="BR27" s="313">
        <v>9324</v>
      </c>
      <c r="BS27" s="314">
        <v>9324</v>
      </c>
      <c r="BT27" s="312">
        <v>0</v>
      </c>
      <c r="BU27" s="313">
        <v>28672</v>
      </c>
      <c r="BV27" s="313">
        <v>19628</v>
      </c>
      <c r="BW27" s="313">
        <v>76335</v>
      </c>
      <c r="BX27" s="313">
        <v>77616</v>
      </c>
      <c r="BY27" s="313">
        <v>42084</v>
      </c>
      <c r="BZ27" s="314">
        <v>244335</v>
      </c>
      <c r="CA27" s="316">
        <v>253659</v>
      </c>
      <c r="CB27" s="312">
        <v>36428</v>
      </c>
      <c r="CC27" s="313">
        <v>0</v>
      </c>
      <c r="CD27" s="314">
        <v>36428</v>
      </c>
      <c r="CE27" s="312">
        <v>0</v>
      </c>
      <c r="CF27" s="313">
        <v>330901</v>
      </c>
      <c r="CG27" s="313">
        <v>233988</v>
      </c>
      <c r="CH27" s="313">
        <v>337644</v>
      </c>
      <c r="CI27" s="313">
        <v>504918</v>
      </c>
      <c r="CJ27" s="313">
        <v>242055</v>
      </c>
      <c r="CK27" s="314">
        <v>1649506</v>
      </c>
      <c r="CL27" s="316">
        <v>1685934</v>
      </c>
      <c r="CM27" s="312">
        <v>0</v>
      </c>
      <c r="CN27" s="313">
        <v>0</v>
      </c>
      <c r="CO27" s="314">
        <v>0</v>
      </c>
      <c r="CP27" s="318">
        <v>0</v>
      </c>
      <c r="CQ27" s="313">
        <v>79993</v>
      </c>
      <c r="CR27" s="313">
        <v>123000</v>
      </c>
      <c r="CS27" s="313">
        <v>337644</v>
      </c>
      <c r="CT27" s="313">
        <v>504918</v>
      </c>
      <c r="CU27" s="313">
        <v>242055</v>
      </c>
      <c r="CV27" s="314">
        <v>1287610</v>
      </c>
      <c r="CW27" s="316">
        <v>1287610</v>
      </c>
      <c r="CX27" s="312">
        <v>36428</v>
      </c>
      <c r="CY27" s="313">
        <v>0</v>
      </c>
      <c r="CZ27" s="314">
        <v>36428</v>
      </c>
      <c r="DA27" s="312">
        <v>0</v>
      </c>
      <c r="DB27" s="313">
        <v>250908</v>
      </c>
      <c r="DC27" s="313">
        <v>110988</v>
      </c>
      <c r="DD27" s="313">
        <v>0</v>
      </c>
      <c r="DE27" s="313">
        <v>0</v>
      </c>
      <c r="DF27" s="313">
        <v>0</v>
      </c>
      <c r="DG27" s="314">
        <v>361896</v>
      </c>
      <c r="DH27" s="316">
        <v>398324</v>
      </c>
      <c r="DI27" s="312">
        <v>0</v>
      </c>
      <c r="DJ27" s="313">
        <v>0</v>
      </c>
      <c r="DK27" s="317">
        <v>0</v>
      </c>
      <c r="DL27" s="318">
        <v>0</v>
      </c>
      <c r="DM27" s="313">
        <v>13757</v>
      </c>
      <c r="DN27" s="313">
        <v>210325</v>
      </c>
      <c r="DO27" s="313">
        <v>35935</v>
      </c>
      <c r="DP27" s="313">
        <v>0</v>
      </c>
      <c r="DQ27" s="313">
        <v>0</v>
      </c>
      <c r="DR27" s="314">
        <v>260017</v>
      </c>
      <c r="DS27" s="316">
        <v>260017</v>
      </c>
      <c r="DT27" s="312">
        <v>0</v>
      </c>
      <c r="DU27" s="313">
        <v>0</v>
      </c>
      <c r="DV27" s="314">
        <v>0</v>
      </c>
      <c r="DW27" s="312">
        <v>0</v>
      </c>
      <c r="DX27" s="313">
        <v>13757</v>
      </c>
      <c r="DY27" s="313">
        <v>210325</v>
      </c>
      <c r="DZ27" s="313">
        <v>35935</v>
      </c>
      <c r="EA27" s="313">
        <v>0</v>
      </c>
      <c r="EB27" s="313">
        <v>0</v>
      </c>
      <c r="EC27" s="314">
        <v>260017</v>
      </c>
      <c r="ED27" s="316">
        <v>260017</v>
      </c>
      <c r="EE27" s="312">
        <v>0</v>
      </c>
      <c r="EF27" s="317">
        <v>0</v>
      </c>
      <c r="EG27" s="314">
        <v>0</v>
      </c>
      <c r="EH27" s="312">
        <v>0</v>
      </c>
      <c r="EI27" s="313">
        <v>0</v>
      </c>
      <c r="EJ27" s="313">
        <v>0</v>
      </c>
      <c r="EK27" s="313">
        <v>0</v>
      </c>
      <c r="EL27" s="313">
        <v>0</v>
      </c>
      <c r="EM27" s="313">
        <v>0</v>
      </c>
      <c r="EN27" s="317">
        <v>0</v>
      </c>
      <c r="EO27" s="316">
        <v>0</v>
      </c>
      <c r="EP27" s="312">
        <v>0</v>
      </c>
      <c r="EQ27" s="313">
        <v>0</v>
      </c>
      <c r="ER27" s="317">
        <v>0</v>
      </c>
      <c r="ES27" s="318">
        <v>0</v>
      </c>
      <c r="ET27" s="313">
        <v>0</v>
      </c>
      <c r="EU27" s="313">
        <v>0</v>
      </c>
      <c r="EV27" s="313">
        <v>0</v>
      </c>
      <c r="EW27" s="313">
        <v>0</v>
      </c>
      <c r="EX27" s="313">
        <v>0</v>
      </c>
      <c r="EY27" s="314">
        <v>0</v>
      </c>
      <c r="EZ27" s="316">
        <v>0</v>
      </c>
      <c r="FA27" s="312">
        <v>0</v>
      </c>
      <c r="FB27" s="313">
        <v>0</v>
      </c>
      <c r="FC27" s="317">
        <v>0</v>
      </c>
      <c r="FD27" s="390">
        <v>0</v>
      </c>
      <c r="FE27" s="313">
        <v>0</v>
      </c>
      <c r="FF27" s="313">
        <v>0</v>
      </c>
      <c r="FG27" s="313">
        <v>0</v>
      </c>
      <c r="FH27" s="313">
        <v>0</v>
      </c>
      <c r="FI27" s="313">
        <v>0</v>
      </c>
      <c r="FJ27" s="314">
        <v>0</v>
      </c>
      <c r="FK27" s="316">
        <v>0</v>
      </c>
      <c r="FL27" s="312">
        <v>11935</v>
      </c>
      <c r="FM27" s="313">
        <v>191450</v>
      </c>
      <c r="FN27" s="314">
        <v>203385</v>
      </c>
      <c r="FO27" s="312">
        <v>0</v>
      </c>
      <c r="FP27" s="313">
        <v>70548</v>
      </c>
      <c r="FQ27" s="313">
        <v>39200</v>
      </c>
      <c r="FR27" s="313">
        <v>43414</v>
      </c>
      <c r="FS27" s="313">
        <v>148232</v>
      </c>
      <c r="FT27" s="313">
        <v>157472</v>
      </c>
      <c r="FU27" s="314">
        <v>458866</v>
      </c>
      <c r="FV27" s="316">
        <v>662251</v>
      </c>
      <c r="FW27" s="319">
        <v>11935</v>
      </c>
      <c r="FX27" s="313">
        <v>51450</v>
      </c>
      <c r="FY27" s="317">
        <v>63385</v>
      </c>
      <c r="FZ27" s="318">
        <v>0</v>
      </c>
      <c r="GA27" s="313">
        <v>36820</v>
      </c>
      <c r="GB27" s="313">
        <v>39200</v>
      </c>
      <c r="GC27" s="313">
        <v>43414</v>
      </c>
      <c r="GD27" s="313">
        <v>51002</v>
      </c>
      <c r="GE27" s="313">
        <v>157472</v>
      </c>
      <c r="GF27" s="314">
        <v>327908</v>
      </c>
      <c r="GG27" s="320">
        <v>391293</v>
      </c>
      <c r="GH27" s="319">
        <v>0</v>
      </c>
      <c r="GI27" s="313">
        <v>0</v>
      </c>
      <c r="GJ27" s="317">
        <v>0</v>
      </c>
      <c r="GK27" s="318">
        <v>0</v>
      </c>
      <c r="GL27" s="313">
        <v>21128</v>
      </c>
      <c r="GM27" s="313">
        <v>0</v>
      </c>
      <c r="GN27" s="313">
        <v>0</v>
      </c>
      <c r="GO27" s="313">
        <v>0</v>
      </c>
      <c r="GP27" s="313">
        <v>0</v>
      </c>
      <c r="GQ27" s="314">
        <v>21128</v>
      </c>
      <c r="GR27" s="316">
        <v>21128</v>
      </c>
      <c r="GS27" s="312">
        <v>0</v>
      </c>
      <c r="GT27" s="313">
        <v>140000</v>
      </c>
      <c r="GU27" s="314">
        <v>140000</v>
      </c>
      <c r="GV27" s="312">
        <v>0</v>
      </c>
      <c r="GW27" s="313">
        <v>12600</v>
      </c>
      <c r="GX27" s="313">
        <v>0</v>
      </c>
      <c r="GY27" s="313">
        <v>0</v>
      </c>
      <c r="GZ27" s="313">
        <v>97230</v>
      </c>
      <c r="HA27" s="313">
        <v>0</v>
      </c>
      <c r="HB27" s="317">
        <v>109830</v>
      </c>
      <c r="HC27" s="316">
        <v>249830</v>
      </c>
      <c r="HD27" s="312">
        <v>0</v>
      </c>
      <c r="HE27" s="313">
        <v>0</v>
      </c>
      <c r="HF27" s="317">
        <v>0</v>
      </c>
      <c r="HG27" s="318">
        <v>0</v>
      </c>
      <c r="HH27" s="313">
        <v>526586</v>
      </c>
      <c r="HI27" s="313">
        <v>158237</v>
      </c>
      <c r="HJ27" s="313">
        <v>514143</v>
      </c>
      <c r="HK27" s="313">
        <v>743986</v>
      </c>
      <c r="HL27" s="313">
        <v>403637</v>
      </c>
      <c r="HM27" s="314">
        <v>2346589</v>
      </c>
      <c r="HN27" s="315">
        <v>2346589</v>
      </c>
      <c r="HO27" s="319">
        <v>0</v>
      </c>
      <c r="HP27" s="313">
        <v>0</v>
      </c>
      <c r="HQ27" s="314">
        <v>0</v>
      </c>
      <c r="HR27" s="312">
        <v>0</v>
      </c>
      <c r="HS27" s="313">
        <v>0</v>
      </c>
      <c r="HT27" s="313">
        <v>0</v>
      </c>
      <c r="HU27" s="313">
        <v>0</v>
      </c>
      <c r="HV27" s="313">
        <v>0</v>
      </c>
      <c r="HW27" s="313">
        <v>0</v>
      </c>
      <c r="HX27" s="317">
        <v>0</v>
      </c>
      <c r="HY27" s="316">
        <v>0</v>
      </c>
      <c r="HZ27" s="321">
        <v>0</v>
      </c>
      <c r="IA27" s="322">
        <v>192024</v>
      </c>
      <c r="IB27" s="323">
        <v>192024</v>
      </c>
      <c r="IC27" s="324">
        <v>0</v>
      </c>
      <c r="ID27" s="322">
        <v>259247</v>
      </c>
      <c r="IE27" s="325">
        <v>449980</v>
      </c>
      <c r="IF27" s="323">
        <v>14294</v>
      </c>
      <c r="IG27" s="322">
        <v>188741</v>
      </c>
      <c r="IH27" s="323">
        <v>81342</v>
      </c>
      <c r="II27" s="326">
        <v>993604</v>
      </c>
      <c r="IJ27" s="327">
        <v>1185628</v>
      </c>
      <c r="IK27" s="328">
        <v>0</v>
      </c>
      <c r="IL27" s="329">
        <v>0</v>
      </c>
      <c r="IM27" s="330">
        <v>0</v>
      </c>
      <c r="IN27" s="390">
        <v>0</v>
      </c>
      <c r="IO27" s="331">
        <v>0</v>
      </c>
      <c r="IP27" s="331">
        <v>0</v>
      </c>
      <c r="IQ27" s="331">
        <v>0</v>
      </c>
      <c r="IR27" s="331">
        <v>188741</v>
      </c>
      <c r="IS27" s="331">
        <v>0</v>
      </c>
      <c r="IT27" s="332">
        <v>188741</v>
      </c>
      <c r="IU27" s="333">
        <v>188741</v>
      </c>
      <c r="IV27" s="334">
        <v>0</v>
      </c>
      <c r="IW27" s="331">
        <v>0</v>
      </c>
      <c r="IX27" s="335">
        <v>0</v>
      </c>
      <c r="IY27" s="390">
        <v>0</v>
      </c>
      <c r="IZ27" s="331">
        <v>0</v>
      </c>
      <c r="JA27" s="331">
        <v>0</v>
      </c>
      <c r="JB27" s="331">
        <v>0</v>
      </c>
      <c r="JC27" s="331">
        <v>0</v>
      </c>
      <c r="JD27" s="331">
        <v>0</v>
      </c>
      <c r="JE27" s="335">
        <v>0</v>
      </c>
      <c r="JF27" s="336">
        <v>0</v>
      </c>
      <c r="JG27" s="334">
        <v>0</v>
      </c>
      <c r="JH27" s="331">
        <v>0</v>
      </c>
      <c r="JI27" s="332">
        <v>0</v>
      </c>
      <c r="JJ27" s="337">
        <v>0</v>
      </c>
      <c r="JK27" s="331">
        <v>201372</v>
      </c>
      <c r="JL27" s="331">
        <v>317731</v>
      </c>
      <c r="JM27" s="331">
        <v>14294</v>
      </c>
      <c r="JN27" s="331">
        <v>0</v>
      </c>
      <c r="JO27" s="331">
        <v>11022</v>
      </c>
      <c r="JP27" s="335">
        <v>544419</v>
      </c>
      <c r="JQ27" s="333">
        <v>544419</v>
      </c>
      <c r="JR27" s="334">
        <v>0</v>
      </c>
      <c r="JS27" s="331">
        <v>0</v>
      </c>
      <c r="JT27" s="332">
        <v>0</v>
      </c>
      <c r="JU27" s="337">
        <v>0</v>
      </c>
      <c r="JV27" s="331">
        <v>8976</v>
      </c>
      <c r="JW27" s="331">
        <v>0</v>
      </c>
      <c r="JX27" s="331">
        <v>0</v>
      </c>
      <c r="JY27" s="331">
        <v>0</v>
      </c>
      <c r="JZ27" s="331">
        <v>70320</v>
      </c>
      <c r="KA27" s="335">
        <v>79296</v>
      </c>
      <c r="KB27" s="333">
        <v>79296</v>
      </c>
      <c r="KC27" s="338">
        <v>0</v>
      </c>
      <c r="KD27" s="339">
        <v>0</v>
      </c>
      <c r="KE27" s="335">
        <v>0</v>
      </c>
      <c r="KF27" s="337">
        <v>0</v>
      </c>
      <c r="KG27" s="331">
        <v>48899</v>
      </c>
      <c r="KH27" s="331">
        <v>132249</v>
      </c>
      <c r="KI27" s="331">
        <v>0</v>
      </c>
      <c r="KJ27" s="331">
        <v>0</v>
      </c>
      <c r="KK27" s="331">
        <v>0</v>
      </c>
      <c r="KL27" s="335">
        <v>181148</v>
      </c>
      <c r="KM27" s="340">
        <v>181148</v>
      </c>
      <c r="KN27" s="328">
        <v>0</v>
      </c>
      <c r="KO27" s="329">
        <v>192024</v>
      </c>
      <c r="KP27" s="330">
        <v>192024</v>
      </c>
      <c r="KQ27" s="390">
        <v>0</v>
      </c>
      <c r="KR27" s="331">
        <v>0</v>
      </c>
      <c r="KS27" s="331">
        <v>0</v>
      </c>
      <c r="KT27" s="331">
        <v>0</v>
      </c>
      <c r="KU27" s="331">
        <v>0</v>
      </c>
      <c r="KV27" s="331">
        <v>0</v>
      </c>
      <c r="KW27" s="335">
        <v>0</v>
      </c>
      <c r="KX27" s="333">
        <v>192024</v>
      </c>
      <c r="KY27" s="334">
        <v>0</v>
      </c>
      <c r="KZ27" s="331">
        <v>0</v>
      </c>
      <c r="LA27" s="335">
        <v>0</v>
      </c>
      <c r="LB27" s="390">
        <v>0</v>
      </c>
      <c r="LC27" s="331">
        <v>0</v>
      </c>
      <c r="LD27" s="331">
        <v>0</v>
      </c>
      <c r="LE27" s="331">
        <v>0</v>
      </c>
      <c r="LF27" s="331">
        <v>0</v>
      </c>
      <c r="LG27" s="331">
        <v>0</v>
      </c>
      <c r="LH27" s="335">
        <v>0</v>
      </c>
      <c r="LI27" s="336">
        <v>0</v>
      </c>
      <c r="LJ27" s="334">
        <v>0</v>
      </c>
      <c r="LK27" s="331">
        <v>0</v>
      </c>
      <c r="LL27" s="335">
        <v>0</v>
      </c>
      <c r="LM27" s="390">
        <v>0</v>
      </c>
      <c r="LN27" s="331">
        <v>0</v>
      </c>
      <c r="LO27" s="331">
        <v>0</v>
      </c>
      <c r="LP27" s="331">
        <v>0</v>
      </c>
      <c r="LQ27" s="331">
        <v>0</v>
      </c>
      <c r="LR27" s="331">
        <v>0</v>
      </c>
      <c r="LS27" s="335">
        <v>0</v>
      </c>
      <c r="LT27" s="333">
        <v>0</v>
      </c>
      <c r="LU27" s="334">
        <v>0</v>
      </c>
      <c r="LV27" s="331">
        <v>0</v>
      </c>
      <c r="LW27" s="335">
        <v>0</v>
      </c>
      <c r="LX27" s="390">
        <v>0</v>
      </c>
      <c r="LY27" s="331">
        <v>0</v>
      </c>
      <c r="LZ27" s="331">
        <v>0</v>
      </c>
      <c r="MA27" s="331">
        <v>0</v>
      </c>
      <c r="MB27" s="331">
        <v>0</v>
      </c>
      <c r="MC27" s="331">
        <v>0</v>
      </c>
      <c r="MD27" s="335">
        <v>0</v>
      </c>
      <c r="ME27" s="336">
        <v>0</v>
      </c>
      <c r="MF27" s="334">
        <v>0</v>
      </c>
      <c r="MG27" s="331">
        <v>0</v>
      </c>
      <c r="MH27" s="335">
        <v>0</v>
      </c>
      <c r="MI27" s="390">
        <v>0</v>
      </c>
      <c r="MJ27" s="331">
        <v>246946</v>
      </c>
      <c r="MK27" s="331">
        <v>407905</v>
      </c>
      <c r="ML27" s="331">
        <v>260456</v>
      </c>
      <c r="MM27" s="331">
        <v>237477</v>
      </c>
      <c r="MN27" s="331">
        <v>280303</v>
      </c>
      <c r="MO27" s="335">
        <v>1433087</v>
      </c>
      <c r="MP27" s="340">
        <v>1433087</v>
      </c>
      <c r="MQ27" s="334">
        <v>0</v>
      </c>
      <c r="MR27" s="331">
        <v>0</v>
      </c>
      <c r="MS27" s="335">
        <v>0</v>
      </c>
      <c r="MT27" s="390">
        <v>0</v>
      </c>
      <c r="MU27" s="331">
        <v>0</v>
      </c>
      <c r="MV27" s="331">
        <v>198814</v>
      </c>
      <c r="MW27" s="331">
        <v>202895</v>
      </c>
      <c r="MX27" s="331">
        <v>0</v>
      </c>
      <c r="MY27" s="331">
        <v>0</v>
      </c>
      <c r="MZ27" s="335">
        <v>401709</v>
      </c>
      <c r="NA27" s="340">
        <v>401709</v>
      </c>
      <c r="NB27" s="334">
        <v>0</v>
      </c>
      <c r="NC27" s="331">
        <v>0</v>
      </c>
      <c r="ND27" s="335">
        <v>0</v>
      </c>
      <c r="NE27" s="390">
        <v>0</v>
      </c>
      <c r="NF27" s="331">
        <v>246946</v>
      </c>
      <c r="NG27" s="331">
        <v>209091</v>
      </c>
      <c r="NH27" s="331">
        <v>57561</v>
      </c>
      <c r="NI27" s="331">
        <v>237477</v>
      </c>
      <c r="NJ27" s="331">
        <v>280303</v>
      </c>
      <c r="NK27" s="335">
        <v>1031378</v>
      </c>
      <c r="NL27" s="333">
        <v>1031378</v>
      </c>
      <c r="NM27" s="334">
        <v>0</v>
      </c>
      <c r="NN27" s="331">
        <v>0</v>
      </c>
      <c r="NO27" s="335">
        <v>0</v>
      </c>
      <c r="NP27" s="390">
        <v>0</v>
      </c>
      <c r="NQ27" s="331">
        <v>0</v>
      </c>
      <c r="NR27" s="331">
        <v>0</v>
      </c>
      <c r="NS27" s="331">
        <v>0</v>
      </c>
      <c r="NT27" s="331">
        <v>0</v>
      </c>
      <c r="NU27" s="331">
        <v>0</v>
      </c>
      <c r="NV27" s="335">
        <v>0</v>
      </c>
      <c r="NW27" s="336">
        <v>0</v>
      </c>
      <c r="NX27" s="334">
        <v>0</v>
      </c>
      <c r="NY27" s="331">
        <v>0</v>
      </c>
      <c r="NZ27" s="335">
        <v>0</v>
      </c>
      <c r="OA27" s="390">
        <v>0</v>
      </c>
      <c r="OB27" s="331">
        <v>0</v>
      </c>
      <c r="OC27" s="331">
        <v>0</v>
      </c>
      <c r="OD27" s="331">
        <v>0</v>
      </c>
      <c r="OE27" s="331">
        <v>0</v>
      </c>
      <c r="OF27" s="331">
        <v>0</v>
      </c>
      <c r="OG27" s="335">
        <v>0</v>
      </c>
      <c r="OH27" s="336">
        <v>0</v>
      </c>
      <c r="OI27" s="334">
        <v>48363</v>
      </c>
      <c r="OJ27" s="331">
        <v>429789</v>
      </c>
      <c r="OK27" s="332">
        <v>478152</v>
      </c>
      <c r="OL27" s="337">
        <v>0</v>
      </c>
      <c r="OM27" s="331">
        <v>1694440</v>
      </c>
      <c r="ON27" s="331">
        <v>1656588</v>
      </c>
      <c r="OO27" s="331">
        <v>1392381</v>
      </c>
      <c r="OP27" s="331">
        <v>2551560</v>
      </c>
      <c r="OQ27" s="331">
        <v>2173521</v>
      </c>
      <c r="OR27" s="335">
        <v>9468490</v>
      </c>
      <c r="OS27" s="340">
        <v>9946642</v>
      </c>
    </row>
    <row r="28" spans="2:409" s="56" customFormat="1" ht="21" customHeight="1" x14ac:dyDescent="0.2">
      <c r="B28" s="92" t="s">
        <v>23</v>
      </c>
      <c r="C28" s="312">
        <v>141414</v>
      </c>
      <c r="D28" s="313">
        <v>292959</v>
      </c>
      <c r="E28" s="314">
        <v>434373</v>
      </c>
      <c r="F28" s="315">
        <v>0</v>
      </c>
      <c r="G28" s="313">
        <v>1217186</v>
      </c>
      <c r="H28" s="313">
        <v>2755413</v>
      </c>
      <c r="I28" s="313">
        <v>2708979</v>
      </c>
      <c r="J28" s="313">
        <v>2033812</v>
      </c>
      <c r="K28" s="313">
        <v>1904775</v>
      </c>
      <c r="L28" s="353">
        <v>10620165</v>
      </c>
      <c r="M28" s="316">
        <v>11054538</v>
      </c>
      <c r="N28" s="312">
        <v>89408</v>
      </c>
      <c r="O28" s="313">
        <v>145136</v>
      </c>
      <c r="P28" s="314">
        <v>234544</v>
      </c>
      <c r="Q28" s="312">
        <v>0</v>
      </c>
      <c r="R28" s="313">
        <v>259555</v>
      </c>
      <c r="S28" s="313">
        <v>770678</v>
      </c>
      <c r="T28" s="313">
        <v>1068108</v>
      </c>
      <c r="U28" s="313">
        <v>419235</v>
      </c>
      <c r="V28" s="313">
        <v>612757</v>
      </c>
      <c r="W28" s="314">
        <v>3130333</v>
      </c>
      <c r="X28" s="316">
        <v>3364877</v>
      </c>
      <c r="Y28" s="312">
        <v>0</v>
      </c>
      <c r="Z28" s="313">
        <v>0</v>
      </c>
      <c r="AA28" s="314">
        <v>0</v>
      </c>
      <c r="AB28" s="312">
        <v>0</v>
      </c>
      <c r="AC28" s="313">
        <v>142562</v>
      </c>
      <c r="AD28" s="313">
        <v>91260</v>
      </c>
      <c r="AE28" s="313">
        <v>605377</v>
      </c>
      <c r="AF28" s="313">
        <v>33022</v>
      </c>
      <c r="AG28" s="313">
        <v>392856</v>
      </c>
      <c r="AH28" s="314">
        <v>1265077</v>
      </c>
      <c r="AI28" s="316">
        <v>1265077</v>
      </c>
      <c r="AJ28" s="312">
        <v>0</v>
      </c>
      <c r="AK28" s="313">
        <v>0</v>
      </c>
      <c r="AL28" s="314">
        <v>0</v>
      </c>
      <c r="AM28" s="312">
        <v>0</v>
      </c>
      <c r="AN28" s="313">
        <v>0</v>
      </c>
      <c r="AO28" s="313">
        <v>0</v>
      </c>
      <c r="AP28" s="313">
        <v>42037</v>
      </c>
      <c r="AQ28" s="313">
        <v>82961</v>
      </c>
      <c r="AR28" s="313">
        <v>0</v>
      </c>
      <c r="AS28" s="314">
        <v>124998</v>
      </c>
      <c r="AT28" s="316">
        <v>124998</v>
      </c>
      <c r="AU28" s="312">
        <v>76192</v>
      </c>
      <c r="AV28" s="313">
        <v>106558</v>
      </c>
      <c r="AW28" s="314">
        <v>182750</v>
      </c>
      <c r="AX28" s="312">
        <v>0</v>
      </c>
      <c r="AY28" s="313">
        <v>53207</v>
      </c>
      <c r="AZ28" s="313">
        <v>554215</v>
      </c>
      <c r="BA28" s="313">
        <v>309366</v>
      </c>
      <c r="BB28" s="313">
        <v>185435</v>
      </c>
      <c r="BC28" s="313">
        <v>60644</v>
      </c>
      <c r="BD28" s="314">
        <v>1162867</v>
      </c>
      <c r="BE28" s="316">
        <v>1345617</v>
      </c>
      <c r="BF28" s="312">
        <v>0</v>
      </c>
      <c r="BG28" s="313">
        <v>23997</v>
      </c>
      <c r="BH28" s="317">
        <v>23997</v>
      </c>
      <c r="BI28" s="318">
        <v>0</v>
      </c>
      <c r="BJ28" s="313">
        <v>15647</v>
      </c>
      <c r="BK28" s="313">
        <v>52263</v>
      </c>
      <c r="BL28" s="313">
        <v>0</v>
      </c>
      <c r="BM28" s="313">
        <v>0</v>
      </c>
      <c r="BN28" s="313">
        <v>0</v>
      </c>
      <c r="BO28" s="314">
        <v>67910</v>
      </c>
      <c r="BP28" s="316">
        <v>91907</v>
      </c>
      <c r="BQ28" s="312">
        <v>13216</v>
      </c>
      <c r="BR28" s="313">
        <v>14581</v>
      </c>
      <c r="BS28" s="314">
        <v>27797</v>
      </c>
      <c r="BT28" s="312">
        <v>0</v>
      </c>
      <c r="BU28" s="313">
        <v>48139</v>
      </c>
      <c r="BV28" s="313">
        <v>72940</v>
      </c>
      <c r="BW28" s="313">
        <v>111328</v>
      </c>
      <c r="BX28" s="313">
        <v>117817</v>
      </c>
      <c r="BY28" s="313">
        <v>159257</v>
      </c>
      <c r="BZ28" s="314">
        <v>509481</v>
      </c>
      <c r="CA28" s="316">
        <v>537278</v>
      </c>
      <c r="CB28" s="312">
        <v>0</v>
      </c>
      <c r="CC28" s="313">
        <v>0</v>
      </c>
      <c r="CD28" s="314">
        <v>0</v>
      </c>
      <c r="CE28" s="312">
        <v>0</v>
      </c>
      <c r="CF28" s="313">
        <v>361634</v>
      </c>
      <c r="CG28" s="313">
        <v>680633</v>
      </c>
      <c r="CH28" s="313">
        <v>692821</v>
      </c>
      <c r="CI28" s="313">
        <v>166896</v>
      </c>
      <c r="CJ28" s="313">
        <v>214442</v>
      </c>
      <c r="CK28" s="314">
        <v>2116426</v>
      </c>
      <c r="CL28" s="316">
        <v>2116426</v>
      </c>
      <c r="CM28" s="312">
        <v>0</v>
      </c>
      <c r="CN28" s="313">
        <v>0</v>
      </c>
      <c r="CO28" s="314">
        <v>0</v>
      </c>
      <c r="CP28" s="318">
        <v>0</v>
      </c>
      <c r="CQ28" s="313">
        <v>361634</v>
      </c>
      <c r="CR28" s="313">
        <v>680633</v>
      </c>
      <c r="CS28" s="313">
        <v>378474</v>
      </c>
      <c r="CT28" s="313">
        <v>166896</v>
      </c>
      <c r="CU28" s="313">
        <v>191236</v>
      </c>
      <c r="CV28" s="314">
        <v>1778873</v>
      </c>
      <c r="CW28" s="316">
        <v>1778873</v>
      </c>
      <c r="CX28" s="312">
        <v>0</v>
      </c>
      <c r="CY28" s="313">
        <v>0</v>
      </c>
      <c r="CZ28" s="314">
        <v>0</v>
      </c>
      <c r="DA28" s="312">
        <v>0</v>
      </c>
      <c r="DB28" s="313">
        <v>0</v>
      </c>
      <c r="DC28" s="313">
        <v>0</v>
      </c>
      <c r="DD28" s="313">
        <v>314347</v>
      </c>
      <c r="DE28" s="313">
        <v>0</v>
      </c>
      <c r="DF28" s="313">
        <v>23206</v>
      </c>
      <c r="DG28" s="314">
        <v>337553</v>
      </c>
      <c r="DH28" s="316">
        <v>337553</v>
      </c>
      <c r="DI28" s="312">
        <v>0</v>
      </c>
      <c r="DJ28" s="313">
        <v>0</v>
      </c>
      <c r="DK28" s="317">
        <v>0</v>
      </c>
      <c r="DL28" s="318">
        <v>0</v>
      </c>
      <c r="DM28" s="313">
        <v>140416</v>
      </c>
      <c r="DN28" s="313">
        <v>198667</v>
      </c>
      <c r="DO28" s="313">
        <v>465692</v>
      </c>
      <c r="DP28" s="313">
        <v>0</v>
      </c>
      <c r="DQ28" s="313">
        <v>0</v>
      </c>
      <c r="DR28" s="314">
        <v>804775</v>
      </c>
      <c r="DS28" s="316">
        <v>804775</v>
      </c>
      <c r="DT28" s="312">
        <v>0</v>
      </c>
      <c r="DU28" s="313">
        <v>0</v>
      </c>
      <c r="DV28" s="314">
        <v>0</v>
      </c>
      <c r="DW28" s="312">
        <v>0</v>
      </c>
      <c r="DX28" s="313">
        <v>140416</v>
      </c>
      <c r="DY28" s="313">
        <v>198667</v>
      </c>
      <c r="DZ28" s="313">
        <v>465692</v>
      </c>
      <c r="EA28" s="313">
        <v>0</v>
      </c>
      <c r="EB28" s="313">
        <v>0</v>
      </c>
      <c r="EC28" s="314">
        <v>804775</v>
      </c>
      <c r="ED28" s="316">
        <v>804775</v>
      </c>
      <c r="EE28" s="312">
        <v>0</v>
      </c>
      <c r="EF28" s="317">
        <v>0</v>
      </c>
      <c r="EG28" s="314">
        <v>0</v>
      </c>
      <c r="EH28" s="312">
        <v>0</v>
      </c>
      <c r="EI28" s="313">
        <v>0</v>
      </c>
      <c r="EJ28" s="313">
        <v>0</v>
      </c>
      <c r="EK28" s="313">
        <v>0</v>
      </c>
      <c r="EL28" s="313">
        <v>0</v>
      </c>
      <c r="EM28" s="313">
        <v>0</v>
      </c>
      <c r="EN28" s="317">
        <v>0</v>
      </c>
      <c r="EO28" s="316">
        <v>0</v>
      </c>
      <c r="EP28" s="312">
        <v>0</v>
      </c>
      <c r="EQ28" s="313">
        <v>0</v>
      </c>
      <c r="ER28" s="317">
        <v>0</v>
      </c>
      <c r="ES28" s="318">
        <v>0</v>
      </c>
      <c r="ET28" s="313">
        <v>0</v>
      </c>
      <c r="EU28" s="313">
        <v>0</v>
      </c>
      <c r="EV28" s="313">
        <v>0</v>
      </c>
      <c r="EW28" s="313">
        <v>0</v>
      </c>
      <c r="EX28" s="313">
        <v>0</v>
      </c>
      <c r="EY28" s="314">
        <v>0</v>
      </c>
      <c r="EZ28" s="316">
        <v>0</v>
      </c>
      <c r="FA28" s="312">
        <v>0</v>
      </c>
      <c r="FB28" s="313">
        <v>0</v>
      </c>
      <c r="FC28" s="317">
        <v>0</v>
      </c>
      <c r="FD28" s="390">
        <v>0</v>
      </c>
      <c r="FE28" s="313">
        <v>0</v>
      </c>
      <c r="FF28" s="313">
        <v>0</v>
      </c>
      <c r="FG28" s="313">
        <v>0</v>
      </c>
      <c r="FH28" s="313">
        <v>0</v>
      </c>
      <c r="FI28" s="313">
        <v>0</v>
      </c>
      <c r="FJ28" s="314">
        <v>0</v>
      </c>
      <c r="FK28" s="316">
        <v>0</v>
      </c>
      <c r="FL28" s="312">
        <v>3724</v>
      </c>
      <c r="FM28" s="313">
        <v>69524</v>
      </c>
      <c r="FN28" s="314">
        <v>73248</v>
      </c>
      <c r="FO28" s="312">
        <v>0</v>
      </c>
      <c r="FP28" s="313">
        <v>318682</v>
      </c>
      <c r="FQ28" s="313">
        <v>176799</v>
      </c>
      <c r="FR28" s="313">
        <v>301056</v>
      </c>
      <c r="FS28" s="313">
        <v>116816</v>
      </c>
      <c r="FT28" s="313">
        <v>98056</v>
      </c>
      <c r="FU28" s="314">
        <v>1011409</v>
      </c>
      <c r="FV28" s="316">
        <v>1084657</v>
      </c>
      <c r="FW28" s="319">
        <v>3724</v>
      </c>
      <c r="FX28" s="313">
        <v>69524</v>
      </c>
      <c r="FY28" s="317">
        <v>73248</v>
      </c>
      <c r="FZ28" s="318">
        <v>0</v>
      </c>
      <c r="GA28" s="313">
        <v>38682</v>
      </c>
      <c r="GB28" s="313">
        <v>176799</v>
      </c>
      <c r="GC28" s="313">
        <v>258146</v>
      </c>
      <c r="GD28" s="313">
        <v>116816</v>
      </c>
      <c r="GE28" s="313">
        <v>98056</v>
      </c>
      <c r="GF28" s="314">
        <v>688499</v>
      </c>
      <c r="GG28" s="320">
        <v>761747</v>
      </c>
      <c r="GH28" s="319">
        <v>0</v>
      </c>
      <c r="GI28" s="313">
        <v>0</v>
      </c>
      <c r="GJ28" s="317">
        <v>0</v>
      </c>
      <c r="GK28" s="318">
        <v>0</v>
      </c>
      <c r="GL28" s="313">
        <v>0</v>
      </c>
      <c r="GM28" s="313">
        <v>0</v>
      </c>
      <c r="GN28" s="313">
        <v>42910</v>
      </c>
      <c r="GO28" s="313">
        <v>0</v>
      </c>
      <c r="GP28" s="313">
        <v>0</v>
      </c>
      <c r="GQ28" s="314">
        <v>42910</v>
      </c>
      <c r="GR28" s="316">
        <v>42910</v>
      </c>
      <c r="GS28" s="312">
        <v>0</v>
      </c>
      <c r="GT28" s="313">
        <v>0</v>
      </c>
      <c r="GU28" s="314">
        <v>0</v>
      </c>
      <c r="GV28" s="312">
        <v>0</v>
      </c>
      <c r="GW28" s="313">
        <v>280000</v>
      </c>
      <c r="GX28" s="313">
        <v>0</v>
      </c>
      <c r="GY28" s="313">
        <v>0</v>
      </c>
      <c r="GZ28" s="313">
        <v>0</v>
      </c>
      <c r="HA28" s="313">
        <v>0</v>
      </c>
      <c r="HB28" s="317">
        <v>280000</v>
      </c>
      <c r="HC28" s="316">
        <v>280000</v>
      </c>
      <c r="HD28" s="312">
        <v>48282</v>
      </c>
      <c r="HE28" s="313">
        <v>78299</v>
      </c>
      <c r="HF28" s="317">
        <v>126581</v>
      </c>
      <c r="HG28" s="318">
        <v>0</v>
      </c>
      <c r="HH28" s="313">
        <v>136899</v>
      </c>
      <c r="HI28" s="313">
        <v>928636</v>
      </c>
      <c r="HJ28" s="313">
        <v>181302</v>
      </c>
      <c r="HK28" s="313">
        <v>1330865</v>
      </c>
      <c r="HL28" s="313">
        <v>979520</v>
      </c>
      <c r="HM28" s="314">
        <v>3557222</v>
      </c>
      <c r="HN28" s="315">
        <v>3683803</v>
      </c>
      <c r="HO28" s="319">
        <v>0</v>
      </c>
      <c r="HP28" s="313">
        <v>0</v>
      </c>
      <c r="HQ28" s="314">
        <v>0</v>
      </c>
      <c r="HR28" s="312">
        <v>0</v>
      </c>
      <c r="HS28" s="313">
        <v>0</v>
      </c>
      <c r="HT28" s="313">
        <v>0</v>
      </c>
      <c r="HU28" s="313">
        <v>0</v>
      </c>
      <c r="HV28" s="313">
        <v>0</v>
      </c>
      <c r="HW28" s="313">
        <v>0</v>
      </c>
      <c r="HX28" s="317">
        <v>0</v>
      </c>
      <c r="HY28" s="316">
        <v>0</v>
      </c>
      <c r="HZ28" s="344">
        <v>0</v>
      </c>
      <c r="IA28" s="342">
        <v>0</v>
      </c>
      <c r="IB28" s="344">
        <v>0</v>
      </c>
      <c r="IC28" s="341">
        <v>0</v>
      </c>
      <c r="ID28" s="342">
        <v>332734</v>
      </c>
      <c r="IE28" s="343">
        <v>239137</v>
      </c>
      <c r="IF28" s="344">
        <v>798441</v>
      </c>
      <c r="IG28" s="342">
        <v>219629</v>
      </c>
      <c r="IH28" s="344">
        <v>741866</v>
      </c>
      <c r="II28" s="345">
        <v>2331807</v>
      </c>
      <c r="IJ28" s="344">
        <v>2331807</v>
      </c>
      <c r="IK28" s="328">
        <v>0</v>
      </c>
      <c r="IL28" s="329">
        <v>0</v>
      </c>
      <c r="IM28" s="330">
        <v>0</v>
      </c>
      <c r="IN28" s="390">
        <v>0</v>
      </c>
      <c r="IO28" s="331">
        <v>0</v>
      </c>
      <c r="IP28" s="331">
        <v>0</v>
      </c>
      <c r="IQ28" s="331">
        <v>0</v>
      </c>
      <c r="IR28" s="331">
        <v>0</v>
      </c>
      <c r="IS28" s="331">
        <v>278616</v>
      </c>
      <c r="IT28" s="332">
        <v>278616</v>
      </c>
      <c r="IU28" s="333">
        <v>278616</v>
      </c>
      <c r="IV28" s="334">
        <v>0</v>
      </c>
      <c r="IW28" s="331">
        <v>0</v>
      </c>
      <c r="IX28" s="335">
        <v>0</v>
      </c>
      <c r="IY28" s="390">
        <v>0</v>
      </c>
      <c r="IZ28" s="331">
        <v>0</v>
      </c>
      <c r="JA28" s="331">
        <v>0</v>
      </c>
      <c r="JB28" s="331">
        <v>0</v>
      </c>
      <c r="JC28" s="331">
        <v>0</v>
      </c>
      <c r="JD28" s="331">
        <v>0</v>
      </c>
      <c r="JE28" s="335">
        <v>0</v>
      </c>
      <c r="JF28" s="336">
        <v>0</v>
      </c>
      <c r="JG28" s="334">
        <v>0</v>
      </c>
      <c r="JH28" s="331">
        <v>0</v>
      </c>
      <c r="JI28" s="332">
        <v>0</v>
      </c>
      <c r="JJ28" s="337">
        <v>0</v>
      </c>
      <c r="JK28" s="331">
        <v>123255</v>
      </c>
      <c r="JL28" s="331">
        <v>95950</v>
      </c>
      <c r="JM28" s="331">
        <v>165733</v>
      </c>
      <c r="JN28" s="331">
        <v>0</v>
      </c>
      <c r="JO28" s="331">
        <v>0</v>
      </c>
      <c r="JP28" s="335">
        <v>384938</v>
      </c>
      <c r="JQ28" s="333">
        <v>384938</v>
      </c>
      <c r="JR28" s="334">
        <v>0</v>
      </c>
      <c r="JS28" s="331">
        <v>0</v>
      </c>
      <c r="JT28" s="332">
        <v>0</v>
      </c>
      <c r="JU28" s="337">
        <v>0</v>
      </c>
      <c r="JV28" s="331">
        <v>0</v>
      </c>
      <c r="JW28" s="331">
        <v>0</v>
      </c>
      <c r="JX28" s="331">
        <v>0</v>
      </c>
      <c r="JY28" s="331">
        <v>0</v>
      </c>
      <c r="JZ28" s="331">
        <v>0</v>
      </c>
      <c r="KA28" s="335">
        <v>0</v>
      </c>
      <c r="KB28" s="333">
        <v>0</v>
      </c>
      <c r="KC28" s="338">
        <v>0</v>
      </c>
      <c r="KD28" s="339">
        <v>0</v>
      </c>
      <c r="KE28" s="335">
        <v>0</v>
      </c>
      <c r="KF28" s="337">
        <v>0</v>
      </c>
      <c r="KG28" s="331">
        <v>0</v>
      </c>
      <c r="KH28" s="331">
        <v>0</v>
      </c>
      <c r="KI28" s="331">
        <v>0</v>
      </c>
      <c r="KJ28" s="331">
        <v>0</v>
      </c>
      <c r="KK28" s="331">
        <v>0</v>
      </c>
      <c r="KL28" s="335">
        <v>0</v>
      </c>
      <c r="KM28" s="340">
        <v>0</v>
      </c>
      <c r="KN28" s="328">
        <v>0</v>
      </c>
      <c r="KO28" s="329">
        <v>0</v>
      </c>
      <c r="KP28" s="330">
        <v>0</v>
      </c>
      <c r="KQ28" s="390">
        <v>0</v>
      </c>
      <c r="KR28" s="331">
        <v>209479</v>
      </c>
      <c r="KS28" s="331">
        <v>0</v>
      </c>
      <c r="KT28" s="331">
        <v>632708</v>
      </c>
      <c r="KU28" s="331">
        <v>0</v>
      </c>
      <c r="KV28" s="331">
        <v>463250</v>
      </c>
      <c r="KW28" s="335">
        <v>1305437</v>
      </c>
      <c r="KX28" s="333">
        <v>1305437</v>
      </c>
      <c r="KY28" s="334">
        <v>0</v>
      </c>
      <c r="KZ28" s="331">
        <v>0</v>
      </c>
      <c r="LA28" s="335">
        <v>0</v>
      </c>
      <c r="LB28" s="390">
        <v>0</v>
      </c>
      <c r="LC28" s="331">
        <v>0</v>
      </c>
      <c r="LD28" s="331">
        <v>0</v>
      </c>
      <c r="LE28" s="331">
        <v>0</v>
      </c>
      <c r="LF28" s="331">
        <v>0</v>
      </c>
      <c r="LG28" s="331">
        <v>0</v>
      </c>
      <c r="LH28" s="335">
        <v>0</v>
      </c>
      <c r="LI28" s="336">
        <v>0</v>
      </c>
      <c r="LJ28" s="334">
        <v>0</v>
      </c>
      <c r="LK28" s="331">
        <v>0</v>
      </c>
      <c r="LL28" s="335">
        <v>0</v>
      </c>
      <c r="LM28" s="390">
        <v>0</v>
      </c>
      <c r="LN28" s="331">
        <v>0</v>
      </c>
      <c r="LO28" s="331">
        <v>0</v>
      </c>
      <c r="LP28" s="331">
        <v>0</v>
      </c>
      <c r="LQ28" s="331">
        <v>0</v>
      </c>
      <c r="LR28" s="331">
        <v>0</v>
      </c>
      <c r="LS28" s="335">
        <v>0</v>
      </c>
      <c r="LT28" s="333">
        <v>0</v>
      </c>
      <c r="LU28" s="334">
        <v>0</v>
      </c>
      <c r="LV28" s="331">
        <v>0</v>
      </c>
      <c r="LW28" s="335">
        <v>0</v>
      </c>
      <c r="LX28" s="390">
        <v>0</v>
      </c>
      <c r="LY28" s="331">
        <v>0</v>
      </c>
      <c r="LZ28" s="331">
        <v>143187</v>
      </c>
      <c r="MA28" s="331">
        <v>0</v>
      </c>
      <c r="MB28" s="331">
        <v>219629</v>
      </c>
      <c r="MC28" s="331">
        <v>0</v>
      </c>
      <c r="MD28" s="335">
        <v>362816</v>
      </c>
      <c r="ME28" s="336">
        <v>362816</v>
      </c>
      <c r="MF28" s="334">
        <v>0</v>
      </c>
      <c r="MG28" s="331">
        <v>0</v>
      </c>
      <c r="MH28" s="335">
        <v>0</v>
      </c>
      <c r="MI28" s="390">
        <v>0</v>
      </c>
      <c r="MJ28" s="331">
        <v>0</v>
      </c>
      <c r="MK28" s="331">
        <v>0</v>
      </c>
      <c r="ML28" s="331">
        <v>1064182</v>
      </c>
      <c r="MM28" s="331">
        <v>244158</v>
      </c>
      <c r="MN28" s="331">
        <v>650192</v>
      </c>
      <c r="MO28" s="335">
        <v>1958532</v>
      </c>
      <c r="MP28" s="340">
        <v>1958532</v>
      </c>
      <c r="MQ28" s="334">
        <v>0</v>
      </c>
      <c r="MR28" s="331">
        <v>0</v>
      </c>
      <c r="MS28" s="335">
        <v>0</v>
      </c>
      <c r="MT28" s="390">
        <v>0</v>
      </c>
      <c r="MU28" s="331">
        <v>0</v>
      </c>
      <c r="MV28" s="331">
        <v>0</v>
      </c>
      <c r="MW28" s="331">
        <v>887008</v>
      </c>
      <c r="MX28" s="331">
        <v>244158</v>
      </c>
      <c r="MY28" s="331">
        <v>492020</v>
      </c>
      <c r="MZ28" s="335">
        <v>1623186</v>
      </c>
      <c r="NA28" s="340">
        <v>1623186</v>
      </c>
      <c r="NB28" s="334">
        <v>0</v>
      </c>
      <c r="NC28" s="331">
        <v>0</v>
      </c>
      <c r="ND28" s="335">
        <v>0</v>
      </c>
      <c r="NE28" s="390">
        <v>0</v>
      </c>
      <c r="NF28" s="331">
        <v>0</v>
      </c>
      <c r="NG28" s="331">
        <v>0</v>
      </c>
      <c r="NH28" s="331">
        <v>177174</v>
      </c>
      <c r="NI28" s="331">
        <v>0</v>
      </c>
      <c r="NJ28" s="331">
        <v>-173243</v>
      </c>
      <c r="NK28" s="335">
        <v>3931</v>
      </c>
      <c r="NL28" s="333">
        <v>3931</v>
      </c>
      <c r="NM28" s="334">
        <v>0</v>
      </c>
      <c r="NN28" s="331">
        <v>0</v>
      </c>
      <c r="NO28" s="335">
        <v>0</v>
      </c>
      <c r="NP28" s="390">
        <v>0</v>
      </c>
      <c r="NQ28" s="331">
        <v>0</v>
      </c>
      <c r="NR28" s="331">
        <v>0</v>
      </c>
      <c r="NS28" s="331">
        <v>0</v>
      </c>
      <c r="NT28" s="331">
        <v>0</v>
      </c>
      <c r="NU28" s="331">
        <v>0</v>
      </c>
      <c r="NV28" s="335">
        <v>0</v>
      </c>
      <c r="NW28" s="336">
        <v>0</v>
      </c>
      <c r="NX28" s="334">
        <v>0</v>
      </c>
      <c r="NY28" s="331">
        <v>0</v>
      </c>
      <c r="NZ28" s="335">
        <v>0</v>
      </c>
      <c r="OA28" s="390">
        <v>0</v>
      </c>
      <c r="OB28" s="331">
        <v>0</v>
      </c>
      <c r="OC28" s="331">
        <v>0</v>
      </c>
      <c r="OD28" s="331">
        <v>0</v>
      </c>
      <c r="OE28" s="331">
        <v>0</v>
      </c>
      <c r="OF28" s="331">
        <v>331415</v>
      </c>
      <c r="OG28" s="335">
        <v>331415</v>
      </c>
      <c r="OH28" s="336">
        <v>331415</v>
      </c>
      <c r="OI28" s="334">
        <v>141414</v>
      </c>
      <c r="OJ28" s="331">
        <v>292959</v>
      </c>
      <c r="OK28" s="332">
        <v>434373</v>
      </c>
      <c r="OL28" s="337">
        <v>0</v>
      </c>
      <c r="OM28" s="331">
        <v>1549920</v>
      </c>
      <c r="ON28" s="331">
        <v>2994550</v>
      </c>
      <c r="OO28" s="331">
        <v>4571602</v>
      </c>
      <c r="OP28" s="331">
        <v>2497599</v>
      </c>
      <c r="OQ28" s="331">
        <v>3296833</v>
      </c>
      <c r="OR28" s="335">
        <v>14910504</v>
      </c>
      <c r="OS28" s="340">
        <v>15344877</v>
      </c>
    </row>
    <row r="29" spans="2:409" s="56" customFormat="1" ht="21" customHeight="1" x14ac:dyDescent="0.2">
      <c r="B29" s="92" t="s">
        <v>24</v>
      </c>
      <c r="C29" s="312">
        <v>393802</v>
      </c>
      <c r="D29" s="313">
        <v>248887</v>
      </c>
      <c r="E29" s="314">
        <v>642689</v>
      </c>
      <c r="F29" s="315">
        <v>0</v>
      </c>
      <c r="G29" s="313">
        <v>2532307</v>
      </c>
      <c r="H29" s="313">
        <v>2078353</v>
      </c>
      <c r="I29" s="313">
        <v>1420601</v>
      </c>
      <c r="J29" s="313">
        <v>1688727</v>
      </c>
      <c r="K29" s="313">
        <v>3000035</v>
      </c>
      <c r="L29" s="353">
        <v>10720023</v>
      </c>
      <c r="M29" s="316">
        <v>11362712</v>
      </c>
      <c r="N29" s="312">
        <v>104536</v>
      </c>
      <c r="O29" s="313">
        <v>79173</v>
      </c>
      <c r="P29" s="314">
        <v>183709</v>
      </c>
      <c r="Q29" s="312">
        <v>0</v>
      </c>
      <c r="R29" s="313">
        <v>848603</v>
      </c>
      <c r="S29" s="313">
        <v>722043</v>
      </c>
      <c r="T29" s="313">
        <v>351291</v>
      </c>
      <c r="U29" s="313">
        <v>532803</v>
      </c>
      <c r="V29" s="313">
        <v>1274904</v>
      </c>
      <c r="W29" s="314">
        <v>3729644</v>
      </c>
      <c r="X29" s="316">
        <v>3913353</v>
      </c>
      <c r="Y29" s="312">
        <v>0</v>
      </c>
      <c r="Z29" s="313">
        <v>0</v>
      </c>
      <c r="AA29" s="314">
        <v>0</v>
      </c>
      <c r="AB29" s="312">
        <v>0</v>
      </c>
      <c r="AC29" s="313">
        <v>447447</v>
      </c>
      <c r="AD29" s="313">
        <v>243708</v>
      </c>
      <c r="AE29" s="313">
        <v>74042</v>
      </c>
      <c r="AF29" s="313">
        <v>338769</v>
      </c>
      <c r="AG29" s="313">
        <v>535906</v>
      </c>
      <c r="AH29" s="314">
        <v>1639872</v>
      </c>
      <c r="AI29" s="316">
        <v>1639872</v>
      </c>
      <c r="AJ29" s="312">
        <v>0</v>
      </c>
      <c r="AK29" s="313">
        <v>0</v>
      </c>
      <c r="AL29" s="314">
        <v>0</v>
      </c>
      <c r="AM29" s="312">
        <v>0</v>
      </c>
      <c r="AN29" s="313">
        <v>0</v>
      </c>
      <c r="AO29" s="313">
        <v>0</v>
      </c>
      <c r="AP29" s="313">
        <v>0</v>
      </c>
      <c r="AQ29" s="313">
        <v>0</v>
      </c>
      <c r="AR29" s="313">
        <v>179414</v>
      </c>
      <c r="AS29" s="314">
        <v>179414</v>
      </c>
      <c r="AT29" s="316">
        <v>179414</v>
      </c>
      <c r="AU29" s="312">
        <v>48459</v>
      </c>
      <c r="AV29" s="313">
        <v>67952</v>
      </c>
      <c r="AW29" s="314">
        <v>116411</v>
      </c>
      <c r="AX29" s="312">
        <v>0</v>
      </c>
      <c r="AY29" s="313">
        <v>261842</v>
      </c>
      <c r="AZ29" s="313">
        <v>345174</v>
      </c>
      <c r="BA29" s="313">
        <v>149177</v>
      </c>
      <c r="BB29" s="313">
        <v>30416</v>
      </c>
      <c r="BC29" s="313">
        <v>305907</v>
      </c>
      <c r="BD29" s="314">
        <v>1092516</v>
      </c>
      <c r="BE29" s="316">
        <v>1208927</v>
      </c>
      <c r="BF29" s="312">
        <v>0</v>
      </c>
      <c r="BG29" s="313">
        <v>0</v>
      </c>
      <c r="BH29" s="317">
        <v>0</v>
      </c>
      <c r="BI29" s="318">
        <v>0</v>
      </c>
      <c r="BJ29" s="313">
        <v>0</v>
      </c>
      <c r="BK29" s="313">
        <v>0</v>
      </c>
      <c r="BL29" s="313">
        <v>0</v>
      </c>
      <c r="BM29" s="313">
        <v>0</v>
      </c>
      <c r="BN29" s="313">
        <v>14438</v>
      </c>
      <c r="BO29" s="314">
        <v>14438</v>
      </c>
      <c r="BP29" s="316">
        <v>14438</v>
      </c>
      <c r="BQ29" s="312">
        <v>56077</v>
      </c>
      <c r="BR29" s="313">
        <v>11221</v>
      </c>
      <c r="BS29" s="314">
        <v>67298</v>
      </c>
      <c r="BT29" s="312">
        <v>0</v>
      </c>
      <c r="BU29" s="313">
        <v>139314</v>
      </c>
      <c r="BV29" s="313">
        <v>133161</v>
      </c>
      <c r="BW29" s="313">
        <v>128072</v>
      </c>
      <c r="BX29" s="313">
        <v>163618</v>
      </c>
      <c r="BY29" s="313">
        <v>239239</v>
      </c>
      <c r="BZ29" s="314">
        <v>803404</v>
      </c>
      <c r="CA29" s="316">
        <v>870702</v>
      </c>
      <c r="CB29" s="312">
        <v>37527</v>
      </c>
      <c r="CC29" s="313">
        <v>33220</v>
      </c>
      <c r="CD29" s="314">
        <v>70747</v>
      </c>
      <c r="CE29" s="312">
        <v>0</v>
      </c>
      <c r="CF29" s="313">
        <v>582626</v>
      </c>
      <c r="CG29" s="313">
        <v>498479</v>
      </c>
      <c r="CH29" s="313">
        <v>159052</v>
      </c>
      <c r="CI29" s="313">
        <v>36428</v>
      </c>
      <c r="CJ29" s="313">
        <v>10094</v>
      </c>
      <c r="CK29" s="314">
        <v>1286679</v>
      </c>
      <c r="CL29" s="316">
        <v>1357426</v>
      </c>
      <c r="CM29" s="312">
        <v>0</v>
      </c>
      <c r="CN29" s="313">
        <v>0</v>
      </c>
      <c r="CO29" s="314">
        <v>0</v>
      </c>
      <c r="CP29" s="318">
        <v>0</v>
      </c>
      <c r="CQ29" s="313">
        <v>248722</v>
      </c>
      <c r="CR29" s="313">
        <v>391497</v>
      </c>
      <c r="CS29" s="313">
        <v>159052</v>
      </c>
      <c r="CT29" s="313">
        <v>36428</v>
      </c>
      <c r="CU29" s="313">
        <v>0</v>
      </c>
      <c r="CV29" s="314">
        <v>835699</v>
      </c>
      <c r="CW29" s="316">
        <v>835699</v>
      </c>
      <c r="CX29" s="312">
        <v>37527</v>
      </c>
      <c r="CY29" s="313">
        <v>33220</v>
      </c>
      <c r="CZ29" s="314">
        <v>70747</v>
      </c>
      <c r="DA29" s="312">
        <v>0</v>
      </c>
      <c r="DB29" s="313">
        <v>333904</v>
      </c>
      <c r="DC29" s="313">
        <v>106982</v>
      </c>
      <c r="DD29" s="313">
        <v>0</v>
      </c>
      <c r="DE29" s="313">
        <v>0</v>
      </c>
      <c r="DF29" s="313">
        <v>10094</v>
      </c>
      <c r="DG29" s="314">
        <v>450980</v>
      </c>
      <c r="DH29" s="316">
        <v>521727</v>
      </c>
      <c r="DI29" s="312">
        <v>0</v>
      </c>
      <c r="DJ29" s="313">
        <v>0</v>
      </c>
      <c r="DK29" s="317">
        <v>0</v>
      </c>
      <c r="DL29" s="318">
        <v>0</v>
      </c>
      <c r="DM29" s="313">
        <v>0</v>
      </c>
      <c r="DN29" s="313">
        <v>129995</v>
      </c>
      <c r="DO29" s="313">
        <v>32833</v>
      </c>
      <c r="DP29" s="313">
        <v>0</v>
      </c>
      <c r="DQ29" s="313">
        <v>0</v>
      </c>
      <c r="DR29" s="314">
        <v>162828</v>
      </c>
      <c r="DS29" s="316">
        <v>162828</v>
      </c>
      <c r="DT29" s="312">
        <v>0</v>
      </c>
      <c r="DU29" s="313">
        <v>0</v>
      </c>
      <c r="DV29" s="314">
        <v>0</v>
      </c>
      <c r="DW29" s="312">
        <v>0</v>
      </c>
      <c r="DX29" s="313">
        <v>0</v>
      </c>
      <c r="DY29" s="313">
        <v>129995</v>
      </c>
      <c r="DZ29" s="313">
        <v>32833</v>
      </c>
      <c r="EA29" s="313">
        <v>0</v>
      </c>
      <c r="EB29" s="313">
        <v>0</v>
      </c>
      <c r="EC29" s="314">
        <v>162828</v>
      </c>
      <c r="ED29" s="316">
        <v>162828</v>
      </c>
      <c r="EE29" s="312">
        <v>0</v>
      </c>
      <c r="EF29" s="317">
        <v>0</v>
      </c>
      <c r="EG29" s="314">
        <v>0</v>
      </c>
      <c r="EH29" s="312">
        <v>0</v>
      </c>
      <c r="EI29" s="313">
        <v>0</v>
      </c>
      <c r="EJ29" s="313">
        <v>0</v>
      </c>
      <c r="EK29" s="313">
        <v>0</v>
      </c>
      <c r="EL29" s="313">
        <v>0</v>
      </c>
      <c r="EM29" s="313">
        <v>0</v>
      </c>
      <c r="EN29" s="317">
        <v>0</v>
      </c>
      <c r="EO29" s="316">
        <v>0</v>
      </c>
      <c r="EP29" s="312">
        <v>0</v>
      </c>
      <c r="EQ29" s="313">
        <v>0</v>
      </c>
      <c r="ER29" s="317">
        <v>0</v>
      </c>
      <c r="ES29" s="318">
        <v>0</v>
      </c>
      <c r="ET29" s="313">
        <v>0</v>
      </c>
      <c r="EU29" s="313">
        <v>0</v>
      </c>
      <c r="EV29" s="313">
        <v>0</v>
      </c>
      <c r="EW29" s="313">
        <v>0</v>
      </c>
      <c r="EX29" s="313">
        <v>0</v>
      </c>
      <c r="EY29" s="314">
        <v>0</v>
      </c>
      <c r="EZ29" s="316">
        <v>0</v>
      </c>
      <c r="FA29" s="312">
        <v>0</v>
      </c>
      <c r="FB29" s="313">
        <v>0</v>
      </c>
      <c r="FC29" s="317">
        <v>0</v>
      </c>
      <c r="FD29" s="390">
        <v>0</v>
      </c>
      <c r="FE29" s="313">
        <v>0</v>
      </c>
      <c r="FF29" s="313">
        <v>0</v>
      </c>
      <c r="FG29" s="313">
        <v>0</v>
      </c>
      <c r="FH29" s="313">
        <v>0</v>
      </c>
      <c r="FI29" s="313">
        <v>0</v>
      </c>
      <c r="FJ29" s="314">
        <v>0</v>
      </c>
      <c r="FK29" s="316">
        <v>0</v>
      </c>
      <c r="FL29" s="312">
        <v>61295</v>
      </c>
      <c r="FM29" s="313">
        <v>26999</v>
      </c>
      <c r="FN29" s="314">
        <v>88294</v>
      </c>
      <c r="FO29" s="312">
        <v>0</v>
      </c>
      <c r="FP29" s="313">
        <v>348173</v>
      </c>
      <c r="FQ29" s="313">
        <v>248276</v>
      </c>
      <c r="FR29" s="313">
        <v>81921</v>
      </c>
      <c r="FS29" s="313">
        <v>50946</v>
      </c>
      <c r="FT29" s="313">
        <v>202132</v>
      </c>
      <c r="FU29" s="314">
        <v>931448</v>
      </c>
      <c r="FV29" s="316">
        <v>1019742</v>
      </c>
      <c r="FW29" s="319">
        <v>23590</v>
      </c>
      <c r="FX29" s="313">
        <v>26999</v>
      </c>
      <c r="FY29" s="317">
        <v>50589</v>
      </c>
      <c r="FZ29" s="318">
        <v>0</v>
      </c>
      <c r="GA29" s="313">
        <v>94010</v>
      </c>
      <c r="GB29" s="313">
        <v>248276</v>
      </c>
      <c r="GC29" s="313">
        <v>81921</v>
      </c>
      <c r="GD29" s="313">
        <v>50946</v>
      </c>
      <c r="GE29" s="313">
        <v>202132</v>
      </c>
      <c r="GF29" s="314">
        <v>677285</v>
      </c>
      <c r="GG29" s="320">
        <v>727874</v>
      </c>
      <c r="GH29" s="319">
        <v>13205</v>
      </c>
      <c r="GI29" s="313">
        <v>0</v>
      </c>
      <c r="GJ29" s="317">
        <v>13205</v>
      </c>
      <c r="GK29" s="318">
        <v>0</v>
      </c>
      <c r="GL29" s="313">
        <v>9163</v>
      </c>
      <c r="GM29" s="313">
        <v>0</v>
      </c>
      <c r="GN29" s="313">
        <v>0</v>
      </c>
      <c r="GO29" s="313">
        <v>0</v>
      </c>
      <c r="GP29" s="313">
        <v>0</v>
      </c>
      <c r="GQ29" s="314">
        <v>9163</v>
      </c>
      <c r="GR29" s="316">
        <v>22368</v>
      </c>
      <c r="GS29" s="312">
        <v>24500</v>
      </c>
      <c r="GT29" s="313">
        <v>0</v>
      </c>
      <c r="GU29" s="314">
        <v>24500</v>
      </c>
      <c r="GV29" s="312">
        <v>0</v>
      </c>
      <c r="GW29" s="313">
        <v>245000</v>
      </c>
      <c r="GX29" s="313">
        <v>0</v>
      </c>
      <c r="GY29" s="313">
        <v>0</v>
      </c>
      <c r="GZ29" s="313">
        <v>0</v>
      </c>
      <c r="HA29" s="313">
        <v>0</v>
      </c>
      <c r="HB29" s="317">
        <v>245000</v>
      </c>
      <c r="HC29" s="316">
        <v>269500</v>
      </c>
      <c r="HD29" s="312">
        <v>190444</v>
      </c>
      <c r="HE29" s="313">
        <v>109495</v>
      </c>
      <c r="HF29" s="317">
        <v>299939</v>
      </c>
      <c r="HG29" s="318">
        <v>0</v>
      </c>
      <c r="HH29" s="313">
        <v>752905</v>
      </c>
      <c r="HI29" s="313">
        <v>479560</v>
      </c>
      <c r="HJ29" s="313">
        <v>795504</v>
      </c>
      <c r="HK29" s="313">
        <v>1068550</v>
      </c>
      <c r="HL29" s="313">
        <v>1512905</v>
      </c>
      <c r="HM29" s="314">
        <v>4609424</v>
      </c>
      <c r="HN29" s="315">
        <v>4909363</v>
      </c>
      <c r="HO29" s="319">
        <v>0</v>
      </c>
      <c r="HP29" s="313">
        <v>0</v>
      </c>
      <c r="HQ29" s="314">
        <v>0</v>
      </c>
      <c r="HR29" s="312">
        <v>0</v>
      </c>
      <c r="HS29" s="313">
        <v>0</v>
      </c>
      <c r="HT29" s="313">
        <v>0</v>
      </c>
      <c r="HU29" s="313">
        <v>0</v>
      </c>
      <c r="HV29" s="313">
        <v>0</v>
      </c>
      <c r="HW29" s="313">
        <v>0</v>
      </c>
      <c r="HX29" s="317">
        <v>0</v>
      </c>
      <c r="HY29" s="316">
        <v>0</v>
      </c>
      <c r="HZ29" s="321">
        <v>0</v>
      </c>
      <c r="IA29" s="322">
        <v>0</v>
      </c>
      <c r="IB29" s="323">
        <v>0</v>
      </c>
      <c r="IC29" s="324">
        <v>0</v>
      </c>
      <c r="ID29" s="322">
        <v>249424</v>
      </c>
      <c r="IE29" s="325">
        <v>341805</v>
      </c>
      <c r="IF29" s="323">
        <v>0</v>
      </c>
      <c r="IG29" s="322">
        <v>435821</v>
      </c>
      <c r="IH29" s="323">
        <v>674985</v>
      </c>
      <c r="II29" s="326">
        <v>1702035</v>
      </c>
      <c r="IJ29" s="327">
        <v>1702035</v>
      </c>
      <c r="IK29" s="328">
        <v>0</v>
      </c>
      <c r="IL29" s="329">
        <v>0</v>
      </c>
      <c r="IM29" s="330">
        <v>0</v>
      </c>
      <c r="IN29" s="390">
        <v>0</v>
      </c>
      <c r="IO29" s="331">
        <v>57260</v>
      </c>
      <c r="IP29" s="331">
        <v>0</v>
      </c>
      <c r="IQ29" s="331">
        <v>0</v>
      </c>
      <c r="IR29" s="331">
        <v>194515</v>
      </c>
      <c r="IS29" s="331">
        <v>233702</v>
      </c>
      <c r="IT29" s="332">
        <v>485477</v>
      </c>
      <c r="IU29" s="333">
        <v>485477</v>
      </c>
      <c r="IV29" s="334">
        <v>0</v>
      </c>
      <c r="IW29" s="331">
        <v>0</v>
      </c>
      <c r="IX29" s="335">
        <v>0</v>
      </c>
      <c r="IY29" s="390">
        <v>0</v>
      </c>
      <c r="IZ29" s="331">
        <v>0</v>
      </c>
      <c r="JA29" s="331">
        <v>0</v>
      </c>
      <c r="JB29" s="331">
        <v>0</v>
      </c>
      <c r="JC29" s="331">
        <v>0</v>
      </c>
      <c r="JD29" s="331">
        <v>0</v>
      </c>
      <c r="JE29" s="335">
        <v>0</v>
      </c>
      <c r="JF29" s="336">
        <v>0</v>
      </c>
      <c r="JG29" s="334">
        <v>0</v>
      </c>
      <c r="JH29" s="331">
        <v>0</v>
      </c>
      <c r="JI29" s="332">
        <v>0</v>
      </c>
      <c r="JJ29" s="337">
        <v>0</v>
      </c>
      <c r="JK29" s="331">
        <v>0</v>
      </c>
      <c r="JL29" s="331">
        <v>22642</v>
      </c>
      <c r="JM29" s="331">
        <v>0</v>
      </c>
      <c r="JN29" s="331">
        <v>241306</v>
      </c>
      <c r="JO29" s="331">
        <v>0</v>
      </c>
      <c r="JP29" s="335">
        <v>263948</v>
      </c>
      <c r="JQ29" s="333">
        <v>263948</v>
      </c>
      <c r="JR29" s="334">
        <v>0</v>
      </c>
      <c r="JS29" s="331">
        <v>0</v>
      </c>
      <c r="JT29" s="332">
        <v>0</v>
      </c>
      <c r="JU29" s="337">
        <v>0</v>
      </c>
      <c r="JV29" s="331">
        <v>0</v>
      </c>
      <c r="JW29" s="331">
        <v>0</v>
      </c>
      <c r="JX29" s="331">
        <v>0</v>
      </c>
      <c r="JY29" s="331">
        <v>0</v>
      </c>
      <c r="JZ29" s="331">
        <v>0</v>
      </c>
      <c r="KA29" s="335">
        <v>0</v>
      </c>
      <c r="KB29" s="333">
        <v>0</v>
      </c>
      <c r="KC29" s="338">
        <v>0</v>
      </c>
      <c r="KD29" s="339">
        <v>0</v>
      </c>
      <c r="KE29" s="335">
        <v>0</v>
      </c>
      <c r="KF29" s="337">
        <v>0</v>
      </c>
      <c r="KG29" s="331">
        <v>192164</v>
      </c>
      <c r="KH29" s="331">
        <v>319163</v>
      </c>
      <c r="KI29" s="331">
        <v>0</v>
      </c>
      <c r="KJ29" s="331">
        <v>0</v>
      </c>
      <c r="KK29" s="331">
        <v>0</v>
      </c>
      <c r="KL29" s="335">
        <v>511327</v>
      </c>
      <c r="KM29" s="340">
        <v>511327</v>
      </c>
      <c r="KN29" s="328">
        <v>0</v>
      </c>
      <c r="KO29" s="329">
        <v>0</v>
      </c>
      <c r="KP29" s="330">
        <v>0</v>
      </c>
      <c r="KQ29" s="390">
        <v>0</v>
      </c>
      <c r="KR29" s="331">
        <v>0</v>
      </c>
      <c r="KS29" s="331">
        <v>0</v>
      </c>
      <c r="KT29" s="331">
        <v>0</v>
      </c>
      <c r="KU29" s="331">
        <v>0</v>
      </c>
      <c r="KV29" s="331">
        <v>441283</v>
      </c>
      <c r="KW29" s="335">
        <v>441283</v>
      </c>
      <c r="KX29" s="333">
        <v>441283</v>
      </c>
      <c r="KY29" s="334">
        <v>0</v>
      </c>
      <c r="KZ29" s="331">
        <v>0</v>
      </c>
      <c r="LA29" s="335">
        <v>0</v>
      </c>
      <c r="LB29" s="390">
        <v>0</v>
      </c>
      <c r="LC29" s="331">
        <v>0</v>
      </c>
      <c r="LD29" s="331">
        <v>0</v>
      </c>
      <c r="LE29" s="331">
        <v>0</v>
      </c>
      <c r="LF29" s="331">
        <v>0</v>
      </c>
      <c r="LG29" s="331">
        <v>0</v>
      </c>
      <c r="LH29" s="335">
        <v>0</v>
      </c>
      <c r="LI29" s="336">
        <v>0</v>
      </c>
      <c r="LJ29" s="334">
        <v>0</v>
      </c>
      <c r="LK29" s="331">
        <v>0</v>
      </c>
      <c r="LL29" s="335">
        <v>0</v>
      </c>
      <c r="LM29" s="390">
        <v>0</v>
      </c>
      <c r="LN29" s="331">
        <v>0</v>
      </c>
      <c r="LO29" s="331">
        <v>0</v>
      </c>
      <c r="LP29" s="331">
        <v>0</v>
      </c>
      <c r="LQ29" s="331">
        <v>0</v>
      </c>
      <c r="LR29" s="331">
        <v>0</v>
      </c>
      <c r="LS29" s="335">
        <v>0</v>
      </c>
      <c r="LT29" s="333">
        <v>0</v>
      </c>
      <c r="LU29" s="334">
        <v>0</v>
      </c>
      <c r="LV29" s="331">
        <v>0</v>
      </c>
      <c r="LW29" s="335">
        <v>0</v>
      </c>
      <c r="LX29" s="390">
        <v>0</v>
      </c>
      <c r="LY29" s="331">
        <v>0</v>
      </c>
      <c r="LZ29" s="331">
        <v>0</v>
      </c>
      <c r="MA29" s="331">
        <v>0</v>
      </c>
      <c r="MB29" s="331">
        <v>0</v>
      </c>
      <c r="MC29" s="331">
        <v>0</v>
      </c>
      <c r="MD29" s="335">
        <v>0</v>
      </c>
      <c r="ME29" s="336">
        <v>0</v>
      </c>
      <c r="MF29" s="334">
        <v>0</v>
      </c>
      <c r="MG29" s="331">
        <v>0</v>
      </c>
      <c r="MH29" s="335">
        <v>0</v>
      </c>
      <c r="MI29" s="390">
        <v>0</v>
      </c>
      <c r="MJ29" s="331">
        <v>0</v>
      </c>
      <c r="MK29" s="331">
        <v>0</v>
      </c>
      <c r="ML29" s="331">
        <v>215148</v>
      </c>
      <c r="MM29" s="331">
        <v>845024</v>
      </c>
      <c r="MN29" s="331">
        <v>238870</v>
      </c>
      <c r="MO29" s="335">
        <v>1299042</v>
      </c>
      <c r="MP29" s="340">
        <v>1299042</v>
      </c>
      <c r="MQ29" s="334">
        <v>0</v>
      </c>
      <c r="MR29" s="331">
        <v>0</v>
      </c>
      <c r="MS29" s="335">
        <v>0</v>
      </c>
      <c r="MT29" s="390">
        <v>0</v>
      </c>
      <c r="MU29" s="331">
        <v>0</v>
      </c>
      <c r="MV29" s="331">
        <v>0</v>
      </c>
      <c r="MW29" s="331">
        <v>215148</v>
      </c>
      <c r="MX29" s="331">
        <v>845024</v>
      </c>
      <c r="MY29" s="331">
        <v>238870</v>
      </c>
      <c r="MZ29" s="335">
        <v>1299042</v>
      </c>
      <c r="NA29" s="340">
        <v>1299042</v>
      </c>
      <c r="NB29" s="334">
        <v>0</v>
      </c>
      <c r="NC29" s="331">
        <v>0</v>
      </c>
      <c r="ND29" s="335">
        <v>0</v>
      </c>
      <c r="NE29" s="390">
        <v>0</v>
      </c>
      <c r="NF29" s="331">
        <v>0</v>
      </c>
      <c r="NG29" s="331">
        <v>0</v>
      </c>
      <c r="NH29" s="331">
        <v>0</v>
      </c>
      <c r="NI29" s="331">
        <v>0</v>
      </c>
      <c r="NJ29" s="331">
        <v>0</v>
      </c>
      <c r="NK29" s="335">
        <v>0</v>
      </c>
      <c r="NL29" s="333">
        <v>0</v>
      </c>
      <c r="NM29" s="334">
        <v>0</v>
      </c>
      <c r="NN29" s="331">
        <v>0</v>
      </c>
      <c r="NO29" s="335">
        <v>0</v>
      </c>
      <c r="NP29" s="390">
        <v>0</v>
      </c>
      <c r="NQ29" s="331">
        <v>0</v>
      </c>
      <c r="NR29" s="331">
        <v>0</v>
      </c>
      <c r="NS29" s="331">
        <v>0</v>
      </c>
      <c r="NT29" s="331">
        <v>0</v>
      </c>
      <c r="NU29" s="331">
        <v>0</v>
      </c>
      <c r="NV29" s="335">
        <v>0</v>
      </c>
      <c r="NW29" s="336">
        <v>0</v>
      </c>
      <c r="NX29" s="334">
        <v>0</v>
      </c>
      <c r="NY29" s="331">
        <v>0</v>
      </c>
      <c r="NZ29" s="335">
        <v>0</v>
      </c>
      <c r="OA29" s="390">
        <v>0</v>
      </c>
      <c r="OB29" s="331">
        <v>0</v>
      </c>
      <c r="OC29" s="331">
        <v>0</v>
      </c>
      <c r="OD29" s="331">
        <v>0</v>
      </c>
      <c r="OE29" s="331">
        <v>0</v>
      </c>
      <c r="OF29" s="331">
        <v>0</v>
      </c>
      <c r="OG29" s="335">
        <v>0</v>
      </c>
      <c r="OH29" s="336">
        <v>0</v>
      </c>
      <c r="OI29" s="334">
        <v>393802</v>
      </c>
      <c r="OJ29" s="331">
        <v>248887</v>
      </c>
      <c r="OK29" s="332">
        <v>642689</v>
      </c>
      <c r="OL29" s="337">
        <v>0</v>
      </c>
      <c r="OM29" s="331">
        <v>2781731</v>
      </c>
      <c r="ON29" s="331">
        <v>2420158</v>
      </c>
      <c r="OO29" s="331">
        <v>1635749</v>
      </c>
      <c r="OP29" s="331">
        <v>2969572</v>
      </c>
      <c r="OQ29" s="331">
        <v>3913890</v>
      </c>
      <c r="OR29" s="335">
        <v>13721100</v>
      </c>
      <c r="OS29" s="340">
        <v>14363789</v>
      </c>
    </row>
    <row r="30" spans="2:409" s="56" customFormat="1" ht="21" customHeight="1" x14ac:dyDescent="0.2">
      <c r="B30" s="92" t="s">
        <v>25</v>
      </c>
      <c r="C30" s="312">
        <v>97737</v>
      </c>
      <c r="D30" s="313">
        <v>203407</v>
      </c>
      <c r="E30" s="314">
        <v>301144</v>
      </c>
      <c r="F30" s="315">
        <v>0</v>
      </c>
      <c r="G30" s="313">
        <v>608411</v>
      </c>
      <c r="H30" s="313">
        <v>1413354</v>
      </c>
      <c r="I30" s="313">
        <v>900586</v>
      </c>
      <c r="J30" s="313">
        <v>540268</v>
      </c>
      <c r="K30" s="313">
        <v>799661</v>
      </c>
      <c r="L30" s="353">
        <v>4262280</v>
      </c>
      <c r="M30" s="316">
        <v>4563424</v>
      </c>
      <c r="N30" s="312">
        <v>93201</v>
      </c>
      <c r="O30" s="313">
        <v>112366</v>
      </c>
      <c r="P30" s="314">
        <v>205567</v>
      </c>
      <c r="Q30" s="312">
        <v>0</v>
      </c>
      <c r="R30" s="313">
        <v>146201</v>
      </c>
      <c r="S30" s="313">
        <v>105558</v>
      </c>
      <c r="T30" s="313">
        <v>459807</v>
      </c>
      <c r="U30" s="313">
        <v>331748</v>
      </c>
      <c r="V30" s="313">
        <v>689425</v>
      </c>
      <c r="W30" s="314">
        <v>1732739</v>
      </c>
      <c r="X30" s="316">
        <v>1938306</v>
      </c>
      <c r="Y30" s="312">
        <v>0</v>
      </c>
      <c r="Z30" s="313">
        <v>0</v>
      </c>
      <c r="AA30" s="314">
        <v>0</v>
      </c>
      <c r="AB30" s="312">
        <v>0</v>
      </c>
      <c r="AC30" s="313">
        <v>103937</v>
      </c>
      <c r="AD30" s="313">
        <v>52961</v>
      </c>
      <c r="AE30" s="313">
        <v>213113</v>
      </c>
      <c r="AF30" s="313">
        <v>232024</v>
      </c>
      <c r="AG30" s="313">
        <v>187117</v>
      </c>
      <c r="AH30" s="314">
        <v>789152</v>
      </c>
      <c r="AI30" s="316">
        <v>789152</v>
      </c>
      <c r="AJ30" s="312">
        <v>0</v>
      </c>
      <c r="AK30" s="313">
        <v>0</v>
      </c>
      <c r="AL30" s="314">
        <v>0</v>
      </c>
      <c r="AM30" s="312">
        <v>0</v>
      </c>
      <c r="AN30" s="313">
        <v>0</v>
      </c>
      <c r="AO30" s="313">
        <v>0</v>
      </c>
      <c r="AP30" s="313">
        <v>82989</v>
      </c>
      <c r="AQ30" s="313">
        <v>0</v>
      </c>
      <c r="AR30" s="313">
        <v>267030</v>
      </c>
      <c r="AS30" s="314">
        <v>350019</v>
      </c>
      <c r="AT30" s="316">
        <v>350019</v>
      </c>
      <c r="AU30" s="312">
        <v>75827</v>
      </c>
      <c r="AV30" s="313">
        <v>106920</v>
      </c>
      <c r="AW30" s="314">
        <v>182747</v>
      </c>
      <c r="AX30" s="312">
        <v>0</v>
      </c>
      <c r="AY30" s="313">
        <v>18604</v>
      </c>
      <c r="AZ30" s="313">
        <v>40529</v>
      </c>
      <c r="BA30" s="313">
        <v>149943</v>
      </c>
      <c r="BB30" s="313">
        <v>84366</v>
      </c>
      <c r="BC30" s="313">
        <v>186943</v>
      </c>
      <c r="BD30" s="314">
        <v>480385</v>
      </c>
      <c r="BE30" s="316">
        <v>663132</v>
      </c>
      <c r="BF30" s="312">
        <v>0</v>
      </c>
      <c r="BG30" s="313">
        <v>0</v>
      </c>
      <c r="BH30" s="317">
        <v>0</v>
      </c>
      <c r="BI30" s="318">
        <v>0</v>
      </c>
      <c r="BJ30" s="313">
        <v>0</v>
      </c>
      <c r="BK30" s="313">
        <v>0</v>
      </c>
      <c r="BL30" s="313">
        <v>0</v>
      </c>
      <c r="BM30" s="313">
        <v>0</v>
      </c>
      <c r="BN30" s="313">
        <v>0</v>
      </c>
      <c r="BO30" s="314">
        <v>0</v>
      </c>
      <c r="BP30" s="316">
        <v>0</v>
      </c>
      <c r="BQ30" s="312">
        <v>17374</v>
      </c>
      <c r="BR30" s="313">
        <v>5446</v>
      </c>
      <c r="BS30" s="314">
        <v>22820</v>
      </c>
      <c r="BT30" s="312">
        <v>0</v>
      </c>
      <c r="BU30" s="313">
        <v>23660</v>
      </c>
      <c r="BV30" s="313">
        <v>12068</v>
      </c>
      <c r="BW30" s="313">
        <v>13762</v>
      </c>
      <c r="BX30" s="313">
        <v>15358</v>
      </c>
      <c r="BY30" s="313">
        <v>48335</v>
      </c>
      <c r="BZ30" s="314">
        <v>113183</v>
      </c>
      <c r="CA30" s="316">
        <v>136003</v>
      </c>
      <c r="CB30" s="312">
        <v>0</v>
      </c>
      <c r="CC30" s="313">
        <v>0</v>
      </c>
      <c r="CD30" s="314">
        <v>0</v>
      </c>
      <c r="CE30" s="312">
        <v>0</v>
      </c>
      <c r="CF30" s="313">
        <v>195191</v>
      </c>
      <c r="CG30" s="313">
        <v>754530</v>
      </c>
      <c r="CH30" s="313">
        <v>308052</v>
      </c>
      <c r="CI30" s="313">
        <v>146629</v>
      </c>
      <c r="CJ30" s="313">
        <v>0</v>
      </c>
      <c r="CK30" s="314">
        <v>1404402</v>
      </c>
      <c r="CL30" s="316">
        <v>1404402</v>
      </c>
      <c r="CM30" s="312">
        <v>0</v>
      </c>
      <c r="CN30" s="313">
        <v>0</v>
      </c>
      <c r="CO30" s="314">
        <v>0</v>
      </c>
      <c r="CP30" s="318">
        <v>0</v>
      </c>
      <c r="CQ30" s="313">
        <v>66111</v>
      </c>
      <c r="CR30" s="313">
        <v>311598</v>
      </c>
      <c r="CS30" s="313">
        <v>207306</v>
      </c>
      <c r="CT30" s="313">
        <v>146629</v>
      </c>
      <c r="CU30" s="313">
        <v>0</v>
      </c>
      <c r="CV30" s="314">
        <v>731644</v>
      </c>
      <c r="CW30" s="316">
        <v>731644</v>
      </c>
      <c r="CX30" s="312">
        <v>0</v>
      </c>
      <c r="CY30" s="313">
        <v>0</v>
      </c>
      <c r="CZ30" s="314">
        <v>0</v>
      </c>
      <c r="DA30" s="312">
        <v>0</v>
      </c>
      <c r="DB30" s="313">
        <v>129080</v>
      </c>
      <c r="DC30" s="313">
        <v>442932</v>
      </c>
      <c r="DD30" s="313">
        <v>100746</v>
      </c>
      <c r="DE30" s="313">
        <v>0</v>
      </c>
      <c r="DF30" s="313">
        <v>0</v>
      </c>
      <c r="DG30" s="314">
        <v>672758</v>
      </c>
      <c r="DH30" s="316">
        <v>672758</v>
      </c>
      <c r="DI30" s="312">
        <v>0</v>
      </c>
      <c r="DJ30" s="313">
        <v>23085</v>
      </c>
      <c r="DK30" s="317">
        <v>23085</v>
      </c>
      <c r="DL30" s="318">
        <v>0</v>
      </c>
      <c r="DM30" s="313">
        <v>98389</v>
      </c>
      <c r="DN30" s="313">
        <v>0</v>
      </c>
      <c r="DO30" s="313">
        <v>0</v>
      </c>
      <c r="DP30" s="313">
        <v>19163</v>
      </c>
      <c r="DQ30" s="313">
        <v>0</v>
      </c>
      <c r="DR30" s="314">
        <v>117552</v>
      </c>
      <c r="DS30" s="316">
        <v>140637</v>
      </c>
      <c r="DT30" s="312">
        <v>0</v>
      </c>
      <c r="DU30" s="313">
        <v>23085</v>
      </c>
      <c r="DV30" s="314">
        <v>23085</v>
      </c>
      <c r="DW30" s="312">
        <v>0</v>
      </c>
      <c r="DX30" s="313">
        <v>98389</v>
      </c>
      <c r="DY30" s="313">
        <v>0</v>
      </c>
      <c r="DZ30" s="313">
        <v>0</v>
      </c>
      <c r="EA30" s="313">
        <v>19163</v>
      </c>
      <c r="EB30" s="313">
        <v>0</v>
      </c>
      <c r="EC30" s="314">
        <v>117552</v>
      </c>
      <c r="ED30" s="316">
        <v>140637</v>
      </c>
      <c r="EE30" s="312">
        <v>0</v>
      </c>
      <c r="EF30" s="317">
        <v>0</v>
      </c>
      <c r="EG30" s="314">
        <v>0</v>
      </c>
      <c r="EH30" s="312">
        <v>0</v>
      </c>
      <c r="EI30" s="313">
        <v>0</v>
      </c>
      <c r="EJ30" s="313">
        <v>0</v>
      </c>
      <c r="EK30" s="313">
        <v>0</v>
      </c>
      <c r="EL30" s="313">
        <v>0</v>
      </c>
      <c r="EM30" s="313">
        <v>0</v>
      </c>
      <c r="EN30" s="317">
        <v>0</v>
      </c>
      <c r="EO30" s="316">
        <v>0</v>
      </c>
      <c r="EP30" s="312">
        <v>0</v>
      </c>
      <c r="EQ30" s="313">
        <v>0</v>
      </c>
      <c r="ER30" s="317">
        <v>0</v>
      </c>
      <c r="ES30" s="318">
        <v>0</v>
      </c>
      <c r="ET30" s="313">
        <v>0</v>
      </c>
      <c r="EU30" s="313">
        <v>0</v>
      </c>
      <c r="EV30" s="313">
        <v>0</v>
      </c>
      <c r="EW30" s="313">
        <v>0</v>
      </c>
      <c r="EX30" s="313">
        <v>0</v>
      </c>
      <c r="EY30" s="314">
        <v>0</v>
      </c>
      <c r="EZ30" s="316">
        <v>0</v>
      </c>
      <c r="FA30" s="312">
        <v>0</v>
      </c>
      <c r="FB30" s="313">
        <v>0</v>
      </c>
      <c r="FC30" s="317">
        <v>0</v>
      </c>
      <c r="FD30" s="390">
        <v>0</v>
      </c>
      <c r="FE30" s="313">
        <v>0</v>
      </c>
      <c r="FF30" s="313">
        <v>0</v>
      </c>
      <c r="FG30" s="313">
        <v>0</v>
      </c>
      <c r="FH30" s="313">
        <v>0</v>
      </c>
      <c r="FI30" s="313">
        <v>0</v>
      </c>
      <c r="FJ30" s="314">
        <v>0</v>
      </c>
      <c r="FK30" s="316">
        <v>0</v>
      </c>
      <c r="FL30" s="312">
        <v>4536</v>
      </c>
      <c r="FM30" s="313">
        <v>67956</v>
      </c>
      <c r="FN30" s="314">
        <v>72492</v>
      </c>
      <c r="FO30" s="312">
        <v>0</v>
      </c>
      <c r="FP30" s="313">
        <v>21770</v>
      </c>
      <c r="FQ30" s="313">
        <v>78778</v>
      </c>
      <c r="FR30" s="313">
        <v>132727</v>
      </c>
      <c r="FS30" s="313">
        <v>42728</v>
      </c>
      <c r="FT30" s="313">
        <v>110236</v>
      </c>
      <c r="FU30" s="314">
        <v>386239</v>
      </c>
      <c r="FV30" s="316">
        <v>458731</v>
      </c>
      <c r="FW30" s="319">
        <v>4536</v>
      </c>
      <c r="FX30" s="313">
        <v>51156</v>
      </c>
      <c r="FY30" s="317">
        <v>55692</v>
      </c>
      <c r="FZ30" s="318">
        <v>0</v>
      </c>
      <c r="GA30" s="313">
        <v>21770</v>
      </c>
      <c r="GB30" s="313">
        <v>78778</v>
      </c>
      <c r="GC30" s="313">
        <v>132727</v>
      </c>
      <c r="GD30" s="313">
        <v>42728</v>
      </c>
      <c r="GE30" s="313">
        <v>110236</v>
      </c>
      <c r="GF30" s="314">
        <v>386239</v>
      </c>
      <c r="GG30" s="320">
        <v>441931</v>
      </c>
      <c r="GH30" s="319">
        <v>0</v>
      </c>
      <c r="GI30" s="313">
        <v>16800</v>
      </c>
      <c r="GJ30" s="317">
        <v>16800</v>
      </c>
      <c r="GK30" s="318">
        <v>0</v>
      </c>
      <c r="GL30" s="313">
        <v>0</v>
      </c>
      <c r="GM30" s="313">
        <v>0</v>
      </c>
      <c r="GN30" s="313">
        <v>0</v>
      </c>
      <c r="GO30" s="313">
        <v>0</v>
      </c>
      <c r="GP30" s="313">
        <v>0</v>
      </c>
      <c r="GQ30" s="314">
        <v>0</v>
      </c>
      <c r="GR30" s="316">
        <v>16800</v>
      </c>
      <c r="GS30" s="312">
        <v>0</v>
      </c>
      <c r="GT30" s="313">
        <v>0</v>
      </c>
      <c r="GU30" s="314">
        <v>0</v>
      </c>
      <c r="GV30" s="312">
        <v>0</v>
      </c>
      <c r="GW30" s="313">
        <v>0</v>
      </c>
      <c r="GX30" s="313">
        <v>0</v>
      </c>
      <c r="GY30" s="313">
        <v>0</v>
      </c>
      <c r="GZ30" s="313">
        <v>0</v>
      </c>
      <c r="HA30" s="313">
        <v>0</v>
      </c>
      <c r="HB30" s="317">
        <v>0</v>
      </c>
      <c r="HC30" s="316">
        <v>0</v>
      </c>
      <c r="HD30" s="312">
        <v>0</v>
      </c>
      <c r="HE30" s="313">
        <v>0</v>
      </c>
      <c r="HF30" s="317">
        <v>0</v>
      </c>
      <c r="HG30" s="318">
        <v>0</v>
      </c>
      <c r="HH30" s="313">
        <v>146860</v>
      </c>
      <c r="HI30" s="313">
        <v>474488</v>
      </c>
      <c r="HJ30" s="313">
        <v>0</v>
      </c>
      <c r="HK30" s="313">
        <v>0</v>
      </c>
      <c r="HL30" s="313">
        <v>0</v>
      </c>
      <c r="HM30" s="314">
        <v>621348</v>
      </c>
      <c r="HN30" s="315">
        <v>621348</v>
      </c>
      <c r="HO30" s="319">
        <v>0</v>
      </c>
      <c r="HP30" s="313">
        <v>0</v>
      </c>
      <c r="HQ30" s="314">
        <v>0</v>
      </c>
      <c r="HR30" s="312">
        <v>0</v>
      </c>
      <c r="HS30" s="313">
        <v>0</v>
      </c>
      <c r="HT30" s="313">
        <v>0</v>
      </c>
      <c r="HU30" s="313">
        <v>0</v>
      </c>
      <c r="HV30" s="313">
        <v>0</v>
      </c>
      <c r="HW30" s="313">
        <v>0</v>
      </c>
      <c r="HX30" s="317">
        <v>0</v>
      </c>
      <c r="HY30" s="316">
        <v>0</v>
      </c>
      <c r="HZ30" s="344">
        <v>0</v>
      </c>
      <c r="IA30" s="342">
        <v>0</v>
      </c>
      <c r="IB30" s="344">
        <v>0</v>
      </c>
      <c r="IC30" s="341">
        <v>0</v>
      </c>
      <c r="ID30" s="342">
        <v>318265</v>
      </c>
      <c r="IE30" s="343">
        <v>35286</v>
      </c>
      <c r="IF30" s="344">
        <v>0</v>
      </c>
      <c r="IG30" s="342">
        <v>91370</v>
      </c>
      <c r="IH30" s="344">
        <v>0</v>
      </c>
      <c r="II30" s="345">
        <v>444921</v>
      </c>
      <c r="IJ30" s="344">
        <v>444921</v>
      </c>
      <c r="IK30" s="328">
        <v>0</v>
      </c>
      <c r="IL30" s="329">
        <v>0</v>
      </c>
      <c r="IM30" s="330">
        <v>0</v>
      </c>
      <c r="IN30" s="390">
        <v>0</v>
      </c>
      <c r="IO30" s="331">
        <v>0</v>
      </c>
      <c r="IP30" s="331">
        <v>0</v>
      </c>
      <c r="IQ30" s="331">
        <v>0</v>
      </c>
      <c r="IR30" s="331">
        <v>0</v>
      </c>
      <c r="IS30" s="331">
        <v>0</v>
      </c>
      <c r="IT30" s="332">
        <v>0</v>
      </c>
      <c r="IU30" s="333">
        <v>0</v>
      </c>
      <c r="IV30" s="334">
        <v>0</v>
      </c>
      <c r="IW30" s="331">
        <v>0</v>
      </c>
      <c r="IX30" s="335">
        <v>0</v>
      </c>
      <c r="IY30" s="390">
        <v>0</v>
      </c>
      <c r="IZ30" s="331">
        <v>0</v>
      </c>
      <c r="JA30" s="331">
        <v>0</v>
      </c>
      <c r="JB30" s="331">
        <v>0</v>
      </c>
      <c r="JC30" s="331">
        <v>0</v>
      </c>
      <c r="JD30" s="331">
        <v>0</v>
      </c>
      <c r="JE30" s="335">
        <v>0</v>
      </c>
      <c r="JF30" s="336">
        <v>0</v>
      </c>
      <c r="JG30" s="334">
        <v>0</v>
      </c>
      <c r="JH30" s="331">
        <v>0</v>
      </c>
      <c r="JI30" s="332">
        <v>0</v>
      </c>
      <c r="JJ30" s="337">
        <v>0</v>
      </c>
      <c r="JK30" s="331">
        <v>120775</v>
      </c>
      <c r="JL30" s="331">
        <v>35286</v>
      </c>
      <c r="JM30" s="331">
        <v>0</v>
      </c>
      <c r="JN30" s="331">
        <v>91370</v>
      </c>
      <c r="JO30" s="331">
        <v>0</v>
      </c>
      <c r="JP30" s="335">
        <v>247431</v>
      </c>
      <c r="JQ30" s="333">
        <v>247431</v>
      </c>
      <c r="JR30" s="334">
        <v>0</v>
      </c>
      <c r="JS30" s="331">
        <v>0</v>
      </c>
      <c r="JT30" s="332">
        <v>0</v>
      </c>
      <c r="JU30" s="337">
        <v>0</v>
      </c>
      <c r="JV30" s="331">
        <v>0</v>
      </c>
      <c r="JW30" s="331">
        <v>0</v>
      </c>
      <c r="JX30" s="331">
        <v>0</v>
      </c>
      <c r="JY30" s="331">
        <v>0</v>
      </c>
      <c r="JZ30" s="331">
        <v>0</v>
      </c>
      <c r="KA30" s="335">
        <v>0</v>
      </c>
      <c r="KB30" s="333">
        <v>0</v>
      </c>
      <c r="KC30" s="338">
        <v>0</v>
      </c>
      <c r="KD30" s="339">
        <v>0</v>
      </c>
      <c r="KE30" s="335">
        <v>0</v>
      </c>
      <c r="KF30" s="337">
        <v>0</v>
      </c>
      <c r="KG30" s="331">
        <v>0</v>
      </c>
      <c r="KH30" s="331">
        <v>0</v>
      </c>
      <c r="KI30" s="331">
        <v>0</v>
      </c>
      <c r="KJ30" s="331">
        <v>0</v>
      </c>
      <c r="KK30" s="331">
        <v>0</v>
      </c>
      <c r="KL30" s="335">
        <v>0</v>
      </c>
      <c r="KM30" s="340">
        <v>0</v>
      </c>
      <c r="KN30" s="328">
        <v>0</v>
      </c>
      <c r="KO30" s="329">
        <v>0</v>
      </c>
      <c r="KP30" s="330">
        <v>0</v>
      </c>
      <c r="KQ30" s="390">
        <v>0</v>
      </c>
      <c r="KR30" s="331">
        <v>197490</v>
      </c>
      <c r="KS30" s="331">
        <v>0</v>
      </c>
      <c r="KT30" s="331">
        <v>0</v>
      </c>
      <c r="KU30" s="331">
        <v>0</v>
      </c>
      <c r="KV30" s="331">
        <v>0</v>
      </c>
      <c r="KW30" s="335">
        <v>197490</v>
      </c>
      <c r="KX30" s="333">
        <v>197490</v>
      </c>
      <c r="KY30" s="334">
        <v>0</v>
      </c>
      <c r="KZ30" s="331">
        <v>0</v>
      </c>
      <c r="LA30" s="335">
        <v>0</v>
      </c>
      <c r="LB30" s="390">
        <v>0</v>
      </c>
      <c r="LC30" s="331">
        <v>0</v>
      </c>
      <c r="LD30" s="331">
        <v>0</v>
      </c>
      <c r="LE30" s="331">
        <v>0</v>
      </c>
      <c r="LF30" s="331">
        <v>0</v>
      </c>
      <c r="LG30" s="331">
        <v>0</v>
      </c>
      <c r="LH30" s="335">
        <v>0</v>
      </c>
      <c r="LI30" s="336">
        <v>0</v>
      </c>
      <c r="LJ30" s="334">
        <v>0</v>
      </c>
      <c r="LK30" s="331">
        <v>0</v>
      </c>
      <c r="LL30" s="335">
        <v>0</v>
      </c>
      <c r="LM30" s="390">
        <v>0</v>
      </c>
      <c r="LN30" s="331">
        <v>0</v>
      </c>
      <c r="LO30" s="331">
        <v>0</v>
      </c>
      <c r="LP30" s="331">
        <v>0</v>
      </c>
      <c r="LQ30" s="331">
        <v>0</v>
      </c>
      <c r="LR30" s="331">
        <v>0</v>
      </c>
      <c r="LS30" s="335">
        <v>0</v>
      </c>
      <c r="LT30" s="333">
        <v>0</v>
      </c>
      <c r="LU30" s="334">
        <v>0</v>
      </c>
      <c r="LV30" s="331">
        <v>0</v>
      </c>
      <c r="LW30" s="335">
        <v>0</v>
      </c>
      <c r="LX30" s="390">
        <v>0</v>
      </c>
      <c r="LY30" s="331">
        <v>0</v>
      </c>
      <c r="LZ30" s="331">
        <v>0</v>
      </c>
      <c r="MA30" s="331">
        <v>0</v>
      </c>
      <c r="MB30" s="331">
        <v>0</v>
      </c>
      <c r="MC30" s="331">
        <v>0</v>
      </c>
      <c r="MD30" s="335">
        <v>0</v>
      </c>
      <c r="ME30" s="336">
        <v>0</v>
      </c>
      <c r="MF30" s="334">
        <v>0</v>
      </c>
      <c r="MG30" s="331">
        <v>0</v>
      </c>
      <c r="MH30" s="335">
        <v>0</v>
      </c>
      <c r="MI30" s="390">
        <v>0</v>
      </c>
      <c r="MJ30" s="331">
        <v>237722</v>
      </c>
      <c r="MK30" s="331">
        <v>489252</v>
      </c>
      <c r="ML30" s="331">
        <v>759134</v>
      </c>
      <c r="MM30" s="331">
        <v>1250581</v>
      </c>
      <c r="MN30" s="331">
        <v>1008676</v>
      </c>
      <c r="MO30" s="335">
        <v>3745365</v>
      </c>
      <c r="MP30" s="340">
        <v>3745365</v>
      </c>
      <c r="MQ30" s="334">
        <v>0</v>
      </c>
      <c r="MR30" s="331">
        <v>0</v>
      </c>
      <c r="MS30" s="335">
        <v>0</v>
      </c>
      <c r="MT30" s="390">
        <v>0</v>
      </c>
      <c r="MU30" s="331">
        <v>0</v>
      </c>
      <c r="MV30" s="331">
        <v>0</v>
      </c>
      <c r="MW30" s="331">
        <v>440588</v>
      </c>
      <c r="MX30" s="331">
        <v>451451</v>
      </c>
      <c r="MY30" s="331">
        <v>461386</v>
      </c>
      <c r="MZ30" s="335">
        <v>1353425</v>
      </c>
      <c r="NA30" s="340">
        <v>1353425</v>
      </c>
      <c r="NB30" s="334">
        <v>0</v>
      </c>
      <c r="NC30" s="331">
        <v>0</v>
      </c>
      <c r="ND30" s="335">
        <v>0</v>
      </c>
      <c r="NE30" s="390">
        <v>0</v>
      </c>
      <c r="NF30" s="331">
        <v>237722</v>
      </c>
      <c r="NG30" s="331">
        <v>489252</v>
      </c>
      <c r="NH30" s="331">
        <v>318546</v>
      </c>
      <c r="NI30" s="331">
        <v>799130</v>
      </c>
      <c r="NJ30" s="331">
        <v>547290</v>
      </c>
      <c r="NK30" s="335">
        <v>2391940</v>
      </c>
      <c r="NL30" s="333">
        <v>2391940</v>
      </c>
      <c r="NM30" s="334">
        <v>0</v>
      </c>
      <c r="NN30" s="331">
        <v>0</v>
      </c>
      <c r="NO30" s="335">
        <v>0</v>
      </c>
      <c r="NP30" s="390">
        <v>0</v>
      </c>
      <c r="NQ30" s="331">
        <v>0</v>
      </c>
      <c r="NR30" s="331">
        <v>0</v>
      </c>
      <c r="NS30" s="331">
        <v>0</v>
      </c>
      <c r="NT30" s="331">
        <v>0</v>
      </c>
      <c r="NU30" s="331">
        <v>0</v>
      </c>
      <c r="NV30" s="335">
        <v>0</v>
      </c>
      <c r="NW30" s="336">
        <v>0</v>
      </c>
      <c r="NX30" s="334">
        <v>0</v>
      </c>
      <c r="NY30" s="331">
        <v>0</v>
      </c>
      <c r="NZ30" s="335">
        <v>0</v>
      </c>
      <c r="OA30" s="390">
        <v>0</v>
      </c>
      <c r="OB30" s="331">
        <v>0</v>
      </c>
      <c r="OC30" s="331">
        <v>0</v>
      </c>
      <c r="OD30" s="331">
        <v>0</v>
      </c>
      <c r="OE30" s="331">
        <v>0</v>
      </c>
      <c r="OF30" s="331">
        <v>0</v>
      </c>
      <c r="OG30" s="335">
        <v>0</v>
      </c>
      <c r="OH30" s="336">
        <v>0</v>
      </c>
      <c r="OI30" s="334">
        <v>97737</v>
      </c>
      <c r="OJ30" s="331">
        <v>203407</v>
      </c>
      <c r="OK30" s="332">
        <v>301144</v>
      </c>
      <c r="OL30" s="337">
        <v>0</v>
      </c>
      <c r="OM30" s="331">
        <v>1164398</v>
      </c>
      <c r="ON30" s="331">
        <v>1937892</v>
      </c>
      <c r="OO30" s="331">
        <v>1659720</v>
      </c>
      <c r="OP30" s="331">
        <v>1882219</v>
      </c>
      <c r="OQ30" s="331">
        <v>1808337</v>
      </c>
      <c r="OR30" s="335">
        <v>8452566</v>
      </c>
      <c r="OS30" s="340">
        <v>8753710</v>
      </c>
    </row>
    <row r="31" spans="2:409" s="56" customFormat="1" ht="21" customHeight="1" x14ac:dyDescent="0.2">
      <c r="B31" s="92" t="s">
        <v>26</v>
      </c>
      <c r="C31" s="312">
        <v>44446</v>
      </c>
      <c r="D31" s="313">
        <v>153559</v>
      </c>
      <c r="E31" s="314">
        <v>198005</v>
      </c>
      <c r="F31" s="315">
        <v>0</v>
      </c>
      <c r="G31" s="313">
        <v>1516430</v>
      </c>
      <c r="H31" s="313">
        <v>1679708</v>
      </c>
      <c r="I31" s="313">
        <v>1603257</v>
      </c>
      <c r="J31" s="313">
        <v>496311</v>
      </c>
      <c r="K31" s="313">
        <v>1248616</v>
      </c>
      <c r="L31" s="353">
        <v>6544322</v>
      </c>
      <c r="M31" s="316">
        <v>6742327</v>
      </c>
      <c r="N31" s="312">
        <v>40946</v>
      </c>
      <c r="O31" s="313">
        <v>13597</v>
      </c>
      <c r="P31" s="314">
        <v>54543</v>
      </c>
      <c r="Q31" s="312">
        <v>0</v>
      </c>
      <c r="R31" s="313">
        <v>349868</v>
      </c>
      <c r="S31" s="313">
        <v>642621</v>
      </c>
      <c r="T31" s="313">
        <v>410668</v>
      </c>
      <c r="U31" s="313">
        <v>155189</v>
      </c>
      <c r="V31" s="313">
        <v>696799</v>
      </c>
      <c r="W31" s="314">
        <v>2255145</v>
      </c>
      <c r="X31" s="316">
        <v>2309688</v>
      </c>
      <c r="Y31" s="312">
        <v>0</v>
      </c>
      <c r="Z31" s="313">
        <v>0</v>
      </c>
      <c r="AA31" s="314">
        <v>0</v>
      </c>
      <c r="AB31" s="312">
        <v>0</v>
      </c>
      <c r="AC31" s="313">
        <v>43762</v>
      </c>
      <c r="AD31" s="313">
        <v>374712</v>
      </c>
      <c r="AE31" s="313">
        <v>163674</v>
      </c>
      <c r="AF31" s="313">
        <v>125300</v>
      </c>
      <c r="AG31" s="313">
        <v>529154</v>
      </c>
      <c r="AH31" s="314">
        <v>1236602</v>
      </c>
      <c r="AI31" s="316">
        <v>1236602</v>
      </c>
      <c r="AJ31" s="312">
        <v>0</v>
      </c>
      <c r="AK31" s="313">
        <v>0</v>
      </c>
      <c r="AL31" s="314">
        <v>0</v>
      </c>
      <c r="AM31" s="312">
        <v>0</v>
      </c>
      <c r="AN31" s="313">
        <v>0</v>
      </c>
      <c r="AO31" s="313">
        <v>0</v>
      </c>
      <c r="AP31" s="313">
        <v>0</v>
      </c>
      <c r="AQ31" s="313">
        <v>10373</v>
      </c>
      <c r="AR31" s="313">
        <v>0</v>
      </c>
      <c r="AS31" s="314">
        <v>10373</v>
      </c>
      <c r="AT31" s="316">
        <v>10373</v>
      </c>
      <c r="AU31" s="312">
        <v>34667</v>
      </c>
      <c r="AV31" s="313">
        <v>13597</v>
      </c>
      <c r="AW31" s="314">
        <v>48264</v>
      </c>
      <c r="AX31" s="312">
        <v>0</v>
      </c>
      <c r="AY31" s="313">
        <v>139900</v>
      </c>
      <c r="AZ31" s="313">
        <v>203957</v>
      </c>
      <c r="BA31" s="313">
        <v>91586</v>
      </c>
      <c r="BB31" s="313">
        <v>0</v>
      </c>
      <c r="BC31" s="313">
        <v>78318</v>
      </c>
      <c r="BD31" s="314">
        <v>513761</v>
      </c>
      <c r="BE31" s="316">
        <v>562025</v>
      </c>
      <c r="BF31" s="312">
        <v>0</v>
      </c>
      <c r="BG31" s="313">
        <v>0</v>
      </c>
      <c r="BH31" s="317">
        <v>0</v>
      </c>
      <c r="BI31" s="318">
        <v>0</v>
      </c>
      <c r="BJ31" s="313">
        <v>41739</v>
      </c>
      <c r="BK31" s="313">
        <v>0</v>
      </c>
      <c r="BL31" s="313">
        <v>27826</v>
      </c>
      <c r="BM31" s="313">
        <v>0</v>
      </c>
      <c r="BN31" s="313">
        <v>0</v>
      </c>
      <c r="BO31" s="314">
        <v>69565</v>
      </c>
      <c r="BP31" s="316">
        <v>69565</v>
      </c>
      <c r="BQ31" s="312">
        <v>6279</v>
      </c>
      <c r="BR31" s="313">
        <v>0</v>
      </c>
      <c r="BS31" s="314">
        <v>6279</v>
      </c>
      <c r="BT31" s="312">
        <v>0</v>
      </c>
      <c r="BU31" s="313">
        <v>124467</v>
      </c>
      <c r="BV31" s="313">
        <v>63952</v>
      </c>
      <c r="BW31" s="313">
        <v>127582</v>
      </c>
      <c r="BX31" s="313">
        <v>19516</v>
      </c>
      <c r="BY31" s="313">
        <v>89327</v>
      </c>
      <c r="BZ31" s="314">
        <v>424844</v>
      </c>
      <c r="CA31" s="316">
        <v>431123</v>
      </c>
      <c r="CB31" s="312">
        <v>0</v>
      </c>
      <c r="CC31" s="313">
        <v>33431</v>
      </c>
      <c r="CD31" s="314">
        <v>33431</v>
      </c>
      <c r="CE31" s="312">
        <v>0</v>
      </c>
      <c r="CF31" s="313">
        <v>317177</v>
      </c>
      <c r="CG31" s="313">
        <v>420924</v>
      </c>
      <c r="CH31" s="313">
        <v>268927</v>
      </c>
      <c r="CI31" s="313">
        <v>101399</v>
      </c>
      <c r="CJ31" s="313">
        <v>89590</v>
      </c>
      <c r="CK31" s="314">
        <v>1198017</v>
      </c>
      <c r="CL31" s="316">
        <v>1231448</v>
      </c>
      <c r="CM31" s="312">
        <v>0</v>
      </c>
      <c r="CN31" s="313">
        <v>0</v>
      </c>
      <c r="CO31" s="314">
        <v>0</v>
      </c>
      <c r="CP31" s="318">
        <v>0</v>
      </c>
      <c r="CQ31" s="313">
        <v>317177</v>
      </c>
      <c r="CR31" s="313">
        <v>259821</v>
      </c>
      <c r="CS31" s="313">
        <v>201896</v>
      </c>
      <c r="CT31" s="313">
        <v>101399</v>
      </c>
      <c r="CU31" s="313">
        <v>89590</v>
      </c>
      <c r="CV31" s="314">
        <v>969883</v>
      </c>
      <c r="CW31" s="316">
        <v>969883</v>
      </c>
      <c r="CX31" s="312">
        <v>0</v>
      </c>
      <c r="CY31" s="313">
        <v>33431</v>
      </c>
      <c r="CZ31" s="314">
        <v>33431</v>
      </c>
      <c r="DA31" s="312">
        <v>0</v>
      </c>
      <c r="DB31" s="313">
        <v>0</v>
      </c>
      <c r="DC31" s="313">
        <v>161103</v>
      </c>
      <c r="DD31" s="313">
        <v>67031</v>
      </c>
      <c r="DE31" s="313">
        <v>0</v>
      </c>
      <c r="DF31" s="313">
        <v>0</v>
      </c>
      <c r="DG31" s="314">
        <v>228134</v>
      </c>
      <c r="DH31" s="316">
        <v>261565</v>
      </c>
      <c r="DI31" s="312">
        <v>0</v>
      </c>
      <c r="DJ31" s="313">
        <v>0</v>
      </c>
      <c r="DK31" s="317">
        <v>0</v>
      </c>
      <c r="DL31" s="318">
        <v>0</v>
      </c>
      <c r="DM31" s="313">
        <v>111624</v>
      </c>
      <c r="DN31" s="313">
        <v>263521</v>
      </c>
      <c r="DO31" s="313">
        <v>0</v>
      </c>
      <c r="DP31" s="313">
        <v>0</v>
      </c>
      <c r="DQ31" s="313">
        <v>46972</v>
      </c>
      <c r="DR31" s="314">
        <v>422117</v>
      </c>
      <c r="DS31" s="316">
        <v>422117</v>
      </c>
      <c r="DT31" s="312">
        <v>0</v>
      </c>
      <c r="DU31" s="313">
        <v>0</v>
      </c>
      <c r="DV31" s="314">
        <v>0</v>
      </c>
      <c r="DW31" s="312">
        <v>0</v>
      </c>
      <c r="DX31" s="313">
        <v>111624</v>
      </c>
      <c r="DY31" s="313">
        <v>263521</v>
      </c>
      <c r="DZ31" s="313">
        <v>0</v>
      </c>
      <c r="EA31" s="313">
        <v>0</v>
      </c>
      <c r="EB31" s="313">
        <v>0</v>
      </c>
      <c r="EC31" s="314">
        <v>375145</v>
      </c>
      <c r="ED31" s="316">
        <v>375145</v>
      </c>
      <c r="EE31" s="312">
        <v>0</v>
      </c>
      <c r="EF31" s="317">
        <v>0</v>
      </c>
      <c r="EG31" s="314">
        <v>0</v>
      </c>
      <c r="EH31" s="312">
        <v>0</v>
      </c>
      <c r="EI31" s="313">
        <v>0</v>
      </c>
      <c r="EJ31" s="313">
        <v>0</v>
      </c>
      <c r="EK31" s="313">
        <v>0</v>
      </c>
      <c r="EL31" s="313">
        <v>0</v>
      </c>
      <c r="EM31" s="313">
        <v>46972</v>
      </c>
      <c r="EN31" s="317">
        <v>46972</v>
      </c>
      <c r="EO31" s="316">
        <v>46972</v>
      </c>
      <c r="EP31" s="312">
        <v>0</v>
      </c>
      <c r="EQ31" s="313">
        <v>0</v>
      </c>
      <c r="ER31" s="317">
        <v>0</v>
      </c>
      <c r="ES31" s="318">
        <v>0</v>
      </c>
      <c r="ET31" s="313">
        <v>0</v>
      </c>
      <c r="EU31" s="313">
        <v>0</v>
      </c>
      <c r="EV31" s="313">
        <v>0</v>
      </c>
      <c r="EW31" s="313">
        <v>0</v>
      </c>
      <c r="EX31" s="313">
        <v>0</v>
      </c>
      <c r="EY31" s="314">
        <v>0</v>
      </c>
      <c r="EZ31" s="316">
        <v>0</v>
      </c>
      <c r="FA31" s="312">
        <v>0</v>
      </c>
      <c r="FB31" s="313">
        <v>0</v>
      </c>
      <c r="FC31" s="317">
        <v>0</v>
      </c>
      <c r="FD31" s="390">
        <v>0</v>
      </c>
      <c r="FE31" s="313">
        <v>0</v>
      </c>
      <c r="FF31" s="313">
        <v>0</v>
      </c>
      <c r="FG31" s="313">
        <v>0</v>
      </c>
      <c r="FH31" s="313">
        <v>0</v>
      </c>
      <c r="FI31" s="313">
        <v>0</v>
      </c>
      <c r="FJ31" s="314">
        <v>0</v>
      </c>
      <c r="FK31" s="316">
        <v>0</v>
      </c>
      <c r="FL31" s="312">
        <v>3500</v>
      </c>
      <c r="FM31" s="313">
        <v>20720</v>
      </c>
      <c r="FN31" s="314">
        <v>24220</v>
      </c>
      <c r="FO31" s="312">
        <v>0</v>
      </c>
      <c r="FP31" s="313">
        <v>27776</v>
      </c>
      <c r="FQ31" s="313">
        <v>200998</v>
      </c>
      <c r="FR31" s="313">
        <v>54257</v>
      </c>
      <c r="FS31" s="313">
        <v>34048</v>
      </c>
      <c r="FT31" s="313">
        <v>70630</v>
      </c>
      <c r="FU31" s="314">
        <v>387709</v>
      </c>
      <c r="FV31" s="316">
        <v>411929</v>
      </c>
      <c r="FW31" s="319">
        <v>3500</v>
      </c>
      <c r="FX31" s="313">
        <v>20720</v>
      </c>
      <c r="FY31" s="317">
        <v>24220</v>
      </c>
      <c r="FZ31" s="318">
        <v>0</v>
      </c>
      <c r="GA31" s="313">
        <v>27776</v>
      </c>
      <c r="GB31" s="313">
        <v>200998</v>
      </c>
      <c r="GC31" s="313">
        <v>54257</v>
      </c>
      <c r="GD31" s="313">
        <v>34048</v>
      </c>
      <c r="GE31" s="313">
        <v>70630</v>
      </c>
      <c r="GF31" s="314">
        <v>387709</v>
      </c>
      <c r="GG31" s="320">
        <v>411929</v>
      </c>
      <c r="GH31" s="319">
        <v>0</v>
      </c>
      <c r="GI31" s="313">
        <v>0</v>
      </c>
      <c r="GJ31" s="317">
        <v>0</v>
      </c>
      <c r="GK31" s="318">
        <v>0</v>
      </c>
      <c r="GL31" s="313">
        <v>0</v>
      </c>
      <c r="GM31" s="313">
        <v>0</v>
      </c>
      <c r="GN31" s="313">
        <v>0</v>
      </c>
      <c r="GO31" s="313">
        <v>0</v>
      </c>
      <c r="GP31" s="313">
        <v>0</v>
      </c>
      <c r="GQ31" s="314">
        <v>0</v>
      </c>
      <c r="GR31" s="316">
        <v>0</v>
      </c>
      <c r="GS31" s="312">
        <v>0</v>
      </c>
      <c r="GT31" s="313">
        <v>0</v>
      </c>
      <c r="GU31" s="314">
        <v>0</v>
      </c>
      <c r="GV31" s="312">
        <v>0</v>
      </c>
      <c r="GW31" s="313">
        <v>0</v>
      </c>
      <c r="GX31" s="313">
        <v>0</v>
      </c>
      <c r="GY31" s="313">
        <v>0</v>
      </c>
      <c r="GZ31" s="313">
        <v>0</v>
      </c>
      <c r="HA31" s="313">
        <v>0</v>
      </c>
      <c r="HB31" s="317">
        <v>0</v>
      </c>
      <c r="HC31" s="316">
        <v>0</v>
      </c>
      <c r="HD31" s="312">
        <v>0</v>
      </c>
      <c r="HE31" s="313">
        <v>85811</v>
      </c>
      <c r="HF31" s="317">
        <v>85811</v>
      </c>
      <c r="HG31" s="318">
        <v>0</v>
      </c>
      <c r="HH31" s="313">
        <v>709985</v>
      </c>
      <c r="HI31" s="313">
        <v>151644</v>
      </c>
      <c r="HJ31" s="313">
        <v>869405</v>
      </c>
      <c r="HK31" s="313">
        <v>205675</v>
      </c>
      <c r="HL31" s="313">
        <v>344625</v>
      </c>
      <c r="HM31" s="314">
        <v>2281334</v>
      </c>
      <c r="HN31" s="315">
        <v>2367145</v>
      </c>
      <c r="HO31" s="319">
        <v>0</v>
      </c>
      <c r="HP31" s="313">
        <v>0</v>
      </c>
      <c r="HQ31" s="314">
        <v>0</v>
      </c>
      <c r="HR31" s="312">
        <v>0</v>
      </c>
      <c r="HS31" s="313">
        <v>0</v>
      </c>
      <c r="HT31" s="313">
        <v>0</v>
      </c>
      <c r="HU31" s="313">
        <v>0</v>
      </c>
      <c r="HV31" s="313">
        <v>0</v>
      </c>
      <c r="HW31" s="313">
        <v>0</v>
      </c>
      <c r="HX31" s="317">
        <v>0</v>
      </c>
      <c r="HY31" s="316">
        <v>0</v>
      </c>
      <c r="HZ31" s="321">
        <v>0</v>
      </c>
      <c r="IA31" s="322">
        <v>0</v>
      </c>
      <c r="IB31" s="323">
        <v>0</v>
      </c>
      <c r="IC31" s="324">
        <v>0</v>
      </c>
      <c r="ID31" s="322">
        <v>439259</v>
      </c>
      <c r="IE31" s="325">
        <v>33470</v>
      </c>
      <c r="IF31" s="323">
        <v>482286</v>
      </c>
      <c r="IG31" s="322">
        <v>0</v>
      </c>
      <c r="IH31" s="323">
        <v>0</v>
      </c>
      <c r="II31" s="326">
        <v>955015</v>
      </c>
      <c r="IJ31" s="327">
        <v>955015</v>
      </c>
      <c r="IK31" s="328">
        <v>0</v>
      </c>
      <c r="IL31" s="329">
        <v>0</v>
      </c>
      <c r="IM31" s="330">
        <v>0</v>
      </c>
      <c r="IN31" s="390">
        <v>0</v>
      </c>
      <c r="IO31" s="331">
        <v>0</v>
      </c>
      <c r="IP31" s="331">
        <v>0</v>
      </c>
      <c r="IQ31" s="331">
        <v>0</v>
      </c>
      <c r="IR31" s="331">
        <v>0</v>
      </c>
      <c r="IS31" s="331">
        <v>0</v>
      </c>
      <c r="IT31" s="332">
        <v>0</v>
      </c>
      <c r="IU31" s="333">
        <v>0</v>
      </c>
      <c r="IV31" s="334">
        <v>0</v>
      </c>
      <c r="IW31" s="331">
        <v>0</v>
      </c>
      <c r="IX31" s="335">
        <v>0</v>
      </c>
      <c r="IY31" s="390">
        <v>0</v>
      </c>
      <c r="IZ31" s="331">
        <v>0</v>
      </c>
      <c r="JA31" s="331">
        <v>0</v>
      </c>
      <c r="JB31" s="331">
        <v>0</v>
      </c>
      <c r="JC31" s="331">
        <v>0</v>
      </c>
      <c r="JD31" s="331">
        <v>0</v>
      </c>
      <c r="JE31" s="335">
        <v>0</v>
      </c>
      <c r="JF31" s="336">
        <v>0</v>
      </c>
      <c r="JG31" s="334">
        <v>0</v>
      </c>
      <c r="JH31" s="331">
        <v>0</v>
      </c>
      <c r="JI31" s="332">
        <v>0</v>
      </c>
      <c r="JJ31" s="337">
        <v>0</v>
      </c>
      <c r="JK31" s="331">
        <v>29840</v>
      </c>
      <c r="JL31" s="331">
        <v>33470</v>
      </c>
      <c r="JM31" s="331">
        <v>50430</v>
      </c>
      <c r="JN31" s="331">
        <v>0</v>
      </c>
      <c r="JO31" s="331">
        <v>0</v>
      </c>
      <c r="JP31" s="335">
        <v>113740</v>
      </c>
      <c r="JQ31" s="333">
        <v>113740</v>
      </c>
      <c r="JR31" s="334">
        <v>0</v>
      </c>
      <c r="JS31" s="331">
        <v>0</v>
      </c>
      <c r="JT31" s="332">
        <v>0</v>
      </c>
      <c r="JU31" s="337">
        <v>0</v>
      </c>
      <c r="JV31" s="331">
        <v>0</v>
      </c>
      <c r="JW31" s="331">
        <v>0</v>
      </c>
      <c r="JX31" s="331">
        <v>0</v>
      </c>
      <c r="JY31" s="331">
        <v>0</v>
      </c>
      <c r="JZ31" s="331">
        <v>0</v>
      </c>
      <c r="KA31" s="335">
        <v>0</v>
      </c>
      <c r="KB31" s="333">
        <v>0</v>
      </c>
      <c r="KC31" s="338">
        <v>0</v>
      </c>
      <c r="KD31" s="339">
        <v>0</v>
      </c>
      <c r="KE31" s="335">
        <v>0</v>
      </c>
      <c r="KF31" s="337">
        <v>0</v>
      </c>
      <c r="KG31" s="331">
        <v>0</v>
      </c>
      <c r="KH31" s="331">
        <v>0</v>
      </c>
      <c r="KI31" s="331">
        <v>0</v>
      </c>
      <c r="KJ31" s="331">
        <v>0</v>
      </c>
      <c r="KK31" s="331">
        <v>0</v>
      </c>
      <c r="KL31" s="335">
        <v>0</v>
      </c>
      <c r="KM31" s="340">
        <v>0</v>
      </c>
      <c r="KN31" s="328">
        <v>0</v>
      </c>
      <c r="KO31" s="329">
        <v>0</v>
      </c>
      <c r="KP31" s="330">
        <v>0</v>
      </c>
      <c r="KQ31" s="390">
        <v>0</v>
      </c>
      <c r="KR31" s="331">
        <v>409419</v>
      </c>
      <c r="KS31" s="331">
        <v>0</v>
      </c>
      <c r="KT31" s="331">
        <v>431856</v>
      </c>
      <c r="KU31" s="331">
        <v>0</v>
      </c>
      <c r="KV31" s="331">
        <v>0</v>
      </c>
      <c r="KW31" s="335">
        <v>841275</v>
      </c>
      <c r="KX31" s="333">
        <v>841275</v>
      </c>
      <c r="KY31" s="334">
        <v>0</v>
      </c>
      <c r="KZ31" s="331">
        <v>0</v>
      </c>
      <c r="LA31" s="335">
        <v>0</v>
      </c>
      <c r="LB31" s="390">
        <v>0</v>
      </c>
      <c r="LC31" s="331">
        <v>0</v>
      </c>
      <c r="LD31" s="331">
        <v>0</v>
      </c>
      <c r="LE31" s="331">
        <v>0</v>
      </c>
      <c r="LF31" s="331">
        <v>0</v>
      </c>
      <c r="LG31" s="331">
        <v>0</v>
      </c>
      <c r="LH31" s="335">
        <v>0</v>
      </c>
      <c r="LI31" s="336">
        <v>0</v>
      </c>
      <c r="LJ31" s="334">
        <v>0</v>
      </c>
      <c r="LK31" s="331">
        <v>0</v>
      </c>
      <c r="LL31" s="335">
        <v>0</v>
      </c>
      <c r="LM31" s="390">
        <v>0</v>
      </c>
      <c r="LN31" s="331">
        <v>0</v>
      </c>
      <c r="LO31" s="331">
        <v>0</v>
      </c>
      <c r="LP31" s="331">
        <v>0</v>
      </c>
      <c r="LQ31" s="331">
        <v>0</v>
      </c>
      <c r="LR31" s="331">
        <v>0</v>
      </c>
      <c r="LS31" s="335">
        <v>0</v>
      </c>
      <c r="LT31" s="333">
        <v>0</v>
      </c>
      <c r="LU31" s="334">
        <v>0</v>
      </c>
      <c r="LV31" s="331">
        <v>0</v>
      </c>
      <c r="LW31" s="335">
        <v>0</v>
      </c>
      <c r="LX31" s="390">
        <v>0</v>
      </c>
      <c r="LY31" s="331">
        <v>0</v>
      </c>
      <c r="LZ31" s="331">
        <v>0</v>
      </c>
      <c r="MA31" s="331">
        <v>0</v>
      </c>
      <c r="MB31" s="331">
        <v>0</v>
      </c>
      <c r="MC31" s="331">
        <v>0</v>
      </c>
      <c r="MD31" s="335">
        <v>0</v>
      </c>
      <c r="ME31" s="336">
        <v>0</v>
      </c>
      <c r="MF31" s="334">
        <v>0</v>
      </c>
      <c r="MG31" s="331">
        <v>0</v>
      </c>
      <c r="MH31" s="335">
        <v>0</v>
      </c>
      <c r="MI31" s="390">
        <v>0</v>
      </c>
      <c r="MJ31" s="331">
        <v>0</v>
      </c>
      <c r="MK31" s="331">
        <v>634925</v>
      </c>
      <c r="ML31" s="331">
        <v>232894</v>
      </c>
      <c r="MM31" s="331">
        <v>280008</v>
      </c>
      <c r="MN31" s="331">
        <v>666994</v>
      </c>
      <c r="MO31" s="335">
        <v>1814821</v>
      </c>
      <c r="MP31" s="340">
        <v>1814821</v>
      </c>
      <c r="MQ31" s="334">
        <v>0</v>
      </c>
      <c r="MR31" s="331">
        <v>0</v>
      </c>
      <c r="MS31" s="335">
        <v>0</v>
      </c>
      <c r="MT31" s="390">
        <v>0</v>
      </c>
      <c r="MU31" s="331">
        <v>0</v>
      </c>
      <c r="MV31" s="331">
        <v>0</v>
      </c>
      <c r="MW31" s="331">
        <v>0</v>
      </c>
      <c r="MX31" s="331">
        <v>52908</v>
      </c>
      <c r="MY31" s="331">
        <v>666994</v>
      </c>
      <c r="MZ31" s="335">
        <v>719902</v>
      </c>
      <c r="NA31" s="340">
        <v>719902</v>
      </c>
      <c r="NB31" s="334">
        <v>0</v>
      </c>
      <c r="NC31" s="331">
        <v>0</v>
      </c>
      <c r="ND31" s="335">
        <v>0</v>
      </c>
      <c r="NE31" s="390">
        <v>0</v>
      </c>
      <c r="NF31" s="331">
        <v>0</v>
      </c>
      <c r="NG31" s="331">
        <v>634925</v>
      </c>
      <c r="NH31" s="331">
        <v>232894</v>
      </c>
      <c r="NI31" s="331">
        <v>227100</v>
      </c>
      <c r="NJ31" s="331">
        <v>0</v>
      </c>
      <c r="NK31" s="335">
        <v>1094919</v>
      </c>
      <c r="NL31" s="333">
        <v>1094919</v>
      </c>
      <c r="NM31" s="334">
        <v>0</v>
      </c>
      <c r="NN31" s="331">
        <v>0</v>
      </c>
      <c r="NO31" s="335">
        <v>0</v>
      </c>
      <c r="NP31" s="390">
        <v>0</v>
      </c>
      <c r="NQ31" s="331">
        <v>0</v>
      </c>
      <c r="NR31" s="331">
        <v>0</v>
      </c>
      <c r="NS31" s="331">
        <v>0</v>
      </c>
      <c r="NT31" s="331">
        <v>0</v>
      </c>
      <c r="NU31" s="331">
        <v>0</v>
      </c>
      <c r="NV31" s="335">
        <v>0</v>
      </c>
      <c r="NW31" s="336">
        <v>0</v>
      </c>
      <c r="NX31" s="334">
        <v>0</v>
      </c>
      <c r="NY31" s="331">
        <v>0</v>
      </c>
      <c r="NZ31" s="335">
        <v>0</v>
      </c>
      <c r="OA31" s="390">
        <v>0</v>
      </c>
      <c r="OB31" s="331">
        <v>0</v>
      </c>
      <c r="OC31" s="331">
        <v>0</v>
      </c>
      <c r="OD31" s="331">
        <v>0</v>
      </c>
      <c r="OE31" s="331">
        <v>0</v>
      </c>
      <c r="OF31" s="331">
        <v>0</v>
      </c>
      <c r="OG31" s="335">
        <v>0</v>
      </c>
      <c r="OH31" s="336">
        <v>0</v>
      </c>
      <c r="OI31" s="334">
        <v>44446</v>
      </c>
      <c r="OJ31" s="331">
        <v>153559</v>
      </c>
      <c r="OK31" s="332">
        <v>198005</v>
      </c>
      <c r="OL31" s="337">
        <v>0</v>
      </c>
      <c r="OM31" s="331">
        <v>1955689</v>
      </c>
      <c r="ON31" s="331">
        <v>2348103</v>
      </c>
      <c r="OO31" s="331">
        <v>2318437</v>
      </c>
      <c r="OP31" s="331">
        <v>776319</v>
      </c>
      <c r="OQ31" s="331">
        <v>1915610</v>
      </c>
      <c r="OR31" s="335">
        <v>9314158</v>
      </c>
      <c r="OS31" s="340">
        <v>9512163</v>
      </c>
    </row>
    <row r="32" spans="2:409" s="56" customFormat="1" ht="21" customHeight="1" x14ac:dyDescent="0.2">
      <c r="B32" s="92" t="s">
        <v>27</v>
      </c>
      <c r="C32" s="312">
        <v>142277</v>
      </c>
      <c r="D32" s="313">
        <v>201625</v>
      </c>
      <c r="E32" s="314">
        <v>343902</v>
      </c>
      <c r="F32" s="315">
        <v>0</v>
      </c>
      <c r="G32" s="313">
        <v>628109</v>
      </c>
      <c r="H32" s="313">
        <v>1013153</v>
      </c>
      <c r="I32" s="313">
        <v>1832419</v>
      </c>
      <c r="J32" s="313">
        <v>689066</v>
      </c>
      <c r="K32" s="313">
        <v>714210</v>
      </c>
      <c r="L32" s="353">
        <v>4876957</v>
      </c>
      <c r="M32" s="316">
        <v>5220859</v>
      </c>
      <c r="N32" s="312">
        <v>23568</v>
      </c>
      <c r="O32" s="313">
        <v>34382</v>
      </c>
      <c r="P32" s="314">
        <v>57950</v>
      </c>
      <c r="Q32" s="312">
        <v>0</v>
      </c>
      <c r="R32" s="313">
        <v>93956</v>
      </c>
      <c r="S32" s="313">
        <v>291938</v>
      </c>
      <c r="T32" s="313">
        <v>517543</v>
      </c>
      <c r="U32" s="313">
        <v>327032</v>
      </c>
      <c r="V32" s="313">
        <v>296243</v>
      </c>
      <c r="W32" s="314">
        <v>1526712</v>
      </c>
      <c r="X32" s="316">
        <v>1584662</v>
      </c>
      <c r="Y32" s="312">
        <v>0</v>
      </c>
      <c r="Z32" s="313">
        <v>0</v>
      </c>
      <c r="AA32" s="314">
        <v>0</v>
      </c>
      <c r="AB32" s="312">
        <v>0</v>
      </c>
      <c r="AC32" s="313">
        <v>17572</v>
      </c>
      <c r="AD32" s="313">
        <v>181005</v>
      </c>
      <c r="AE32" s="313">
        <v>319113</v>
      </c>
      <c r="AF32" s="313">
        <v>102705</v>
      </c>
      <c r="AG32" s="313">
        <v>199113</v>
      </c>
      <c r="AH32" s="314">
        <v>819508</v>
      </c>
      <c r="AI32" s="316">
        <v>819508</v>
      </c>
      <c r="AJ32" s="312">
        <v>0</v>
      </c>
      <c r="AK32" s="313">
        <v>0</v>
      </c>
      <c r="AL32" s="314">
        <v>0</v>
      </c>
      <c r="AM32" s="312">
        <v>0</v>
      </c>
      <c r="AN32" s="313">
        <v>0</v>
      </c>
      <c r="AO32" s="313">
        <v>0</v>
      </c>
      <c r="AP32" s="313">
        <v>0</v>
      </c>
      <c r="AQ32" s="313">
        <v>40408</v>
      </c>
      <c r="AR32" s="313">
        <v>42005</v>
      </c>
      <c r="AS32" s="314">
        <v>82413</v>
      </c>
      <c r="AT32" s="316">
        <v>82413</v>
      </c>
      <c r="AU32" s="312">
        <v>17534</v>
      </c>
      <c r="AV32" s="313">
        <v>24806</v>
      </c>
      <c r="AW32" s="314">
        <v>42340</v>
      </c>
      <c r="AX32" s="312">
        <v>0</v>
      </c>
      <c r="AY32" s="313">
        <v>65891</v>
      </c>
      <c r="AZ32" s="313">
        <v>64894</v>
      </c>
      <c r="BA32" s="313">
        <v>113527</v>
      </c>
      <c r="BB32" s="313">
        <v>175715</v>
      </c>
      <c r="BC32" s="313">
        <v>0</v>
      </c>
      <c r="BD32" s="314">
        <v>420027</v>
      </c>
      <c r="BE32" s="316">
        <v>462367</v>
      </c>
      <c r="BF32" s="312">
        <v>0</v>
      </c>
      <c r="BG32" s="313">
        <v>0</v>
      </c>
      <c r="BH32" s="317">
        <v>0</v>
      </c>
      <c r="BI32" s="318">
        <v>0</v>
      </c>
      <c r="BJ32" s="313">
        <v>0</v>
      </c>
      <c r="BK32" s="313">
        <v>0</v>
      </c>
      <c r="BL32" s="313">
        <v>0</v>
      </c>
      <c r="BM32" s="313">
        <v>0</v>
      </c>
      <c r="BN32" s="313">
        <v>0</v>
      </c>
      <c r="BO32" s="314">
        <v>0</v>
      </c>
      <c r="BP32" s="316">
        <v>0</v>
      </c>
      <c r="BQ32" s="312">
        <v>6034</v>
      </c>
      <c r="BR32" s="313">
        <v>9576</v>
      </c>
      <c r="BS32" s="314">
        <v>15610</v>
      </c>
      <c r="BT32" s="312">
        <v>0</v>
      </c>
      <c r="BU32" s="313">
        <v>10493</v>
      </c>
      <c r="BV32" s="313">
        <v>46039</v>
      </c>
      <c r="BW32" s="313">
        <v>84903</v>
      </c>
      <c r="BX32" s="313">
        <v>8204</v>
      </c>
      <c r="BY32" s="313">
        <v>55125</v>
      </c>
      <c r="BZ32" s="314">
        <v>204764</v>
      </c>
      <c r="CA32" s="316">
        <v>220374</v>
      </c>
      <c r="CB32" s="312">
        <v>54143</v>
      </c>
      <c r="CC32" s="313">
        <v>34585</v>
      </c>
      <c r="CD32" s="314">
        <v>88728</v>
      </c>
      <c r="CE32" s="312">
        <v>0</v>
      </c>
      <c r="CF32" s="313">
        <v>170337</v>
      </c>
      <c r="CG32" s="313">
        <v>196079</v>
      </c>
      <c r="CH32" s="313">
        <v>237976</v>
      </c>
      <c r="CI32" s="313">
        <v>212132</v>
      </c>
      <c r="CJ32" s="313">
        <v>0</v>
      </c>
      <c r="CK32" s="314">
        <v>816524</v>
      </c>
      <c r="CL32" s="316">
        <v>905252</v>
      </c>
      <c r="CM32" s="312">
        <v>0</v>
      </c>
      <c r="CN32" s="313">
        <v>0</v>
      </c>
      <c r="CO32" s="314">
        <v>0</v>
      </c>
      <c r="CP32" s="318">
        <v>0</v>
      </c>
      <c r="CQ32" s="313">
        <v>67493</v>
      </c>
      <c r="CR32" s="313">
        <v>48323</v>
      </c>
      <c r="CS32" s="313">
        <v>179326</v>
      </c>
      <c r="CT32" s="313">
        <v>212132</v>
      </c>
      <c r="CU32" s="313">
        <v>0</v>
      </c>
      <c r="CV32" s="314">
        <v>507274</v>
      </c>
      <c r="CW32" s="316">
        <v>507274</v>
      </c>
      <c r="CX32" s="312">
        <v>54143</v>
      </c>
      <c r="CY32" s="313">
        <v>34585</v>
      </c>
      <c r="CZ32" s="314">
        <v>88728</v>
      </c>
      <c r="DA32" s="312">
        <v>0</v>
      </c>
      <c r="DB32" s="313">
        <v>102844</v>
      </c>
      <c r="DC32" s="313">
        <v>147756</v>
      </c>
      <c r="DD32" s="313">
        <v>58650</v>
      </c>
      <c r="DE32" s="313">
        <v>0</v>
      </c>
      <c r="DF32" s="313">
        <v>0</v>
      </c>
      <c r="DG32" s="314">
        <v>309250</v>
      </c>
      <c r="DH32" s="316">
        <v>397978</v>
      </c>
      <c r="DI32" s="312">
        <v>0</v>
      </c>
      <c r="DJ32" s="313">
        <v>0</v>
      </c>
      <c r="DK32" s="317">
        <v>0</v>
      </c>
      <c r="DL32" s="318">
        <v>0</v>
      </c>
      <c r="DM32" s="313">
        <v>58223</v>
      </c>
      <c r="DN32" s="313">
        <v>0</v>
      </c>
      <c r="DO32" s="313">
        <v>139841</v>
      </c>
      <c r="DP32" s="313">
        <v>99642</v>
      </c>
      <c r="DQ32" s="313">
        <v>0</v>
      </c>
      <c r="DR32" s="314">
        <v>297706</v>
      </c>
      <c r="DS32" s="316">
        <v>297706</v>
      </c>
      <c r="DT32" s="312">
        <v>0</v>
      </c>
      <c r="DU32" s="313">
        <v>0</v>
      </c>
      <c r="DV32" s="314">
        <v>0</v>
      </c>
      <c r="DW32" s="312">
        <v>0</v>
      </c>
      <c r="DX32" s="313">
        <v>0</v>
      </c>
      <c r="DY32" s="313">
        <v>0</v>
      </c>
      <c r="DZ32" s="313">
        <v>96931</v>
      </c>
      <c r="EA32" s="313">
        <v>99642</v>
      </c>
      <c r="EB32" s="313">
        <v>0</v>
      </c>
      <c r="EC32" s="314">
        <v>196573</v>
      </c>
      <c r="ED32" s="316">
        <v>196573</v>
      </c>
      <c r="EE32" s="312">
        <v>0</v>
      </c>
      <c r="EF32" s="317">
        <v>0</v>
      </c>
      <c r="EG32" s="314">
        <v>0</v>
      </c>
      <c r="EH32" s="312">
        <v>0</v>
      </c>
      <c r="EI32" s="313">
        <v>58223</v>
      </c>
      <c r="EJ32" s="313">
        <v>0</v>
      </c>
      <c r="EK32" s="313">
        <v>42910</v>
      </c>
      <c r="EL32" s="313">
        <v>0</v>
      </c>
      <c r="EM32" s="313">
        <v>0</v>
      </c>
      <c r="EN32" s="317">
        <v>101133</v>
      </c>
      <c r="EO32" s="316">
        <v>101133</v>
      </c>
      <c r="EP32" s="312">
        <v>0</v>
      </c>
      <c r="EQ32" s="313">
        <v>0</v>
      </c>
      <c r="ER32" s="317">
        <v>0</v>
      </c>
      <c r="ES32" s="318">
        <v>0</v>
      </c>
      <c r="ET32" s="313">
        <v>0</v>
      </c>
      <c r="EU32" s="313">
        <v>0</v>
      </c>
      <c r="EV32" s="313">
        <v>0</v>
      </c>
      <c r="EW32" s="313">
        <v>0</v>
      </c>
      <c r="EX32" s="313">
        <v>0</v>
      </c>
      <c r="EY32" s="314">
        <v>0</v>
      </c>
      <c r="EZ32" s="316">
        <v>0</v>
      </c>
      <c r="FA32" s="312">
        <v>0</v>
      </c>
      <c r="FB32" s="313">
        <v>0</v>
      </c>
      <c r="FC32" s="317">
        <v>0</v>
      </c>
      <c r="FD32" s="390">
        <v>0</v>
      </c>
      <c r="FE32" s="313">
        <v>0</v>
      </c>
      <c r="FF32" s="313">
        <v>0</v>
      </c>
      <c r="FG32" s="313">
        <v>0</v>
      </c>
      <c r="FH32" s="313">
        <v>0</v>
      </c>
      <c r="FI32" s="313">
        <v>0</v>
      </c>
      <c r="FJ32" s="314">
        <v>0</v>
      </c>
      <c r="FK32" s="316">
        <v>0</v>
      </c>
      <c r="FL32" s="312">
        <v>16800</v>
      </c>
      <c r="FM32" s="313">
        <v>48580</v>
      </c>
      <c r="FN32" s="314">
        <v>65380</v>
      </c>
      <c r="FO32" s="312">
        <v>0</v>
      </c>
      <c r="FP32" s="313">
        <v>40350</v>
      </c>
      <c r="FQ32" s="313">
        <v>50806</v>
      </c>
      <c r="FR32" s="313">
        <v>112924</v>
      </c>
      <c r="FS32" s="313">
        <v>50260</v>
      </c>
      <c r="FT32" s="313">
        <v>10710</v>
      </c>
      <c r="FU32" s="314">
        <v>265050</v>
      </c>
      <c r="FV32" s="316">
        <v>330430</v>
      </c>
      <c r="FW32" s="319">
        <v>16800</v>
      </c>
      <c r="FX32" s="313">
        <v>48580</v>
      </c>
      <c r="FY32" s="317">
        <v>65380</v>
      </c>
      <c r="FZ32" s="318">
        <v>0</v>
      </c>
      <c r="GA32" s="313">
        <v>40350</v>
      </c>
      <c r="GB32" s="313">
        <v>50806</v>
      </c>
      <c r="GC32" s="313">
        <v>112924</v>
      </c>
      <c r="GD32" s="313">
        <v>50260</v>
      </c>
      <c r="GE32" s="313">
        <v>10710</v>
      </c>
      <c r="GF32" s="314">
        <v>265050</v>
      </c>
      <c r="GG32" s="320">
        <v>330430</v>
      </c>
      <c r="GH32" s="319">
        <v>0</v>
      </c>
      <c r="GI32" s="313">
        <v>0</v>
      </c>
      <c r="GJ32" s="317">
        <v>0</v>
      </c>
      <c r="GK32" s="318">
        <v>0</v>
      </c>
      <c r="GL32" s="313">
        <v>0</v>
      </c>
      <c r="GM32" s="313">
        <v>0</v>
      </c>
      <c r="GN32" s="313">
        <v>0</v>
      </c>
      <c r="GO32" s="313">
        <v>0</v>
      </c>
      <c r="GP32" s="313">
        <v>0</v>
      </c>
      <c r="GQ32" s="314">
        <v>0</v>
      </c>
      <c r="GR32" s="316">
        <v>0</v>
      </c>
      <c r="GS32" s="312">
        <v>0</v>
      </c>
      <c r="GT32" s="313">
        <v>0</v>
      </c>
      <c r="GU32" s="314">
        <v>0</v>
      </c>
      <c r="GV32" s="312">
        <v>0</v>
      </c>
      <c r="GW32" s="313">
        <v>0</v>
      </c>
      <c r="GX32" s="313">
        <v>0</v>
      </c>
      <c r="GY32" s="313">
        <v>0</v>
      </c>
      <c r="GZ32" s="313">
        <v>0</v>
      </c>
      <c r="HA32" s="313">
        <v>0</v>
      </c>
      <c r="HB32" s="317">
        <v>0</v>
      </c>
      <c r="HC32" s="316">
        <v>0</v>
      </c>
      <c r="HD32" s="312">
        <v>47766</v>
      </c>
      <c r="HE32" s="313">
        <v>84078</v>
      </c>
      <c r="HF32" s="317">
        <v>131844</v>
      </c>
      <c r="HG32" s="318">
        <v>0</v>
      </c>
      <c r="HH32" s="313">
        <v>265243</v>
      </c>
      <c r="HI32" s="313">
        <v>474330</v>
      </c>
      <c r="HJ32" s="313">
        <v>824135</v>
      </c>
      <c r="HK32" s="313">
        <v>0</v>
      </c>
      <c r="HL32" s="313">
        <v>407257</v>
      </c>
      <c r="HM32" s="314">
        <v>1970965</v>
      </c>
      <c r="HN32" s="315">
        <v>2102809</v>
      </c>
      <c r="HO32" s="319">
        <v>0</v>
      </c>
      <c r="HP32" s="313">
        <v>0</v>
      </c>
      <c r="HQ32" s="314">
        <v>0</v>
      </c>
      <c r="HR32" s="312">
        <v>0</v>
      </c>
      <c r="HS32" s="313">
        <v>0</v>
      </c>
      <c r="HT32" s="313">
        <v>0</v>
      </c>
      <c r="HU32" s="313">
        <v>0</v>
      </c>
      <c r="HV32" s="313">
        <v>0</v>
      </c>
      <c r="HW32" s="313">
        <v>0</v>
      </c>
      <c r="HX32" s="317">
        <v>0</v>
      </c>
      <c r="HY32" s="316">
        <v>0</v>
      </c>
      <c r="HZ32" s="344">
        <v>0</v>
      </c>
      <c r="IA32" s="342">
        <v>0</v>
      </c>
      <c r="IB32" s="344">
        <v>0</v>
      </c>
      <c r="IC32" s="341">
        <v>0</v>
      </c>
      <c r="ID32" s="342">
        <v>363459</v>
      </c>
      <c r="IE32" s="343">
        <v>86777</v>
      </c>
      <c r="IF32" s="344">
        <v>15779</v>
      </c>
      <c r="IG32" s="342">
        <v>305013</v>
      </c>
      <c r="IH32" s="344">
        <v>0</v>
      </c>
      <c r="II32" s="345">
        <v>771028</v>
      </c>
      <c r="IJ32" s="344">
        <v>771028</v>
      </c>
      <c r="IK32" s="328">
        <v>0</v>
      </c>
      <c r="IL32" s="329">
        <v>0</v>
      </c>
      <c r="IM32" s="330">
        <v>0</v>
      </c>
      <c r="IN32" s="390">
        <v>0</v>
      </c>
      <c r="IO32" s="331">
        <v>0</v>
      </c>
      <c r="IP32" s="331">
        <v>0</v>
      </c>
      <c r="IQ32" s="331">
        <v>0</v>
      </c>
      <c r="IR32" s="331">
        <v>0</v>
      </c>
      <c r="IS32" s="331">
        <v>0</v>
      </c>
      <c r="IT32" s="332">
        <v>0</v>
      </c>
      <c r="IU32" s="333">
        <v>0</v>
      </c>
      <c r="IV32" s="334">
        <v>0</v>
      </c>
      <c r="IW32" s="331">
        <v>0</v>
      </c>
      <c r="IX32" s="335">
        <v>0</v>
      </c>
      <c r="IY32" s="390">
        <v>0</v>
      </c>
      <c r="IZ32" s="331">
        <v>0</v>
      </c>
      <c r="JA32" s="331">
        <v>0</v>
      </c>
      <c r="JB32" s="331">
        <v>0</v>
      </c>
      <c r="JC32" s="331">
        <v>0</v>
      </c>
      <c r="JD32" s="331">
        <v>0</v>
      </c>
      <c r="JE32" s="335">
        <v>0</v>
      </c>
      <c r="JF32" s="336">
        <v>0</v>
      </c>
      <c r="JG32" s="334">
        <v>0</v>
      </c>
      <c r="JH32" s="331">
        <v>0</v>
      </c>
      <c r="JI32" s="332">
        <v>0</v>
      </c>
      <c r="JJ32" s="337">
        <v>0</v>
      </c>
      <c r="JK32" s="331">
        <v>119890</v>
      </c>
      <c r="JL32" s="331">
        <v>47015</v>
      </c>
      <c r="JM32" s="331">
        <v>15779</v>
      </c>
      <c r="JN32" s="331">
        <v>0</v>
      </c>
      <c r="JO32" s="331">
        <v>0</v>
      </c>
      <c r="JP32" s="335">
        <v>182684</v>
      </c>
      <c r="JQ32" s="333">
        <v>182684</v>
      </c>
      <c r="JR32" s="334">
        <v>0</v>
      </c>
      <c r="JS32" s="331">
        <v>0</v>
      </c>
      <c r="JT32" s="332">
        <v>0</v>
      </c>
      <c r="JU32" s="337">
        <v>0</v>
      </c>
      <c r="JV32" s="331">
        <v>134946</v>
      </c>
      <c r="JW32" s="331">
        <v>39762</v>
      </c>
      <c r="JX32" s="331">
        <v>0</v>
      </c>
      <c r="JY32" s="331">
        <v>0</v>
      </c>
      <c r="JZ32" s="331">
        <v>0</v>
      </c>
      <c r="KA32" s="335">
        <v>174708</v>
      </c>
      <c r="KB32" s="333">
        <v>174708</v>
      </c>
      <c r="KC32" s="338">
        <v>0</v>
      </c>
      <c r="KD32" s="339">
        <v>0</v>
      </c>
      <c r="KE32" s="335">
        <v>0</v>
      </c>
      <c r="KF32" s="337">
        <v>0</v>
      </c>
      <c r="KG32" s="331">
        <v>0</v>
      </c>
      <c r="KH32" s="331">
        <v>0</v>
      </c>
      <c r="KI32" s="331">
        <v>0</v>
      </c>
      <c r="KJ32" s="331">
        <v>0</v>
      </c>
      <c r="KK32" s="331">
        <v>0</v>
      </c>
      <c r="KL32" s="335">
        <v>0</v>
      </c>
      <c r="KM32" s="340">
        <v>0</v>
      </c>
      <c r="KN32" s="328">
        <v>0</v>
      </c>
      <c r="KO32" s="329">
        <v>0</v>
      </c>
      <c r="KP32" s="330">
        <v>0</v>
      </c>
      <c r="KQ32" s="390">
        <v>0</v>
      </c>
      <c r="KR32" s="331">
        <v>0</v>
      </c>
      <c r="KS32" s="331">
        <v>0</v>
      </c>
      <c r="KT32" s="331">
        <v>0</v>
      </c>
      <c r="KU32" s="331">
        <v>220946</v>
      </c>
      <c r="KV32" s="331">
        <v>0</v>
      </c>
      <c r="KW32" s="335">
        <v>220946</v>
      </c>
      <c r="KX32" s="333">
        <v>220946</v>
      </c>
      <c r="KY32" s="334">
        <v>0</v>
      </c>
      <c r="KZ32" s="331">
        <v>0</v>
      </c>
      <c r="LA32" s="335">
        <v>0</v>
      </c>
      <c r="LB32" s="390">
        <v>0</v>
      </c>
      <c r="LC32" s="331">
        <v>0</v>
      </c>
      <c r="LD32" s="331">
        <v>0</v>
      </c>
      <c r="LE32" s="331">
        <v>0</v>
      </c>
      <c r="LF32" s="331">
        <v>0</v>
      </c>
      <c r="LG32" s="331">
        <v>0</v>
      </c>
      <c r="LH32" s="335">
        <v>0</v>
      </c>
      <c r="LI32" s="336">
        <v>0</v>
      </c>
      <c r="LJ32" s="334">
        <v>0</v>
      </c>
      <c r="LK32" s="331">
        <v>0</v>
      </c>
      <c r="LL32" s="335">
        <v>0</v>
      </c>
      <c r="LM32" s="390">
        <v>0</v>
      </c>
      <c r="LN32" s="331">
        <v>0</v>
      </c>
      <c r="LO32" s="331">
        <v>0</v>
      </c>
      <c r="LP32" s="331">
        <v>0</v>
      </c>
      <c r="LQ32" s="331">
        <v>84067</v>
      </c>
      <c r="LR32" s="331">
        <v>0</v>
      </c>
      <c r="LS32" s="335">
        <v>84067</v>
      </c>
      <c r="LT32" s="333">
        <v>84067</v>
      </c>
      <c r="LU32" s="334">
        <v>0</v>
      </c>
      <c r="LV32" s="331">
        <v>0</v>
      </c>
      <c r="LW32" s="335">
        <v>0</v>
      </c>
      <c r="LX32" s="390">
        <v>0</v>
      </c>
      <c r="LY32" s="331">
        <v>108623</v>
      </c>
      <c r="LZ32" s="331">
        <v>0</v>
      </c>
      <c r="MA32" s="331">
        <v>0</v>
      </c>
      <c r="MB32" s="331">
        <v>0</v>
      </c>
      <c r="MC32" s="331">
        <v>0</v>
      </c>
      <c r="MD32" s="335">
        <v>108623</v>
      </c>
      <c r="ME32" s="336">
        <v>108623</v>
      </c>
      <c r="MF32" s="334">
        <v>0</v>
      </c>
      <c r="MG32" s="331">
        <v>0</v>
      </c>
      <c r="MH32" s="335">
        <v>0</v>
      </c>
      <c r="MI32" s="390">
        <v>0</v>
      </c>
      <c r="MJ32" s="331">
        <v>190817</v>
      </c>
      <c r="MK32" s="331">
        <v>0</v>
      </c>
      <c r="ML32" s="331">
        <v>229925</v>
      </c>
      <c r="MM32" s="331">
        <v>510448</v>
      </c>
      <c r="MN32" s="331">
        <v>951222</v>
      </c>
      <c r="MO32" s="335">
        <v>1882412</v>
      </c>
      <c r="MP32" s="340">
        <v>1882412</v>
      </c>
      <c r="MQ32" s="334">
        <v>0</v>
      </c>
      <c r="MR32" s="331">
        <v>0</v>
      </c>
      <c r="MS32" s="335">
        <v>0</v>
      </c>
      <c r="MT32" s="390">
        <v>0</v>
      </c>
      <c r="MU32" s="331">
        <v>0</v>
      </c>
      <c r="MV32" s="331">
        <v>0</v>
      </c>
      <c r="MW32" s="331">
        <v>0</v>
      </c>
      <c r="MX32" s="331">
        <v>220731</v>
      </c>
      <c r="MY32" s="331">
        <v>233592</v>
      </c>
      <c r="MZ32" s="335">
        <v>454323</v>
      </c>
      <c r="NA32" s="340">
        <v>454323</v>
      </c>
      <c r="NB32" s="334">
        <v>0</v>
      </c>
      <c r="NC32" s="331">
        <v>0</v>
      </c>
      <c r="ND32" s="335">
        <v>0</v>
      </c>
      <c r="NE32" s="390">
        <v>0</v>
      </c>
      <c r="NF32" s="331">
        <v>190817</v>
      </c>
      <c r="NG32" s="331">
        <v>0</v>
      </c>
      <c r="NH32" s="331">
        <v>229925</v>
      </c>
      <c r="NI32" s="331">
        <v>289717</v>
      </c>
      <c r="NJ32" s="331">
        <v>306929</v>
      </c>
      <c r="NK32" s="335">
        <v>1017388</v>
      </c>
      <c r="NL32" s="333">
        <v>1017388</v>
      </c>
      <c r="NM32" s="334">
        <v>0</v>
      </c>
      <c r="NN32" s="331">
        <v>0</v>
      </c>
      <c r="NO32" s="335">
        <v>0</v>
      </c>
      <c r="NP32" s="390">
        <v>0</v>
      </c>
      <c r="NQ32" s="331">
        <v>0</v>
      </c>
      <c r="NR32" s="331">
        <v>0</v>
      </c>
      <c r="NS32" s="331">
        <v>0</v>
      </c>
      <c r="NT32" s="331">
        <v>0</v>
      </c>
      <c r="NU32" s="331">
        <v>0</v>
      </c>
      <c r="NV32" s="335">
        <v>0</v>
      </c>
      <c r="NW32" s="336">
        <v>0</v>
      </c>
      <c r="NX32" s="334">
        <v>0</v>
      </c>
      <c r="NY32" s="331">
        <v>0</v>
      </c>
      <c r="NZ32" s="335">
        <v>0</v>
      </c>
      <c r="OA32" s="390">
        <v>0</v>
      </c>
      <c r="OB32" s="331">
        <v>0</v>
      </c>
      <c r="OC32" s="331">
        <v>0</v>
      </c>
      <c r="OD32" s="331">
        <v>0</v>
      </c>
      <c r="OE32" s="331">
        <v>0</v>
      </c>
      <c r="OF32" s="331">
        <v>410701</v>
      </c>
      <c r="OG32" s="335">
        <v>410701</v>
      </c>
      <c r="OH32" s="336">
        <v>410701</v>
      </c>
      <c r="OI32" s="334">
        <v>142277</v>
      </c>
      <c r="OJ32" s="331">
        <v>201625</v>
      </c>
      <c r="OK32" s="332">
        <v>343902</v>
      </c>
      <c r="OL32" s="337">
        <v>0</v>
      </c>
      <c r="OM32" s="331">
        <v>1182385</v>
      </c>
      <c r="ON32" s="331">
        <v>1099930</v>
      </c>
      <c r="OO32" s="331">
        <v>2078123</v>
      </c>
      <c r="OP32" s="331">
        <v>1504527</v>
      </c>
      <c r="OQ32" s="331">
        <v>1665432</v>
      </c>
      <c r="OR32" s="335">
        <v>7530397</v>
      </c>
      <c r="OS32" s="340">
        <v>7874299</v>
      </c>
    </row>
    <row r="33" spans="2:409" s="56" customFormat="1" ht="21" customHeight="1" x14ac:dyDescent="0.2">
      <c r="B33" s="92" t="s">
        <v>28</v>
      </c>
      <c r="C33" s="312">
        <v>0</v>
      </c>
      <c r="D33" s="313">
        <v>29620</v>
      </c>
      <c r="E33" s="314">
        <v>29620</v>
      </c>
      <c r="F33" s="315">
        <v>0</v>
      </c>
      <c r="G33" s="313">
        <v>81960</v>
      </c>
      <c r="H33" s="313">
        <v>156686</v>
      </c>
      <c r="I33" s="313">
        <v>288221</v>
      </c>
      <c r="J33" s="313">
        <v>132328</v>
      </c>
      <c r="K33" s="313">
        <v>422555</v>
      </c>
      <c r="L33" s="353">
        <v>1081750</v>
      </c>
      <c r="M33" s="316">
        <v>1111370</v>
      </c>
      <c r="N33" s="312">
        <v>0</v>
      </c>
      <c r="O33" s="313">
        <v>21920</v>
      </c>
      <c r="P33" s="314">
        <v>21920</v>
      </c>
      <c r="Q33" s="312">
        <v>0</v>
      </c>
      <c r="R33" s="313">
        <v>30948</v>
      </c>
      <c r="S33" s="313">
        <v>112838</v>
      </c>
      <c r="T33" s="313">
        <v>17928</v>
      </c>
      <c r="U33" s="313">
        <v>110978</v>
      </c>
      <c r="V33" s="313">
        <v>16856</v>
      </c>
      <c r="W33" s="314">
        <v>289548</v>
      </c>
      <c r="X33" s="316">
        <v>311468</v>
      </c>
      <c r="Y33" s="312">
        <v>0</v>
      </c>
      <c r="Z33" s="313">
        <v>0</v>
      </c>
      <c r="AA33" s="314">
        <v>0</v>
      </c>
      <c r="AB33" s="312">
        <v>0</v>
      </c>
      <c r="AC33" s="313">
        <v>30948</v>
      </c>
      <c r="AD33" s="313">
        <v>46251</v>
      </c>
      <c r="AE33" s="313">
        <v>0</v>
      </c>
      <c r="AF33" s="313">
        <v>99540</v>
      </c>
      <c r="AG33" s="313">
        <v>0</v>
      </c>
      <c r="AH33" s="314">
        <v>176739</v>
      </c>
      <c r="AI33" s="316">
        <v>176739</v>
      </c>
      <c r="AJ33" s="312">
        <v>0</v>
      </c>
      <c r="AK33" s="313">
        <v>0</v>
      </c>
      <c r="AL33" s="314">
        <v>0</v>
      </c>
      <c r="AM33" s="312">
        <v>0</v>
      </c>
      <c r="AN33" s="313">
        <v>0</v>
      </c>
      <c r="AO33" s="313">
        <v>0</v>
      </c>
      <c r="AP33" s="313">
        <v>0</v>
      </c>
      <c r="AQ33" s="313">
        <v>0</v>
      </c>
      <c r="AR33" s="313">
        <v>0</v>
      </c>
      <c r="AS33" s="314">
        <v>0</v>
      </c>
      <c r="AT33" s="316">
        <v>0</v>
      </c>
      <c r="AU33" s="312">
        <v>0</v>
      </c>
      <c r="AV33" s="313">
        <v>11042</v>
      </c>
      <c r="AW33" s="314">
        <v>11042</v>
      </c>
      <c r="AX33" s="312">
        <v>0</v>
      </c>
      <c r="AY33" s="313">
        <v>0</v>
      </c>
      <c r="AZ33" s="313">
        <v>49766</v>
      </c>
      <c r="BA33" s="313">
        <v>17928</v>
      </c>
      <c r="BB33" s="313">
        <v>0</v>
      </c>
      <c r="BC33" s="313">
        <v>0</v>
      </c>
      <c r="BD33" s="314">
        <v>67694</v>
      </c>
      <c r="BE33" s="316">
        <v>78736</v>
      </c>
      <c r="BF33" s="312">
        <v>0</v>
      </c>
      <c r="BG33" s="313">
        <v>0</v>
      </c>
      <c r="BH33" s="317">
        <v>0</v>
      </c>
      <c r="BI33" s="318">
        <v>0</v>
      </c>
      <c r="BJ33" s="313">
        <v>0</v>
      </c>
      <c r="BK33" s="313">
        <v>0</v>
      </c>
      <c r="BL33" s="313">
        <v>0</v>
      </c>
      <c r="BM33" s="313">
        <v>0</v>
      </c>
      <c r="BN33" s="313">
        <v>0</v>
      </c>
      <c r="BO33" s="314">
        <v>0</v>
      </c>
      <c r="BP33" s="316">
        <v>0</v>
      </c>
      <c r="BQ33" s="312">
        <v>0</v>
      </c>
      <c r="BR33" s="313">
        <v>10878</v>
      </c>
      <c r="BS33" s="314">
        <v>10878</v>
      </c>
      <c r="BT33" s="312">
        <v>0</v>
      </c>
      <c r="BU33" s="313">
        <v>0</v>
      </c>
      <c r="BV33" s="313">
        <v>16821</v>
      </c>
      <c r="BW33" s="313">
        <v>0</v>
      </c>
      <c r="BX33" s="313">
        <v>11438</v>
      </c>
      <c r="BY33" s="313">
        <v>16856</v>
      </c>
      <c r="BZ33" s="314">
        <v>45115</v>
      </c>
      <c r="CA33" s="316">
        <v>55993</v>
      </c>
      <c r="CB33" s="312">
        <v>0</v>
      </c>
      <c r="CC33" s="313">
        <v>0</v>
      </c>
      <c r="CD33" s="314">
        <v>0</v>
      </c>
      <c r="CE33" s="312">
        <v>0</v>
      </c>
      <c r="CF33" s="313">
        <v>0</v>
      </c>
      <c r="CG33" s="313">
        <v>0</v>
      </c>
      <c r="CH33" s="313">
        <v>225031</v>
      </c>
      <c r="CI33" s="313">
        <v>0</v>
      </c>
      <c r="CJ33" s="313">
        <v>0</v>
      </c>
      <c r="CK33" s="314">
        <v>225031</v>
      </c>
      <c r="CL33" s="316">
        <v>225031</v>
      </c>
      <c r="CM33" s="312">
        <v>0</v>
      </c>
      <c r="CN33" s="313">
        <v>0</v>
      </c>
      <c r="CO33" s="314">
        <v>0</v>
      </c>
      <c r="CP33" s="318">
        <v>0</v>
      </c>
      <c r="CQ33" s="313">
        <v>0</v>
      </c>
      <c r="CR33" s="313">
        <v>0</v>
      </c>
      <c r="CS33" s="313">
        <v>156467</v>
      </c>
      <c r="CT33" s="313">
        <v>0</v>
      </c>
      <c r="CU33" s="313">
        <v>0</v>
      </c>
      <c r="CV33" s="314">
        <v>156467</v>
      </c>
      <c r="CW33" s="316">
        <v>156467</v>
      </c>
      <c r="CX33" s="312">
        <v>0</v>
      </c>
      <c r="CY33" s="313">
        <v>0</v>
      </c>
      <c r="CZ33" s="314">
        <v>0</v>
      </c>
      <c r="DA33" s="312">
        <v>0</v>
      </c>
      <c r="DB33" s="313">
        <v>0</v>
      </c>
      <c r="DC33" s="313">
        <v>0</v>
      </c>
      <c r="DD33" s="313">
        <v>68564</v>
      </c>
      <c r="DE33" s="313">
        <v>0</v>
      </c>
      <c r="DF33" s="313">
        <v>0</v>
      </c>
      <c r="DG33" s="314">
        <v>68564</v>
      </c>
      <c r="DH33" s="316">
        <v>68564</v>
      </c>
      <c r="DI33" s="312">
        <v>0</v>
      </c>
      <c r="DJ33" s="313">
        <v>0</v>
      </c>
      <c r="DK33" s="317">
        <v>0</v>
      </c>
      <c r="DL33" s="318">
        <v>0</v>
      </c>
      <c r="DM33" s="313">
        <v>51012</v>
      </c>
      <c r="DN33" s="313">
        <v>0</v>
      </c>
      <c r="DO33" s="313">
        <v>0</v>
      </c>
      <c r="DP33" s="313">
        <v>0</v>
      </c>
      <c r="DQ33" s="313">
        <v>0</v>
      </c>
      <c r="DR33" s="314">
        <v>51012</v>
      </c>
      <c r="DS33" s="316">
        <v>51012</v>
      </c>
      <c r="DT33" s="312">
        <v>0</v>
      </c>
      <c r="DU33" s="313">
        <v>0</v>
      </c>
      <c r="DV33" s="314">
        <v>0</v>
      </c>
      <c r="DW33" s="312">
        <v>0</v>
      </c>
      <c r="DX33" s="313">
        <v>0</v>
      </c>
      <c r="DY33" s="313">
        <v>0</v>
      </c>
      <c r="DZ33" s="313">
        <v>0</v>
      </c>
      <c r="EA33" s="313">
        <v>0</v>
      </c>
      <c r="EB33" s="313">
        <v>0</v>
      </c>
      <c r="EC33" s="314">
        <v>0</v>
      </c>
      <c r="ED33" s="316">
        <v>0</v>
      </c>
      <c r="EE33" s="312">
        <v>0</v>
      </c>
      <c r="EF33" s="317">
        <v>0</v>
      </c>
      <c r="EG33" s="314">
        <v>0</v>
      </c>
      <c r="EH33" s="312">
        <v>0</v>
      </c>
      <c r="EI33" s="313">
        <v>51012</v>
      </c>
      <c r="EJ33" s="313">
        <v>0</v>
      </c>
      <c r="EK33" s="313">
        <v>0</v>
      </c>
      <c r="EL33" s="313">
        <v>0</v>
      </c>
      <c r="EM33" s="313">
        <v>0</v>
      </c>
      <c r="EN33" s="317">
        <v>51012</v>
      </c>
      <c r="EO33" s="316">
        <v>51012</v>
      </c>
      <c r="EP33" s="312">
        <v>0</v>
      </c>
      <c r="EQ33" s="313">
        <v>0</v>
      </c>
      <c r="ER33" s="317">
        <v>0</v>
      </c>
      <c r="ES33" s="318">
        <v>0</v>
      </c>
      <c r="ET33" s="313">
        <v>0</v>
      </c>
      <c r="EU33" s="313">
        <v>0</v>
      </c>
      <c r="EV33" s="313">
        <v>0</v>
      </c>
      <c r="EW33" s="313">
        <v>0</v>
      </c>
      <c r="EX33" s="313">
        <v>0</v>
      </c>
      <c r="EY33" s="314">
        <v>0</v>
      </c>
      <c r="EZ33" s="316">
        <v>0</v>
      </c>
      <c r="FA33" s="312">
        <v>0</v>
      </c>
      <c r="FB33" s="313">
        <v>0</v>
      </c>
      <c r="FC33" s="317">
        <v>0</v>
      </c>
      <c r="FD33" s="390">
        <v>0</v>
      </c>
      <c r="FE33" s="313">
        <v>0</v>
      </c>
      <c r="FF33" s="313">
        <v>0</v>
      </c>
      <c r="FG33" s="313">
        <v>0</v>
      </c>
      <c r="FH33" s="313">
        <v>0</v>
      </c>
      <c r="FI33" s="313">
        <v>0</v>
      </c>
      <c r="FJ33" s="314">
        <v>0</v>
      </c>
      <c r="FK33" s="316">
        <v>0</v>
      </c>
      <c r="FL33" s="312">
        <v>0</v>
      </c>
      <c r="FM33" s="313">
        <v>7700</v>
      </c>
      <c r="FN33" s="314">
        <v>7700</v>
      </c>
      <c r="FO33" s="312">
        <v>0</v>
      </c>
      <c r="FP33" s="313">
        <v>0</v>
      </c>
      <c r="FQ33" s="313">
        <v>43848</v>
      </c>
      <c r="FR33" s="313">
        <v>45262</v>
      </c>
      <c r="FS33" s="313">
        <v>21350</v>
      </c>
      <c r="FT33" s="313">
        <v>0</v>
      </c>
      <c r="FU33" s="314">
        <v>110460</v>
      </c>
      <c r="FV33" s="316">
        <v>118160</v>
      </c>
      <c r="FW33" s="319">
        <v>0</v>
      </c>
      <c r="FX33" s="313">
        <v>7700</v>
      </c>
      <c r="FY33" s="317">
        <v>7700</v>
      </c>
      <c r="FZ33" s="318">
        <v>0</v>
      </c>
      <c r="GA33" s="313">
        <v>0</v>
      </c>
      <c r="GB33" s="313">
        <v>43848</v>
      </c>
      <c r="GC33" s="313">
        <v>20930</v>
      </c>
      <c r="GD33" s="313">
        <v>21350</v>
      </c>
      <c r="GE33" s="313">
        <v>0</v>
      </c>
      <c r="GF33" s="314">
        <v>86128</v>
      </c>
      <c r="GG33" s="320">
        <v>93828</v>
      </c>
      <c r="GH33" s="319">
        <v>0</v>
      </c>
      <c r="GI33" s="313">
        <v>0</v>
      </c>
      <c r="GJ33" s="317">
        <v>0</v>
      </c>
      <c r="GK33" s="318">
        <v>0</v>
      </c>
      <c r="GL33" s="313">
        <v>0</v>
      </c>
      <c r="GM33" s="313">
        <v>0</v>
      </c>
      <c r="GN33" s="313">
        <v>24332</v>
      </c>
      <c r="GO33" s="313">
        <v>0</v>
      </c>
      <c r="GP33" s="313">
        <v>0</v>
      </c>
      <c r="GQ33" s="314">
        <v>24332</v>
      </c>
      <c r="GR33" s="316">
        <v>24332</v>
      </c>
      <c r="GS33" s="312">
        <v>0</v>
      </c>
      <c r="GT33" s="313">
        <v>0</v>
      </c>
      <c r="GU33" s="314">
        <v>0</v>
      </c>
      <c r="GV33" s="312">
        <v>0</v>
      </c>
      <c r="GW33" s="313">
        <v>0</v>
      </c>
      <c r="GX33" s="313">
        <v>0</v>
      </c>
      <c r="GY33" s="313">
        <v>0</v>
      </c>
      <c r="GZ33" s="313">
        <v>0</v>
      </c>
      <c r="HA33" s="313">
        <v>0</v>
      </c>
      <c r="HB33" s="317">
        <v>0</v>
      </c>
      <c r="HC33" s="316">
        <v>0</v>
      </c>
      <c r="HD33" s="312">
        <v>0</v>
      </c>
      <c r="HE33" s="313">
        <v>0</v>
      </c>
      <c r="HF33" s="317">
        <v>0</v>
      </c>
      <c r="HG33" s="318">
        <v>0</v>
      </c>
      <c r="HH33" s="313">
        <v>0</v>
      </c>
      <c r="HI33" s="313">
        <v>0</v>
      </c>
      <c r="HJ33" s="313">
        <v>0</v>
      </c>
      <c r="HK33" s="313">
        <v>0</v>
      </c>
      <c r="HL33" s="313">
        <v>405699</v>
      </c>
      <c r="HM33" s="314">
        <v>405699</v>
      </c>
      <c r="HN33" s="315">
        <v>405699</v>
      </c>
      <c r="HO33" s="319">
        <v>0</v>
      </c>
      <c r="HP33" s="313">
        <v>0</v>
      </c>
      <c r="HQ33" s="314">
        <v>0</v>
      </c>
      <c r="HR33" s="312">
        <v>0</v>
      </c>
      <c r="HS33" s="313">
        <v>0</v>
      </c>
      <c r="HT33" s="313">
        <v>0</v>
      </c>
      <c r="HU33" s="313">
        <v>0</v>
      </c>
      <c r="HV33" s="313">
        <v>0</v>
      </c>
      <c r="HW33" s="313">
        <v>0</v>
      </c>
      <c r="HX33" s="317">
        <v>0</v>
      </c>
      <c r="HY33" s="316">
        <v>0</v>
      </c>
      <c r="HZ33" s="321">
        <v>0</v>
      </c>
      <c r="IA33" s="322">
        <v>0</v>
      </c>
      <c r="IB33" s="323">
        <v>0</v>
      </c>
      <c r="IC33" s="324">
        <v>0</v>
      </c>
      <c r="ID33" s="322">
        <v>140059</v>
      </c>
      <c r="IE33" s="325">
        <v>243181</v>
      </c>
      <c r="IF33" s="323">
        <v>0</v>
      </c>
      <c r="IG33" s="322">
        <v>0</v>
      </c>
      <c r="IH33" s="323">
        <v>0</v>
      </c>
      <c r="II33" s="326">
        <v>383240</v>
      </c>
      <c r="IJ33" s="327">
        <v>383240</v>
      </c>
      <c r="IK33" s="328">
        <v>0</v>
      </c>
      <c r="IL33" s="329">
        <v>0</v>
      </c>
      <c r="IM33" s="330">
        <v>0</v>
      </c>
      <c r="IN33" s="390">
        <v>0</v>
      </c>
      <c r="IO33" s="331">
        <v>0</v>
      </c>
      <c r="IP33" s="331">
        <v>0</v>
      </c>
      <c r="IQ33" s="331">
        <v>0</v>
      </c>
      <c r="IR33" s="331">
        <v>0</v>
      </c>
      <c r="IS33" s="331">
        <v>0</v>
      </c>
      <c r="IT33" s="332">
        <v>0</v>
      </c>
      <c r="IU33" s="333">
        <v>0</v>
      </c>
      <c r="IV33" s="334">
        <v>0</v>
      </c>
      <c r="IW33" s="331">
        <v>0</v>
      </c>
      <c r="IX33" s="335">
        <v>0</v>
      </c>
      <c r="IY33" s="390">
        <v>0</v>
      </c>
      <c r="IZ33" s="331">
        <v>0</v>
      </c>
      <c r="JA33" s="331">
        <v>0</v>
      </c>
      <c r="JB33" s="331">
        <v>0</v>
      </c>
      <c r="JC33" s="331">
        <v>0</v>
      </c>
      <c r="JD33" s="331">
        <v>0</v>
      </c>
      <c r="JE33" s="335">
        <v>0</v>
      </c>
      <c r="JF33" s="336">
        <v>0</v>
      </c>
      <c r="JG33" s="334">
        <v>0</v>
      </c>
      <c r="JH33" s="331">
        <v>0</v>
      </c>
      <c r="JI33" s="332">
        <v>0</v>
      </c>
      <c r="JJ33" s="337">
        <v>0</v>
      </c>
      <c r="JK33" s="331">
        <v>140059</v>
      </c>
      <c r="JL33" s="331">
        <v>26534</v>
      </c>
      <c r="JM33" s="331">
        <v>0</v>
      </c>
      <c r="JN33" s="331">
        <v>0</v>
      </c>
      <c r="JO33" s="331">
        <v>0</v>
      </c>
      <c r="JP33" s="335">
        <v>166593</v>
      </c>
      <c r="JQ33" s="333">
        <v>166593</v>
      </c>
      <c r="JR33" s="334">
        <v>0</v>
      </c>
      <c r="JS33" s="331">
        <v>0</v>
      </c>
      <c r="JT33" s="332">
        <v>0</v>
      </c>
      <c r="JU33" s="337">
        <v>0</v>
      </c>
      <c r="JV33" s="331">
        <v>0</v>
      </c>
      <c r="JW33" s="331">
        <v>0</v>
      </c>
      <c r="JX33" s="331">
        <v>0</v>
      </c>
      <c r="JY33" s="331">
        <v>0</v>
      </c>
      <c r="JZ33" s="331">
        <v>0</v>
      </c>
      <c r="KA33" s="335">
        <v>0</v>
      </c>
      <c r="KB33" s="333">
        <v>0</v>
      </c>
      <c r="KC33" s="338">
        <v>0</v>
      </c>
      <c r="KD33" s="339">
        <v>0</v>
      </c>
      <c r="KE33" s="335">
        <v>0</v>
      </c>
      <c r="KF33" s="337">
        <v>0</v>
      </c>
      <c r="KG33" s="331">
        <v>0</v>
      </c>
      <c r="KH33" s="331">
        <v>0</v>
      </c>
      <c r="KI33" s="331">
        <v>0</v>
      </c>
      <c r="KJ33" s="331">
        <v>0</v>
      </c>
      <c r="KK33" s="331">
        <v>0</v>
      </c>
      <c r="KL33" s="335">
        <v>0</v>
      </c>
      <c r="KM33" s="340">
        <v>0</v>
      </c>
      <c r="KN33" s="328">
        <v>0</v>
      </c>
      <c r="KO33" s="329">
        <v>0</v>
      </c>
      <c r="KP33" s="330">
        <v>0</v>
      </c>
      <c r="KQ33" s="390">
        <v>0</v>
      </c>
      <c r="KR33" s="331">
        <v>0</v>
      </c>
      <c r="KS33" s="331">
        <v>216647</v>
      </c>
      <c r="KT33" s="331">
        <v>0</v>
      </c>
      <c r="KU33" s="331">
        <v>0</v>
      </c>
      <c r="KV33" s="331">
        <v>0</v>
      </c>
      <c r="KW33" s="335">
        <v>216647</v>
      </c>
      <c r="KX33" s="333">
        <v>216647</v>
      </c>
      <c r="KY33" s="334">
        <v>0</v>
      </c>
      <c r="KZ33" s="331">
        <v>0</v>
      </c>
      <c r="LA33" s="335">
        <v>0</v>
      </c>
      <c r="LB33" s="390">
        <v>0</v>
      </c>
      <c r="LC33" s="331">
        <v>0</v>
      </c>
      <c r="LD33" s="331">
        <v>0</v>
      </c>
      <c r="LE33" s="331">
        <v>0</v>
      </c>
      <c r="LF33" s="331">
        <v>0</v>
      </c>
      <c r="LG33" s="331">
        <v>0</v>
      </c>
      <c r="LH33" s="335">
        <v>0</v>
      </c>
      <c r="LI33" s="336">
        <v>0</v>
      </c>
      <c r="LJ33" s="334">
        <v>0</v>
      </c>
      <c r="LK33" s="331">
        <v>0</v>
      </c>
      <c r="LL33" s="335">
        <v>0</v>
      </c>
      <c r="LM33" s="390">
        <v>0</v>
      </c>
      <c r="LN33" s="331">
        <v>0</v>
      </c>
      <c r="LO33" s="331">
        <v>0</v>
      </c>
      <c r="LP33" s="331">
        <v>0</v>
      </c>
      <c r="LQ33" s="331">
        <v>0</v>
      </c>
      <c r="LR33" s="331">
        <v>0</v>
      </c>
      <c r="LS33" s="335">
        <v>0</v>
      </c>
      <c r="LT33" s="333">
        <v>0</v>
      </c>
      <c r="LU33" s="334">
        <v>0</v>
      </c>
      <c r="LV33" s="331">
        <v>0</v>
      </c>
      <c r="LW33" s="335">
        <v>0</v>
      </c>
      <c r="LX33" s="390">
        <v>0</v>
      </c>
      <c r="LY33" s="331">
        <v>0</v>
      </c>
      <c r="LZ33" s="331">
        <v>0</v>
      </c>
      <c r="MA33" s="331">
        <v>0</v>
      </c>
      <c r="MB33" s="331">
        <v>0</v>
      </c>
      <c r="MC33" s="331">
        <v>0</v>
      </c>
      <c r="MD33" s="335">
        <v>0</v>
      </c>
      <c r="ME33" s="336">
        <v>0</v>
      </c>
      <c r="MF33" s="334">
        <v>0</v>
      </c>
      <c r="MG33" s="331">
        <v>0</v>
      </c>
      <c r="MH33" s="335">
        <v>0</v>
      </c>
      <c r="MI33" s="390">
        <v>0</v>
      </c>
      <c r="MJ33" s="331">
        <v>0</v>
      </c>
      <c r="MK33" s="331">
        <v>0</v>
      </c>
      <c r="ML33" s="331">
        <v>219581</v>
      </c>
      <c r="MM33" s="331">
        <v>0</v>
      </c>
      <c r="MN33" s="331">
        <v>0</v>
      </c>
      <c r="MO33" s="335">
        <v>219581</v>
      </c>
      <c r="MP33" s="340">
        <v>219581</v>
      </c>
      <c r="MQ33" s="334">
        <v>0</v>
      </c>
      <c r="MR33" s="331">
        <v>0</v>
      </c>
      <c r="MS33" s="335">
        <v>0</v>
      </c>
      <c r="MT33" s="390">
        <v>0</v>
      </c>
      <c r="MU33" s="331">
        <v>0</v>
      </c>
      <c r="MV33" s="331">
        <v>0</v>
      </c>
      <c r="MW33" s="331">
        <v>0</v>
      </c>
      <c r="MX33" s="331">
        <v>0</v>
      </c>
      <c r="MY33" s="331">
        <v>0</v>
      </c>
      <c r="MZ33" s="335">
        <v>0</v>
      </c>
      <c r="NA33" s="340">
        <v>0</v>
      </c>
      <c r="NB33" s="334">
        <v>0</v>
      </c>
      <c r="NC33" s="331">
        <v>0</v>
      </c>
      <c r="ND33" s="335">
        <v>0</v>
      </c>
      <c r="NE33" s="390">
        <v>0</v>
      </c>
      <c r="NF33" s="331">
        <v>0</v>
      </c>
      <c r="NG33" s="331">
        <v>0</v>
      </c>
      <c r="NH33" s="331">
        <v>219581</v>
      </c>
      <c r="NI33" s="331">
        <v>0</v>
      </c>
      <c r="NJ33" s="331">
        <v>0</v>
      </c>
      <c r="NK33" s="335">
        <v>219581</v>
      </c>
      <c r="NL33" s="333">
        <v>219581</v>
      </c>
      <c r="NM33" s="334">
        <v>0</v>
      </c>
      <c r="NN33" s="331">
        <v>0</v>
      </c>
      <c r="NO33" s="335">
        <v>0</v>
      </c>
      <c r="NP33" s="390">
        <v>0</v>
      </c>
      <c r="NQ33" s="331">
        <v>0</v>
      </c>
      <c r="NR33" s="331">
        <v>0</v>
      </c>
      <c r="NS33" s="331">
        <v>0</v>
      </c>
      <c r="NT33" s="331">
        <v>0</v>
      </c>
      <c r="NU33" s="331">
        <v>0</v>
      </c>
      <c r="NV33" s="335">
        <v>0</v>
      </c>
      <c r="NW33" s="336">
        <v>0</v>
      </c>
      <c r="NX33" s="334">
        <v>0</v>
      </c>
      <c r="NY33" s="331">
        <v>0</v>
      </c>
      <c r="NZ33" s="335">
        <v>0</v>
      </c>
      <c r="OA33" s="390">
        <v>0</v>
      </c>
      <c r="OB33" s="331">
        <v>0</v>
      </c>
      <c r="OC33" s="331">
        <v>0</v>
      </c>
      <c r="OD33" s="331">
        <v>0</v>
      </c>
      <c r="OE33" s="331">
        <v>0</v>
      </c>
      <c r="OF33" s="331">
        <v>0</v>
      </c>
      <c r="OG33" s="335">
        <v>0</v>
      </c>
      <c r="OH33" s="336">
        <v>0</v>
      </c>
      <c r="OI33" s="334">
        <v>0</v>
      </c>
      <c r="OJ33" s="331">
        <v>29620</v>
      </c>
      <c r="OK33" s="332">
        <v>29620</v>
      </c>
      <c r="OL33" s="337">
        <v>0</v>
      </c>
      <c r="OM33" s="331">
        <v>222019</v>
      </c>
      <c r="ON33" s="331">
        <v>399867</v>
      </c>
      <c r="OO33" s="331">
        <v>507802</v>
      </c>
      <c r="OP33" s="331">
        <v>132328</v>
      </c>
      <c r="OQ33" s="331">
        <v>422555</v>
      </c>
      <c r="OR33" s="335">
        <v>1684571</v>
      </c>
      <c r="OS33" s="340">
        <v>1714191</v>
      </c>
    </row>
    <row r="34" spans="2:409" s="56" customFormat="1" ht="21" customHeight="1" x14ac:dyDescent="0.2">
      <c r="B34" s="92" t="s">
        <v>29</v>
      </c>
      <c r="C34" s="312">
        <v>47489</v>
      </c>
      <c r="D34" s="313">
        <v>61600</v>
      </c>
      <c r="E34" s="314">
        <v>109089</v>
      </c>
      <c r="F34" s="315">
        <v>0</v>
      </c>
      <c r="G34" s="313">
        <v>359197</v>
      </c>
      <c r="H34" s="313">
        <v>353530</v>
      </c>
      <c r="I34" s="313">
        <v>371456</v>
      </c>
      <c r="J34" s="313">
        <v>536127</v>
      </c>
      <c r="K34" s="313">
        <v>195405</v>
      </c>
      <c r="L34" s="353">
        <v>1815715</v>
      </c>
      <c r="M34" s="316">
        <v>1924804</v>
      </c>
      <c r="N34" s="312">
        <v>0</v>
      </c>
      <c r="O34" s="313">
        <v>49000</v>
      </c>
      <c r="P34" s="314">
        <v>49000</v>
      </c>
      <c r="Q34" s="312">
        <v>0</v>
      </c>
      <c r="R34" s="313">
        <v>192427</v>
      </c>
      <c r="S34" s="313">
        <v>220873</v>
      </c>
      <c r="T34" s="313">
        <v>185059</v>
      </c>
      <c r="U34" s="313">
        <v>290613</v>
      </c>
      <c r="V34" s="313">
        <v>0</v>
      </c>
      <c r="W34" s="314">
        <v>888972</v>
      </c>
      <c r="X34" s="316">
        <v>937972</v>
      </c>
      <c r="Y34" s="312">
        <v>0</v>
      </c>
      <c r="Z34" s="313">
        <v>0</v>
      </c>
      <c r="AA34" s="314">
        <v>0</v>
      </c>
      <c r="AB34" s="312">
        <v>0</v>
      </c>
      <c r="AC34" s="313">
        <v>47165</v>
      </c>
      <c r="AD34" s="313">
        <v>52164</v>
      </c>
      <c r="AE34" s="313">
        <v>164794</v>
      </c>
      <c r="AF34" s="313">
        <v>190472</v>
      </c>
      <c r="AG34" s="313">
        <v>0</v>
      </c>
      <c r="AH34" s="314">
        <v>454595</v>
      </c>
      <c r="AI34" s="316">
        <v>454595</v>
      </c>
      <c r="AJ34" s="312">
        <v>0</v>
      </c>
      <c r="AK34" s="313">
        <v>0</v>
      </c>
      <c r="AL34" s="314">
        <v>0</v>
      </c>
      <c r="AM34" s="312">
        <v>0</v>
      </c>
      <c r="AN34" s="313">
        <v>0</v>
      </c>
      <c r="AO34" s="313">
        <v>0</v>
      </c>
      <c r="AP34" s="313">
        <v>0</v>
      </c>
      <c r="AQ34" s="313">
        <v>0</v>
      </c>
      <c r="AR34" s="313">
        <v>0</v>
      </c>
      <c r="AS34" s="314">
        <v>0</v>
      </c>
      <c r="AT34" s="316">
        <v>0</v>
      </c>
      <c r="AU34" s="312">
        <v>0</v>
      </c>
      <c r="AV34" s="313">
        <v>49000</v>
      </c>
      <c r="AW34" s="314">
        <v>49000</v>
      </c>
      <c r="AX34" s="312">
        <v>0</v>
      </c>
      <c r="AY34" s="313">
        <v>125396</v>
      </c>
      <c r="AZ34" s="313">
        <v>103783</v>
      </c>
      <c r="BA34" s="313">
        <v>0</v>
      </c>
      <c r="BB34" s="313">
        <v>0</v>
      </c>
      <c r="BC34" s="313">
        <v>0</v>
      </c>
      <c r="BD34" s="314">
        <v>229179</v>
      </c>
      <c r="BE34" s="316">
        <v>278179</v>
      </c>
      <c r="BF34" s="312">
        <v>0</v>
      </c>
      <c r="BG34" s="313">
        <v>0</v>
      </c>
      <c r="BH34" s="317">
        <v>0</v>
      </c>
      <c r="BI34" s="318">
        <v>0</v>
      </c>
      <c r="BJ34" s="313">
        <v>0</v>
      </c>
      <c r="BK34" s="313">
        <v>64926</v>
      </c>
      <c r="BL34" s="313">
        <v>0</v>
      </c>
      <c r="BM34" s="313">
        <v>72022</v>
      </c>
      <c r="BN34" s="313">
        <v>0</v>
      </c>
      <c r="BO34" s="314">
        <v>136948</v>
      </c>
      <c r="BP34" s="316">
        <v>136948</v>
      </c>
      <c r="BQ34" s="312">
        <v>0</v>
      </c>
      <c r="BR34" s="313">
        <v>0</v>
      </c>
      <c r="BS34" s="314">
        <v>0</v>
      </c>
      <c r="BT34" s="312">
        <v>0</v>
      </c>
      <c r="BU34" s="313">
        <v>19866</v>
      </c>
      <c r="BV34" s="313">
        <v>0</v>
      </c>
      <c r="BW34" s="313">
        <v>20265</v>
      </c>
      <c r="BX34" s="313">
        <v>28119</v>
      </c>
      <c r="BY34" s="313">
        <v>0</v>
      </c>
      <c r="BZ34" s="314">
        <v>68250</v>
      </c>
      <c r="CA34" s="316">
        <v>68250</v>
      </c>
      <c r="CB34" s="312">
        <v>0</v>
      </c>
      <c r="CC34" s="313">
        <v>0</v>
      </c>
      <c r="CD34" s="314">
        <v>0</v>
      </c>
      <c r="CE34" s="312">
        <v>0</v>
      </c>
      <c r="CF34" s="313">
        <v>152910</v>
      </c>
      <c r="CG34" s="313">
        <v>59059</v>
      </c>
      <c r="CH34" s="313">
        <v>0</v>
      </c>
      <c r="CI34" s="313">
        <v>0</v>
      </c>
      <c r="CJ34" s="313">
        <v>0</v>
      </c>
      <c r="CK34" s="314">
        <v>211969</v>
      </c>
      <c r="CL34" s="316">
        <v>211969</v>
      </c>
      <c r="CM34" s="312">
        <v>0</v>
      </c>
      <c r="CN34" s="313">
        <v>0</v>
      </c>
      <c r="CO34" s="314">
        <v>0</v>
      </c>
      <c r="CP34" s="318">
        <v>0</v>
      </c>
      <c r="CQ34" s="313">
        <v>103054</v>
      </c>
      <c r="CR34" s="313">
        <v>59059</v>
      </c>
      <c r="CS34" s="313">
        <v>0</v>
      </c>
      <c r="CT34" s="313">
        <v>0</v>
      </c>
      <c r="CU34" s="313">
        <v>0</v>
      </c>
      <c r="CV34" s="314">
        <v>162113</v>
      </c>
      <c r="CW34" s="316">
        <v>162113</v>
      </c>
      <c r="CX34" s="312">
        <v>0</v>
      </c>
      <c r="CY34" s="313">
        <v>0</v>
      </c>
      <c r="CZ34" s="314">
        <v>0</v>
      </c>
      <c r="DA34" s="312">
        <v>0</v>
      </c>
      <c r="DB34" s="313">
        <v>49856</v>
      </c>
      <c r="DC34" s="313">
        <v>0</v>
      </c>
      <c r="DD34" s="313">
        <v>0</v>
      </c>
      <c r="DE34" s="313">
        <v>0</v>
      </c>
      <c r="DF34" s="313">
        <v>0</v>
      </c>
      <c r="DG34" s="314">
        <v>49856</v>
      </c>
      <c r="DH34" s="316">
        <v>49856</v>
      </c>
      <c r="DI34" s="312">
        <v>0</v>
      </c>
      <c r="DJ34" s="313">
        <v>0</v>
      </c>
      <c r="DK34" s="317">
        <v>0</v>
      </c>
      <c r="DL34" s="318">
        <v>0</v>
      </c>
      <c r="DM34" s="313">
        <v>0</v>
      </c>
      <c r="DN34" s="313">
        <v>0</v>
      </c>
      <c r="DO34" s="313">
        <v>0</v>
      </c>
      <c r="DP34" s="313">
        <v>0</v>
      </c>
      <c r="DQ34" s="313">
        <v>0</v>
      </c>
      <c r="DR34" s="314">
        <v>0</v>
      </c>
      <c r="DS34" s="316">
        <v>0</v>
      </c>
      <c r="DT34" s="312">
        <v>0</v>
      </c>
      <c r="DU34" s="313">
        <v>0</v>
      </c>
      <c r="DV34" s="314">
        <v>0</v>
      </c>
      <c r="DW34" s="312">
        <v>0</v>
      </c>
      <c r="DX34" s="313">
        <v>0</v>
      </c>
      <c r="DY34" s="313">
        <v>0</v>
      </c>
      <c r="DZ34" s="313">
        <v>0</v>
      </c>
      <c r="EA34" s="313">
        <v>0</v>
      </c>
      <c r="EB34" s="313">
        <v>0</v>
      </c>
      <c r="EC34" s="314">
        <v>0</v>
      </c>
      <c r="ED34" s="316">
        <v>0</v>
      </c>
      <c r="EE34" s="312">
        <v>0</v>
      </c>
      <c r="EF34" s="317">
        <v>0</v>
      </c>
      <c r="EG34" s="314">
        <v>0</v>
      </c>
      <c r="EH34" s="312">
        <v>0</v>
      </c>
      <c r="EI34" s="313">
        <v>0</v>
      </c>
      <c r="EJ34" s="313">
        <v>0</v>
      </c>
      <c r="EK34" s="313">
        <v>0</v>
      </c>
      <c r="EL34" s="313">
        <v>0</v>
      </c>
      <c r="EM34" s="313">
        <v>0</v>
      </c>
      <c r="EN34" s="317">
        <v>0</v>
      </c>
      <c r="EO34" s="316">
        <v>0</v>
      </c>
      <c r="EP34" s="312">
        <v>0</v>
      </c>
      <c r="EQ34" s="313">
        <v>0</v>
      </c>
      <c r="ER34" s="317">
        <v>0</v>
      </c>
      <c r="ES34" s="318">
        <v>0</v>
      </c>
      <c r="ET34" s="313">
        <v>0</v>
      </c>
      <c r="EU34" s="313">
        <v>0</v>
      </c>
      <c r="EV34" s="313">
        <v>0</v>
      </c>
      <c r="EW34" s="313">
        <v>0</v>
      </c>
      <c r="EX34" s="313">
        <v>0</v>
      </c>
      <c r="EY34" s="314">
        <v>0</v>
      </c>
      <c r="EZ34" s="316">
        <v>0</v>
      </c>
      <c r="FA34" s="312">
        <v>0</v>
      </c>
      <c r="FB34" s="313">
        <v>0</v>
      </c>
      <c r="FC34" s="317">
        <v>0</v>
      </c>
      <c r="FD34" s="390">
        <v>0</v>
      </c>
      <c r="FE34" s="313">
        <v>0</v>
      </c>
      <c r="FF34" s="313">
        <v>0</v>
      </c>
      <c r="FG34" s="313">
        <v>0</v>
      </c>
      <c r="FH34" s="313">
        <v>0</v>
      </c>
      <c r="FI34" s="313">
        <v>0</v>
      </c>
      <c r="FJ34" s="314">
        <v>0</v>
      </c>
      <c r="FK34" s="316">
        <v>0</v>
      </c>
      <c r="FL34" s="312">
        <v>2100</v>
      </c>
      <c r="FM34" s="313">
        <v>12600</v>
      </c>
      <c r="FN34" s="314">
        <v>14700</v>
      </c>
      <c r="FO34" s="312">
        <v>0</v>
      </c>
      <c r="FP34" s="313">
        <v>13860</v>
      </c>
      <c r="FQ34" s="313">
        <v>73598</v>
      </c>
      <c r="FR34" s="313">
        <v>14700</v>
      </c>
      <c r="FS34" s="313">
        <v>59780</v>
      </c>
      <c r="FT34" s="313">
        <v>0</v>
      </c>
      <c r="FU34" s="314">
        <v>161938</v>
      </c>
      <c r="FV34" s="316">
        <v>176638</v>
      </c>
      <c r="FW34" s="319">
        <v>2100</v>
      </c>
      <c r="FX34" s="313">
        <v>12600</v>
      </c>
      <c r="FY34" s="317">
        <v>14700</v>
      </c>
      <c r="FZ34" s="318">
        <v>0</v>
      </c>
      <c r="GA34" s="313">
        <v>13860</v>
      </c>
      <c r="GB34" s="313">
        <v>73598</v>
      </c>
      <c r="GC34" s="313">
        <v>14700</v>
      </c>
      <c r="GD34" s="313">
        <v>59780</v>
      </c>
      <c r="GE34" s="313">
        <v>0</v>
      </c>
      <c r="GF34" s="314">
        <v>161938</v>
      </c>
      <c r="GG34" s="320">
        <v>176638</v>
      </c>
      <c r="GH34" s="319">
        <v>0</v>
      </c>
      <c r="GI34" s="313">
        <v>0</v>
      </c>
      <c r="GJ34" s="317">
        <v>0</v>
      </c>
      <c r="GK34" s="318">
        <v>0</v>
      </c>
      <c r="GL34" s="313">
        <v>0</v>
      </c>
      <c r="GM34" s="313">
        <v>0</v>
      </c>
      <c r="GN34" s="313">
        <v>0</v>
      </c>
      <c r="GO34" s="313">
        <v>0</v>
      </c>
      <c r="GP34" s="313">
        <v>0</v>
      </c>
      <c r="GQ34" s="314">
        <v>0</v>
      </c>
      <c r="GR34" s="316">
        <v>0</v>
      </c>
      <c r="GS34" s="312">
        <v>0</v>
      </c>
      <c r="GT34" s="313">
        <v>0</v>
      </c>
      <c r="GU34" s="314">
        <v>0</v>
      </c>
      <c r="GV34" s="312">
        <v>0</v>
      </c>
      <c r="GW34" s="313">
        <v>0</v>
      </c>
      <c r="GX34" s="313">
        <v>0</v>
      </c>
      <c r="GY34" s="313">
        <v>0</v>
      </c>
      <c r="GZ34" s="313">
        <v>0</v>
      </c>
      <c r="HA34" s="313">
        <v>0</v>
      </c>
      <c r="HB34" s="317">
        <v>0</v>
      </c>
      <c r="HC34" s="316">
        <v>0</v>
      </c>
      <c r="HD34" s="312">
        <v>45389</v>
      </c>
      <c r="HE34" s="313">
        <v>0</v>
      </c>
      <c r="HF34" s="317">
        <v>45389</v>
      </c>
      <c r="HG34" s="318">
        <v>0</v>
      </c>
      <c r="HH34" s="313">
        <v>0</v>
      </c>
      <c r="HI34" s="313">
        <v>0</v>
      </c>
      <c r="HJ34" s="313">
        <v>171697</v>
      </c>
      <c r="HK34" s="313">
        <v>185734</v>
      </c>
      <c r="HL34" s="313">
        <v>195405</v>
      </c>
      <c r="HM34" s="314">
        <v>552836</v>
      </c>
      <c r="HN34" s="315">
        <v>598225</v>
      </c>
      <c r="HO34" s="319">
        <v>0</v>
      </c>
      <c r="HP34" s="313">
        <v>0</v>
      </c>
      <c r="HQ34" s="314">
        <v>0</v>
      </c>
      <c r="HR34" s="312">
        <v>0</v>
      </c>
      <c r="HS34" s="313">
        <v>0</v>
      </c>
      <c r="HT34" s="313">
        <v>0</v>
      </c>
      <c r="HU34" s="313">
        <v>0</v>
      </c>
      <c r="HV34" s="313">
        <v>0</v>
      </c>
      <c r="HW34" s="313">
        <v>0</v>
      </c>
      <c r="HX34" s="317">
        <v>0</v>
      </c>
      <c r="HY34" s="316">
        <v>0</v>
      </c>
      <c r="HZ34" s="344">
        <v>0</v>
      </c>
      <c r="IA34" s="342">
        <v>0</v>
      </c>
      <c r="IB34" s="344">
        <v>0</v>
      </c>
      <c r="IC34" s="341">
        <v>0</v>
      </c>
      <c r="ID34" s="342">
        <v>136619</v>
      </c>
      <c r="IE34" s="343">
        <v>317863</v>
      </c>
      <c r="IF34" s="344">
        <v>0</v>
      </c>
      <c r="IG34" s="342">
        <v>234290</v>
      </c>
      <c r="IH34" s="344">
        <v>0</v>
      </c>
      <c r="II34" s="345">
        <v>688772</v>
      </c>
      <c r="IJ34" s="344">
        <v>688772</v>
      </c>
      <c r="IK34" s="328">
        <v>0</v>
      </c>
      <c r="IL34" s="329">
        <v>0</v>
      </c>
      <c r="IM34" s="330">
        <v>0</v>
      </c>
      <c r="IN34" s="390">
        <v>0</v>
      </c>
      <c r="IO34" s="331">
        <v>53949</v>
      </c>
      <c r="IP34" s="331">
        <v>0</v>
      </c>
      <c r="IQ34" s="331">
        <v>0</v>
      </c>
      <c r="IR34" s="331">
        <v>0</v>
      </c>
      <c r="IS34" s="331">
        <v>0</v>
      </c>
      <c r="IT34" s="332">
        <v>53949</v>
      </c>
      <c r="IU34" s="333">
        <v>53949</v>
      </c>
      <c r="IV34" s="334">
        <v>0</v>
      </c>
      <c r="IW34" s="331">
        <v>0</v>
      </c>
      <c r="IX34" s="335">
        <v>0</v>
      </c>
      <c r="IY34" s="390">
        <v>0</v>
      </c>
      <c r="IZ34" s="331">
        <v>0</v>
      </c>
      <c r="JA34" s="331">
        <v>0</v>
      </c>
      <c r="JB34" s="331">
        <v>0</v>
      </c>
      <c r="JC34" s="331">
        <v>0</v>
      </c>
      <c r="JD34" s="331">
        <v>0</v>
      </c>
      <c r="JE34" s="335">
        <v>0</v>
      </c>
      <c r="JF34" s="336">
        <v>0</v>
      </c>
      <c r="JG34" s="334">
        <v>0</v>
      </c>
      <c r="JH34" s="331">
        <v>0</v>
      </c>
      <c r="JI34" s="332">
        <v>0</v>
      </c>
      <c r="JJ34" s="337">
        <v>0</v>
      </c>
      <c r="JK34" s="331">
        <v>82670</v>
      </c>
      <c r="JL34" s="331">
        <v>0</v>
      </c>
      <c r="JM34" s="331">
        <v>0</v>
      </c>
      <c r="JN34" s="331">
        <v>0</v>
      </c>
      <c r="JO34" s="331">
        <v>0</v>
      </c>
      <c r="JP34" s="335">
        <v>82670</v>
      </c>
      <c r="JQ34" s="333">
        <v>82670</v>
      </c>
      <c r="JR34" s="334">
        <v>0</v>
      </c>
      <c r="JS34" s="331">
        <v>0</v>
      </c>
      <c r="JT34" s="332">
        <v>0</v>
      </c>
      <c r="JU34" s="337">
        <v>0</v>
      </c>
      <c r="JV34" s="331">
        <v>0</v>
      </c>
      <c r="JW34" s="331">
        <v>0</v>
      </c>
      <c r="JX34" s="331">
        <v>0</v>
      </c>
      <c r="JY34" s="331">
        <v>0</v>
      </c>
      <c r="JZ34" s="331">
        <v>0</v>
      </c>
      <c r="KA34" s="335">
        <v>0</v>
      </c>
      <c r="KB34" s="333">
        <v>0</v>
      </c>
      <c r="KC34" s="338">
        <v>0</v>
      </c>
      <c r="KD34" s="339">
        <v>0</v>
      </c>
      <c r="KE34" s="335">
        <v>0</v>
      </c>
      <c r="KF34" s="337">
        <v>0</v>
      </c>
      <c r="KG34" s="331">
        <v>0</v>
      </c>
      <c r="KH34" s="331">
        <v>317863</v>
      </c>
      <c r="KI34" s="331">
        <v>0</v>
      </c>
      <c r="KJ34" s="331">
        <v>0</v>
      </c>
      <c r="KK34" s="331">
        <v>0</v>
      </c>
      <c r="KL34" s="335">
        <v>317863</v>
      </c>
      <c r="KM34" s="340">
        <v>317863</v>
      </c>
      <c r="KN34" s="328">
        <v>0</v>
      </c>
      <c r="KO34" s="329">
        <v>0</v>
      </c>
      <c r="KP34" s="330">
        <v>0</v>
      </c>
      <c r="KQ34" s="390">
        <v>0</v>
      </c>
      <c r="KR34" s="331">
        <v>0</v>
      </c>
      <c r="KS34" s="331">
        <v>0</v>
      </c>
      <c r="KT34" s="331">
        <v>0</v>
      </c>
      <c r="KU34" s="331">
        <v>0</v>
      </c>
      <c r="KV34" s="331">
        <v>0</v>
      </c>
      <c r="KW34" s="335">
        <v>0</v>
      </c>
      <c r="KX34" s="333">
        <v>0</v>
      </c>
      <c r="KY34" s="334">
        <v>0</v>
      </c>
      <c r="KZ34" s="331">
        <v>0</v>
      </c>
      <c r="LA34" s="335">
        <v>0</v>
      </c>
      <c r="LB34" s="390">
        <v>0</v>
      </c>
      <c r="LC34" s="331">
        <v>0</v>
      </c>
      <c r="LD34" s="331">
        <v>0</v>
      </c>
      <c r="LE34" s="331">
        <v>0</v>
      </c>
      <c r="LF34" s="331">
        <v>0</v>
      </c>
      <c r="LG34" s="331">
        <v>0</v>
      </c>
      <c r="LH34" s="335">
        <v>0</v>
      </c>
      <c r="LI34" s="336">
        <v>0</v>
      </c>
      <c r="LJ34" s="334">
        <v>0</v>
      </c>
      <c r="LK34" s="331">
        <v>0</v>
      </c>
      <c r="LL34" s="335">
        <v>0</v>
      </c>
      <c r="LM34" s="390">
        <v>0</v>
      </c>
      <c r="LN34" s="331">
        <v>0</v>
      </c>
      <c r="LO34" s="331">
        <v>0</v>
      </c>
      <c r="LP34" s="331">
        <v>0</v>
      </c>
      <c r="LQ34" s="331">
        <v>234290</v>
      </c>
      <c r="LR34" s="331">
        <v>0</v>
      </c>
      <c r="LS34" s="335">
        <v>234290</v>
      </c>
      <c r="LT34" s="333">
        <v>234290</v>
      </c>
      <c r="LU34" s="334">
        <v>0</v>
      </c>
      <c r="LV34" s="331">
        <v>0</v>
      </c>
      <c r="LW34" s="335">
        <v>0</v>
      </c>
      <c r="LX34" s="390">
        <v>0</v>
      </c>
      <c r="LY34" s="331">
        <v>0</v>
      </c>
      <c r="LZ34" s="331">
        <v>0</v>
      </c>
      <c r="MA34" s="331">
        <v>0</v>
      </c>
      <c r="MB34" s="331">
        <v>0</v>
      </c>
      <c r="MC34" s="331">
        <v>0</v>
      </c>
      <c r="MD34" s="335">
        <v>0</v>
      </c>
      <c r="ME34" s="336">
        <v>0</v>
      </c>
      <c r="MF34" s="334">
        <v>0</v>
      </c>
      <c r="MG34" s="331">
        <v>0</v>
      </c>
      <c r="MH34" s="335">
        <v>0</v>
      </c>
      <c r="MI34" s="390">
        <v>0</v>
      </c>
      <c r="MJ34" s="331">
        <v>0</v>
      </c>
      <c r="MK34" s="331">
        <v>0</v>
      </c>
      <c r="ML34" s="331">
        <v>0</v>
      </c>
      <c r="MM34" s="331">
        <v>261464</v>
      </c>
      <c r="MN34" s="331">
        <v>262261</v>
      </c>
      <c r="MO34" s="335">
        <v>523725</v>
      </c>
      <c r="MP34" s="340">
        <v>523725</v>
      </c>
      <c r="MQ34" s="334">
        <v>0</v>
      </c>
      <c r="MR34" s="331">
        <v>0</v>
      </c>
      <c r="MS34" s="335">
        <v>0</v>
      </c>
      <c r="MT34" s="390">
        <v>0</v>
      </c>
      <c r="MU34" s="331">
        <v>0</v>
      </c>
      <c r="MV34" s="331">
        <v>0</v>
      </c>
      <c r="MW34" s="331">
        <v>0</v>
      </c>
      <c r="MX34" s="331">
        <v>0</v>
      </c>
      <c r="MY34" s="331">
        <v>0</v>
      </c>
      <c r="MZ34" s="335">
        <v>0</v>
      </c>
      <c r="NA34" s="340">
        <v>0</v>
      </c>
      <c r="NB34" s="334">
        <v>0</v>
      </c>
      <c r="NC34" s="331">
        <v>0</v>
      </c>
      <c r="ND34" s="335">
        <v>0</v>
      </c>
      <c r="NE34" s="390">
        <v>0</v>
      </c>
      <c r="NF34" s="331">
        <v>0</v>
      </c>
      <c r="NG34" s="331">
        <v>0</v>
      </c>
      <c r="NH34" s="331">
        <v>0</v>
      </c>
      <c r="NI34" s="331">
        <v>261464</v>
      </c>
      <c r="NJ34" s="331">
        <v>262261</v>
      </c>
      <c r="NK34" s="335">
        <v>523725</v>
      </c>
      <c r="NL34" s="333">
        <v>523725</v>
      </c>
      <c r="NM34" s="334">
        <v>0</v>
      </c>
      <c r="NN34" s="331">
        <v>0</v>
      </c>
      <c r="NO34" s="335">
        <v>0</v>
      </c>
      <c r="NP34" s="390">
        <v>0</v>
      </c>
      <c r="NQ34" s="331">
        <v>0</v>
      </c>
      <c r="NR34" s="331">
        <v>0</v>
      </c>
      <c r="NS34" s="331">
        <v>0</v>
      </c>
      <c r="NT34" s="331">
        <v>0</v>
      </c>
      <c r="NU34" s="331">
        <v>0</v>
      </c>
      <c r="NV34" s="335">
        <v>0</v>
      </c>
      <c r="NW34" s="336">
        <v>0</v>
      </c>
      <c r="NX34" s="334">
        <v>0</v>
      </c>
      <c r="NY34" s="331">
        <v>0</v>
      </c>
      <c r="NZ34" s="335">
        <v>0</v>
      </c>
      <c r="OA34" s="390">
        <v>0</v>
      </c>
      <c r="OB34" s="331">
        <v>0</v>
      </c>
      <c r="OC34" s="331">
        <v>0</v>
      </c>
      <c r="OD34" s="331">
        <v>0</v>
      </c>
      <c r="OE34" s="331">
        <v>0</v>
      </c>
      <c r="OF34" s="331">
        <v>0</v>
      </c>
      <c r="OG34" s="335">
        <v>0</v>
      </c>
      <c r="OH34" s="336">
        <v>0</v>
      </c>
      <c r="OI34" s="334">
        <v>47489</v>
      </c>
      <c r="OJ34" s="331">
        <v>61600</v>
      </c>
      <c r="OK34" s="332">
        <v>109089</v>
      </c>
      <c r="OL34" s="337">
        <v>0</v>
      </c>
      <c r="OM34" s="331">
        <v>495816</v>
      </c>
      <c r="ON34" s="331">
        <v>671393</v>
      </c>
      <c r="OO34" s="331">
        <v>371456</v>
      </c>
      <c r="OP34" s="331">
        <v>1031881</v>
      </c>
      <c r="OQ34" s="331">
        <v>457666</v>
      </c>
      <c r="OR34" s="335">
        <v>3028212</v>
      </c>
      <c r="OS34" s="340">
        <v>3137301</v>
      </c>
    </row>
    <row r="35" spans="2:409" s="56" customFormat="1" ht="21" customHeight="1" x14ac:dyDescent="0.2">
      <c r="B35" s="92" t="s">
        <v>30</v>
      </c>
      <c r="C35" s="312">
        <v>22316</v>
      </c>
      <c r="D35" s="313">
        <v>0</v>
      </c>
      <c r="E35" s="354">
        <v>22316</v>
      </c>
      <c r="F35" s="356">
        <v>0</v>
      </c>
      <c r="G35" s="355">
        <v>875417</v>
      </c>
      <c r="H35" s="355">
        <v>318339</v>
      </c>
      <c r="I35" s="355">
        <v>291130</v>
      </c>
      <c r="J35" s="355">
        <v>769984</v>
      </c>
      <c r="K35" s="355">
        <v>0</v>
      </c>
      <c r="L35" s="356">
        <v>2254870</v>
      </c>
      <c r="M35" s="316">
        <v>2277186</v>
      </c>
      <c r="N35" s="312">
        <v>0</v>
      </c>
      <c r="O35" s="313">
        <v>0</v>
      </c>
      <c r="P35" s="314">
        <v>0</v>
      </c>
      <c r="Q35" s="312">
        <v>0</v>
      </c>
      <c r="R35" s="313">
        <v>227761</v>
      </c>
      <c r="S35" s="313">
        <v>80608</v>
      </c>
      <c r="T35" s="313">
        <v>229145</v>
      </c>
      <c r="U35" s="313">
        <v>234213</v>
      </c>
      <c r="V35" s="313">
        <v>0</v>
      </c>
      <c r="W35" s="314">
        <v>771727</v>
      </c>
      <c r="X35" s="316">
        <v>771727</v>
      </c>
      <c r="Y35" s="312">
        <v>0</v>
      </c>
      <c r="Z35" s="313">
        <v>0</v>
      </c>
      <c r="AA35" s="314">
        <v>0</v>
      </c>
      <c r="AB35" s="312">
        <v>0</v>
      </c>
      <c r="AC35" s="313">
        <v>49257</v>
      </c>
      <c r="AD35" s="313">
        <v>43668</v>
      </c>
      <c r="AE35" s="313">
        <v>117593</v>
      </c>
      <c r="AF35" s="313">
        <v>207333</v>
      </c>
      <c r="AG35" s="313">
        <v>0</v>
      </c>
      <c r="AH35" s="314">
        <v>417851</v>
      </c>
      <c r="AI35" s="316">
        <v>417851</v>
      </c>
      <c r="AJ35" s="312">
        <v>0</v>
      </c>
      <c r="AK35" s="313">
        <v>0</v>
      </c>
      <c r="AL35" s="314">
        <v>0</v>
      </c>
      <c r="AM35" s="312">
        <v>0</v>
      </c>
      <c r="AN35" s="313">
        <v>0</v>
      </c>
      <c r="AO35" s="313">
        <v>0</v>
      </c>
      <c r="AP35" s="313">
        <v>82390</v>
      </c>
      <c r="AQ35" s="313">
        <v>0</v>
      </c>
      <c r="AR35" s="313">
        <v>0</v>
      </c>
      <c r="AS35" s="314">
        <v>82390</v>
      </c>
      <c r="AT35" s="316">
        <v>82390</v>
      </c>
      <c r="AU35" s="312">
        <v>0</v>
      </c>
      <c r="AV35" s="313">
        <v>0</v>
      </c>
      <c r="AW35" s="314">
        <v>0</v>
      </c>
      <c r="AX35" s="312">
        <v>0</v>
      </c>
      <c r="AY35" s="313">
        <v>138541</v>
      </c>
      <c r="AZ35" s="313">
        <v>33300</v>
      </c>
      <c r="BA35" s="313">
        <v>29162</v>
      </c>
      <c r="BB35" s="313">
        <v>0</v>
      </c>
      <c r="BC35" s="313">
        <v>0</v>
      </c>
      <c r="BD35" s="314">
        <v>201003</v>
      </c>
      <c r="BE35" s="316">
        <v>201003</v>
      </c>
      <c r="BF35" s="312">
        <v>0</v>
      </c>
      <c r="BG35" s="313">
        <v>0</v>
      </c>
      <c r="BH35" s="317">
        <v>0</v>
      </c>
      <c r="BI35" s="318">
        <v>0</v>
      </c>
      <c r="BJ35" s="313">
        <v>0</v>
      </c>
      <c r="BK35" s="313">
        <v>0</v>
      </c>
      <c r="BL35" s="313">
        <v>0</v>
      </c>
      <c r="BM35" s="313">
        <v>0</v>
      </c>
      <c r="BN35" s="313">
        <v>0</v>
      </c>
      <c r="BO35" s="314">
        <v>0</v>
      </c>
      <c r="BP35" s="316">
        <v>0</v>
      </c>
      <c r="BQ35" s="312">
        <v>0</v>
      </c>
      <c r="BR35" s="313">
        <v>0</v>
      </c>
      <c r="BS35" s="314">
        <v>0</v>
      </c>
      <c r="BT35" s="312">
        <v>0</v>
      </c>
      <c r="BU35" s="313">
        <v>39963</v>
      </c>
      <c r="BV35" s="313">
        <v>3640</v>
      </c>
      <c r="BW35" s="313">
        <v>0</v>
      </c>
      <c r="BX35" s="313">
        <v>26880</v>
      </c>
      <c r="BY35" s="313">
        <v>0</v>
      </c>
      <c r="BZ35" s="314">
        <v>70483</v>
      </c>
      <c r="CA35" s="316">
        <v>70483</v>
      </c>
      <c r="CB35" s="312">
        <v>0</v>
      </c>
      <c r="CC35" s="313">
        <v>0</v>
      </c>
      <c r="CD35" s="314">
        <v>0</v>
      </c>
      <c r="CE35" s="312">
        <v>0</v>
      </c>
      <c r="CF35" s="313">
        <v>82475</v>
      </c>
      <c r="CG35" s="313">
        <v>29747</v>
      </c>
      <c r="CH35" s="313">
        <v>28686</v>
      </c>
      <c r="CI35" s="313">
        <v>47232</v>
      </c>
      <c r="CJ35" s="313">
        <v>0</v>
      </c>
      <c r="CK35" s="314">
        <v>188140</v>
      </c>
      <c r="CL35" s="316">
        <v>188140</v>
      </c>
      <c r="CM35" s="312">
        <v>0</v>
      </c>
      <c r="CN35" s="313">
        <v>0</v>
      </c>
      <c r="CO35" s="314">
        <v>0</v>
      </c>
      <c r="CP35" s="318">
        <v>0</v>
      </c>
      <c r="CQ35" s="313">
        <v>33413</v>
      </c>
      <c r="CR35" s="313">
        <v>22589</v>
      </c>
      <c r="CS35" s="313">
        <v>28686</v>
      </c>
      <c r="CT35" s="313">
        <v>0</v>
      </c>
      <c r="CU35" s="313">
        <v>0</v>
      </c>
      <c r="CV35" s="314">
        <v>84688</v>
      </c>
      <c r="CW35" s="316">
        <v>84688</v>
      </c>
      <c r="CX35" s="312">
        <v>0</v>
      </c>
      <c r="CY35" s="313">
        <v>0</v>
      </c>
      <c r="CZ35" s="314">
        <v>0</v>
      </c>
      <c r="DA35" s="312">
        <v>0</v>
      </c>
      <c r="DB35" s="313">
        <v>49062</v>
      </c>
      <c r="DC35" s="313">
        <v>7158</v>
      </c>
      <c r="DD35" s="313">
        <v>0</v>
      </c>
      <c r="DE35" s="313">
        <v>47232</v>
      </c>
      <c r="DF35" s="313">
        <v>0</v>
      </c>
      <c r="DG35" s="314">
        <v>103452</v>
      </c>
      <c r="DH35" s="316">
        <v>103452</v>
      </c>
      <c r="DI35" s="312">
        <v>0</v>
      </c>
      <c r="DJ35" s="313">
        <v>0</v>
      </c>
      <c r="DK35" s="317">
        <v>0</v>
      </c>
      <c r="DL35" s="318">
        <v>0</v>
      </c>
      <c r="DM35" s="313">
        <v>13540</v>
      </c>
      <c r="DN35" s="313">
        <v>26922</v>
      </c>
      <c r="DO35" s="313">
        <v>0</v>
      </c>
      <c r="DP35" s="313">
        <v>443879</v>
      </c>
      <c r="DQ35" s="313">
        <v>0</v>
      </c>
      <c r="DR35" s="314">
        <v>484341</v>
      </c>
      <c r="DS35" s="316">
        <v>484341</v>
      </c>
      <c r="DT35" s="312">
        <v>0</v>
      </c>
      <c r="DU35" s="313">
        <v>0</v>
      </c>
      <c r="DV35" s="314">
        <v>0</v>
      </c>
      <c r="DW35" s="312">
        <v>0</v>
      </c>
      <c r="DX35" s="313">
        <v>13540</v>
      </c>
      <c r="DY35" s="313">
        <v>26922</v>
      </c>
      <c r="DZ35" s="313">
        <v>0</v>
      </c>
      <c r="EA35" s="313">
        <v>195594</v>
      </c>
      <c r="EB35" s="313">
        <v>0</v>
      </c>
      <c r="EC35" s="314">
        <v>236056</v>
      </c>
      <c r="ED35" s="316">
        <v>236056</v>
      </c>
      <c r="EE35" s="312">
        <v>0</v>
      </c>
      <c r="EF35" s="317">
        <v>0</v>
      </c>
      <c r="EG35" s="314">
        <v>0</v>
      </c>
      <c r="EH35" s="312">
        <v>0</v>
      </c>
      <c r="EI35" s="313">
        <v>0</v>
      </c>
      <c r="EJ35" s="313">
        <v>0</v>
      </c>
      <c r="EK35" s="313">
        <v>0</v>
      </c>
      <c r="EL35" s="313">
        <v>248285</v>
      </c>
      <c r="EM35" s="313">
        <v>0</v>
      </c>
      <c r="EN35" s="317">
        <v>248285</v>
      </c>
      <c r="EO35" s="316">
        <v>248285</v>
      </c>
      <c r="EP35" s="312">
        <v>0</v>
      </c>
      <c r="EQ35" s="313">
        <v>0</v>
      </c>
      <c r="ER35" s="317">
        <v>0</v>
      </c>
      <c r="ES35" s="318">
        <v>0</v>
      </c>
      <c r="ET35" s="313">
        <v>0</v>
      </c>
      <c r="EU35" s="313">
        <v>0</v>
      </c>
      <c r="EV35" s="313">
        <v>0</v>
      </c>
      <c r="EW35" s="313">
        <v>0</v>
      </c>
      <c r="EX35" s="313">
        <v>0</v>
      </c>
      <c r="EY35" s="314">
        <v>0</v>
      </c>
      <c r="EZ35" s="316">
        <v>0</v>
      </c>
      <c r="FA35" s="312">
        <v>0</v>
      </c>
      <c r="FB35" s="313">
        <v>0</v>
      </c>
      <c r="FC35" s="317">
        <v>0</v>
      </c>
      <c r="FD35" s="390">
        <v>0</v>
      </c>
      <c r="FE35" s="313">
        <v>0</v>
      </c>
      <c r="FF35" s="313">
        <v>0</v>
      </c>
      <c r="FG35" s="313">
        <v>0</v>
      </c>
      <c r="FH35" s="313">
        <v>0</v>
      </c>
      <c r="FI35" s="313">
        <v>0</v>
      </c>
      <c r="FJ35" s="314">
        <v>0</v>
      </c>
      <c r="FK35" s="316">
        <v>0</v>
      </c>
      <c r="FL35" s="312">
        <v>22316</v>
      </c>
      <c r="FM35" s="313">
        <v>0</v>
      </c>
      <c r="FN35" s="314">
        <v>22316</v>
      </c>
      <c r="FO35" s="312">
        <v>0</v>
      </c>
      <c r="FP35" s="313">
        <v>5460</v>
      </c>
      <c r="FQ35" s="313">
        <v>17850</v>
      </c>
      <c r="FR35" s="313">
        <v>33299</v>
      </c>
      <c r="FS35" s="313">
        <v>44660</v>
      </c>
      <c r="FT35" s="313">
        <v>0</v>
      </c>
      <c r="FU35" s="314">
        <v>101269</v>
      </c>
      <c r="FV35" s="316">
        <v>123585</v>
      </c>
      <c r="FW35" s="319">
        <v>22316</v>
      </c>
      <c r="FX35" s="313">
        <v>0</v>
      </c>
      <c r="FY35" s="317">
        <v>22316</v>
      </c>
      <c r="FZ35" s="318">
        <v>0</v>
      </c>
      <c r="GA35" s="313">
        <v>5460</v>
      </c>
      <c r="GB35" s="313">
        <v>17850</v>
      </c>
      <c r="GC35" s="313">
        <v>33299</v>
      </c>
      <c r="GD35" s="313">
        <v>44660</v>
      </c>
      <c r="GE35" s="313">
        <v>0</v>
      </c>
      <c r="GF35" s="314">
        <v>101269</v>
      </c>
      <c r="GG35" s="320">
        <v>123585</v>
      </c>
      <c r="GH35" s="319">
        <v>0</v>
      </c>
      <c r="GI35" s="313">
        <v>0</v>
      </c>
      <c r="GJ35" s="317">
        <v>0</v>
      </c>
      <c r="GK35" s="318">
        <v>0</v>
      </c>
      <c r="GL35" s="313">
        <v>0</v>
      </c>
      <c r="GM35" s="313">
        <v>0</v>
      </c>
      <c r="GN35" s="313">
        <v>0</v>
      </c>
      <c r="GO35" s="313">
        <v>0</v>
      </c>
      <c r="GP35" s="313">
        <v>0</v>
      </c>
      <c r="GQ35" s="314">
        <v>0</v>
      </c>
      <c r="GR35" s="316">
        <v>0</v>
      </c>
      <c r="GS35" s="312">
        <v>0</v>
      </c>
      <c r="GT35" s="313">
        <v>0</v>
      </c>
      <c r="GU35" s="314">
        <v>0</v>
      </c>
      <c r="GV35" s="312">
        <v>0</v>
      </c>
      <c r="GW35" s="313">
        <v>0</v>
      </c>
      <c r="GX35" s="313">
        <v>0</v>
      </c>
      <c r="GY35" s="313">
        <v>0</v>
      </c>
      <c r="GZ35" s="313">
        <v>0</v>
      </c>
      <c r="HA35" s="313">
        <v>0</v>
      </c>
      <c r="HB35" s="317">
        <v>0</v>
      </c>
      <c r="HC35" s="316">
        <v>0</v>
      </c>
      <c r="HD35" s="312">
        <v>0</v>
      </c>
      <c r="HE35" s="313">
        <v>0</v>
      </c>
      <c r="HF35" s="317">
        <v>0</v>
      </c>
      <c r="HG35" s="318">
        <v>0</v>
      </c>
      <c r="HH35" s="313">
        <v>546181</v>
      </c>
      <c r="HI35" s="313">
        <v>163212</v>
      </c>
      <c r="HJ35" s="313">
        <v>0</v>
      </c>
      <c r="HK35" s="313">
        <v>0</v>
      </c>
      <c r="HL35" s="313">
        <v>0</v>
      </c>
      <c r="HM35" s="314">
        <v>709393</v>
      </c>
      <c r="HN35" s="315">
        <v>709393</v>
      </c>
      <c r="HO35" s="319">
        <v>0</v>
      </c>
      <c r="HP35" s="313">
        <v>0</v>
      </c>
      <c r="HQ35" s="314">
        <v>0</v>
      </c>
      <c r="HR35" s="312">
        <v>0</v>
      </c>
      <c r="HS35" s="313">
        <v>0</v>
      </c>
      <c r="HT35" s="313">
        <v>0</v>
      </c>
      <c r="HU35" s="313">
        <v>0</v>
      </c>
      <c r="HV35" s="313">
        <v>0</v>
      </c>
      <c r="HW35" s="313">
        <v>0</v>
      </c>
      <c r="HX35" s="317">
        <v>0</v>
      </c>
      <c r="HY35" s="316">
        <v>0</v>
      </c>
      <c r="HZ35" s="321">
        <v>0</v>
      </c>
      <c r="IA35" s="322">
        <v>0</v>
      </c>
      <c r="IB35" s="323">
        <v>0</v>
      </c>
      <c r="IC35" s="324">
        <v>0</v>
      </c>
      <c r="ID35" s="322">
        <v>61236</v>
      </c>
      <c r="IE35" s="325">
        <v>49698</v>
      </c>
      <c r="IF35" s="323">
        <v>0</v>
      </c>
      <c r="IG35" s="322">
        <v>222271</v>
      </c>
      <c r="IH35" s="323">
        <v>0</v>
      </c>
      <c r="II35" s="326">
        <v>333205</v>
      </c>
      <c r="IJ35" s="327">
        <v>333205</v>
      </c>
      <c r="IK35" s="328">
        <v>0</v>
      </c>
      <c r="IL35" s="329">
        <v>0</v>
      </c>
      <c r="IM35" s="330">
        <v>0</v>
      </c>
      <c r="IN35" s="390">
        <v>0</v>
      </c>
      <c r="IO35" s="331">
        <v>0</v>
      </c>
      <c r="IP35" s="331">
        <v>0</v>
      </c>
      <c r="IQ35" s="331">
        <v>0</v>
      </c>
      <c r="IR35" s="331">
        <v>0</v>
      </c>
      <c r="IS35" s="331">
        <v>0</v>
      </c>
      <c r="IT35" s="332">
        <v>0</v>
      </c>
      <c r="IU35" s="333">
        <v>0</v>
      </c>
      <c r="IV35" s="334">
        <v>0</v>
      </c>
      <c r="IW35" s="331">
        <v>0</v>
      </c>
      <c r="IX35" s="335">
        <v>0</v>
      </c>
      <c r="IY35" s="390">
        <v>0</v>
      </c>
      <c r="IZ35" s="331">
        <v>0</v>
      </c>
      <c r="JA35" s="331">
        <v>0</v>
      </c>
      <c r="JB35" s="331">
        <v>0</v>
      </c>
      <c r="JC35" s="331">
        <v>0</v>
      </c>
      <c r="JD35" s="331">
        <v>0</v>
      </c>
      <c r="JE35" s="335">
        <v>0</v>
      </c>
      <c r="JF35" s="336">
        <v>0</v>
      </c>
      <c r="JG35" s="334">
        <v>0</v>
      </c>
      <c r="JH35" s="331">
        <v>0</v>
      </c>
      <c r="JI35" s="332">
        <v>0</v>
      </c>
      <c r="JJ35" s="337">
        <v>0</v>
      </c>
      <c r="JK35" s="331">
        <v>61236</v>
      </c>
      <c r="JL35" s="331">
        <v>0</v>
      </c>
      <c r="JM35" s="331">
        <v>0</v>
      </c>
      <c r="JN35" s="331">
        <v>0</v>
      </c>
      <c r="JO35" s="331">
        <v>0</v>
      </c>
      <c r="JP35" s="335">
        <v>61236</v>
      </c>
      <c r="JQ35" s="333">
        <v>61236</v>
      </c>
      <c r="JR35" s="334">
        <v>0</v>
      </c>
      <c r="JS35" s="331">
        <v>0</v>
      </c>
      <c r="JT35" s="332">
        <v>0</v>
      </c>
      <c r="JU35" s="337">
        <v>0</v>
      </c>
      <c r="JV35" s="331">
        <v>0</v>
      </c>
      <c r="JW35" s="331">
        <v>49698</v>
      </c>
      <c r="JX35" s="331">
        <v>0</v>
      </c>
      <c r="JY35" s="331">
        <v>0</v>
      </c>
      <c r="JZ35" s="331">
        <v>0</v>
      </c>
      <c r="KA35" s="335">
        <v>49698</v>
      </c>
      <c r="KB35" s="333">
        <v>49698</v>
      </c>
      <c r="KC35" s="338">
        <v>0</v>
      </c>
      <c r="KD35" s="339">
        <v>0</v>
      </c>
      <c r="KE35" s="335">
        <v>0</v>
      </c>
      <c r="KF35" s="337">
        <v>0</v>
      </c>
      <c r="KG35" s="331">
        <v>0</v>
      </c>
      <c r="KH35" s="331">
        <v>0</v>
      </c>
      <c r="KI35" s="331">
        <v>0</v>
      </c>
      <c r="KJ35" s="331">
        <v>0</v>
      </c>
      <c r="KK35" s="331">
        <v>0</v>
      </c>
      <c r="KL35" s="335">
        <v>0</v>
      </c>
      <c r="KM35" s="340">
        <v>0</v>
      </c>
      <c r="KN35" s="328">
        <v>0</v>
      </c>
      <c r="KO35" s="329">
        <v>0</v>
      </c>
      <c r="KP35" s="330">
        <v>0</v>
      </c>
      <c r="KQ35" s="390">
        <v>0</v>
      </c>
      <c r="KR35" s="331">
        <v>0</v>
      </c>
      <c r="KS35" s="331">
        <v>0</v>
      </c>
      <c r="KT35" s="331">
        <v>0</v>
      </c>
      <c r="KU35" s="331">
        <v>222271</v>
      </c>
      <c r="KV35" s="331">
        <v>0</v>
      </c>
      <c r="KW35" s="335">
        <v>222271</v>
      </c>
      <c r="KX35" s="333">
        <v>222271</v>
      </c>
      <c r="KY35" s="334">
        <v>0</v>
      </c>
      <c r="KZ35" s="331">
        <v>0</v>
      </c>
      <c r="LA35" s="335">
        <v>0</v>
      </c>
      <c r="LB35" s="390">
        <v>0</v>
      </c>
      <c r="LC35" s="331">
        <v>0</v>
      </c>
      <c r="LD35" s="331">
        <v>0</v>
      </c>
      <c r="LE35" s="331">
        <v>0</v>
      </c>
      <c r="LF35" s="331">
        <v>0</v>
      </c>
      <c r="LG35" s="331">
        <v>0</v>
      </c>
      <c r="LH35" s="335">
        <v>0</v>
      </c>
      <c r="LI35" s="336">
        <v>0</v>
      </c>
      <c r="LJ35" s="334">
        <v>0</v>
      </c>
      <c r="LK35" s="331">
        <v>0</v>
      </c>
      <c r="LL35" s="335">
        <v>0</v>
      </c>
      <c r="LM35" s="390">
        <v>0</v>
      </c>
      <c r="LN35" s="331">
        <v>0</v>
      </c>
      <c r="LO35" s="331">
        <v>0</v>
      </c>
      <c r="LP35" s="331">
        <v>0</v>
      </c>
      <c r="LQ35" s="331">
        <v>0</v>
      </c>
      <c r="LR35" s="331">
        <v>0</v>
      </c>
      <c r="LS35" s="335">
        <v>0</v>
      </c>
      <c r="LT35" s="333">
        <v>0</v>
      </c>
      <c r="LU35" s="334">
        <v>0</v>
      </c>
      <c r="LV35" s="331">
        <v>0</v>
      </c>
      <c r="LW35" s="335">
        <v>0</v>
      </c>
      <c r="LX35" s="390">
        <v>0</v>
      </c>
      <c r="LY35" s="331">
        <v>0</v>
      </c>
      <c r="LZ35" s="331">
        <v>0</v>
      </c>
      <c r="MA35" s="331">
        <v>0</v>
      </c>
      <c r="MB35" s="331">
        <v>0</v>
      </c>
      <c r="MC35" s="331">
        <v>0</v>
      </c>
      <c r="MD35" s="335">
        <v>0</v>
      </c>
      <c r="ME35" s="336">
        <v>0</v>
      </c>
      <c r="MF35" s="334">
        <v>0</v>
      </c>
      <c r="MG35" s="331">
        <v>0</v>
      </c>
      <c r="MH35" s="335">
        <v>0</v>
      </c>
      <c r="MI35" s="390">
        <v>0</v>
      </c>
      <c r="MJ35" s="331">
        <v>189875</v>
      </c>
      <c r="MK35" s="331">
        <v>0</v>
      </c>
      <c r="ML35" s="331">
        <v>217830</v>
      </c>
      <c r="MM35" s="331">
        <v>584045</v>
      </c>
      <c r="MN35" s="331">
        <v>0</v>
      </c>
      <c r="MO35" s="335">
        <v>991750</v>
      </c>
      <c r="MP35" s="340">
        <v>991750</v>
      </c>
      <c r="MQ35" s="334">
        <v>0</v>
      </c>
      <c r="MR35" s="331">
        <v>0</v>
      </c>
      <c r="MS35" s="335">
        <v>0</v>
      </c>
      <c r="MT35" s="390">
        <v>0</v>
      </c>
      <c r="MU35" s="331">
        <v>0</v>
      </c>
      <c r="MV35" s="331">
        <v>0</v>
      </c>
      <c r="MW35" s="331">
        <v>217830</v>
      </c>
      <c r="MX35" s="331">
        <v>231497</v>
      </c>
      <c r="MY35" s="331">
        <v>0</v>
      </c>
      <c r="MZ35" s="335">
        <v>449327</v>
      </c>
      <c r="NA35" s="340">
        <v>449327</v>
      </c>
      <c r="NB35" s="334">
        <v>0</v>
      </c>
      <c r="NC35" s="331">
        <v>0</v>
      </c>
      <c r="ND35" s="335">
        <v>0</v>
      </c>
      <c r="NE35" s="390">
        <v>0</v>
      </c>
      <c r="NF35" s="331">
        <v>189875</v>
      </c>
      <c r="NG35" s="331">
        <v>0</v>
      </c>
      <c r="NH35" s="331">
        <v>0</v>
      </c>
      <c r="NI35" s="331">
        <v>352548</v>
      </c>
      <c r="NJ35" s="331">
        <v>0</v>
      </c>
      <c r="NK35" s="335">
        <v>542423</v>
      </c>
      <c r="NL35" s="333">
        <v>542423</v>
      </c>
      <c r="NM35" s="334">
        <v>0</v>
      </c>
      <c r="NN35" s="331">
        <v>0</v>
      </c>
      <c r="NO35" s="335">
        <v>0</v>
      </c>
      <c r="NP35" s="390">
        <v>0</v>
      </c>
      <c r="NQ35" s="331">
        <v>0</v>
      </c>
      <c r="NR35" s="331">
        <v>0</v>
      </c>
      <c r="NS35" s="331">
        <v>0</v>
      </c>
      <c r="NT35" s="331">
        <v>0</v>
      </c>
      <c r="NU35" s="331">
        <v>0</v>
      </c>
      <c r="NV35" s="335">
        <v>0</v>
      </c>
      <c r="NW35" s="336">
        <v>0</v>
      </c>
      <c r="NX35" s="334">
        <v>0</v>
      </c>
      <c r="NY35" s="331">
        <v>0</v>
      </c>
      <c r="NZ35" s="335">
        <v>0</v>
      </c>
      <c r="OA35" s="390">
        <v>0</v>
      </c>
      <c r="OB35" s="331">
        <v>0</v>
      </c>
      <c r="OC35" s="331">
        <v>0</v>
      </c>
      <c r="OD35" s="331">
        <v>0</v>
      </c>
      <c r="OE35" s="331">
        <v>0</v>
      </c>
      <c r="OF35" s="331">
        <v>0</v>
      </c>
      <c r="OG35" s="335">
        <v>0</v>
      </c>
      <c r="OH35" s="336">
        <v>0</v>
      </c>
      <c r="OI35" s="334">
        <v>22316</v>
      </c>
      <c r="OJ35" s="331">
        <v>0</v>
      </c>
      <c r="OK35" s="332">
        <v>22316</v>
      </c>
      <c r="OL35" s="337">
        <v>0</v>
      </c>
      <c r="OM35" s="331">
        <v>1126528</v>
      </c>
      <c r="ON35" s="331">
        <v>368037</v>
      </c>
      <c r="OO35" s="331">
        <v>508960</v>
      </c>
      <c r="OP35" s="331">
        <v>1576300</v>
      </c>
      <c r="OQ35" s="331">
        <v>0</v>
      </c>
      <c r="OR35" s="335">
        <v>3579825</v>
      </c>
      <c r="OS35" s="340">
        <v>3602141</v>
      </c>
    </row>
    <row r="36" spans="2:409" s="56" customFormat="1" ht="21" customHeight="1" x14ac:dyDescent="0.2">
      <c r="B36" s="92" t="s">
        <v>31</v>
      </c>
      <c r="C36" s="312">
        <v>4480</v>
      </c>
      <c r="D36" s="313">
        <v>30800</v>
      </c>
      <c r="E36" s="314">
        <v>35280</v>
      </c>
      <c r="F36" s="315">
        <v>0</v>
      </c>
      <c r="G36" s="313">
        <v>177109</v>
      </c>
      <c r="H36" s="313">
        <v>442345</v>
      </c>
      <c r="I36" s="313">
        <v>662212</v>
      </c>
      <c r="J36" s="313">
        <v>494028</v>
      </c>
      <c r="K36" s="313">
        <v>226856</v>
      </c>
      <c r="L36" s="353">
        <v>2002550</v>
      </c>
      <c r="M36" s="316">
        <v>2037830</v>
      </c>
      <c r="N36" s="312">
        <v>0</v>
      </c>
      <c r="O36" s="313">
        <v>16240</v>
      </c>
      <c r="P36" s="314">
        <v>16240</v>
      </c>
      <c r="Q36" s="312">
        <v>0</v>
      </c>
      <c r="R36" s="313">
        <v>65779</v>
      </c>
      <c r="S36" s="313">
        <v>49673</v>
      </c>
      <c r="T36" s="313">
        <v>141603</v>
      </c>
      <c r="U36" s="313">
        <v>217100</v>
      </c>
      <c r="V36" s="313">
        <v>195706</v>
      </c>
      <c r="W36" s="314">
        <v>669861</v>
      </c>
      <c r="X36" s="316">
        <v>686101</v>
      </c>
      <c r="Y36" s="312">
        <v>0</v>
      </c>
      <c r="Z36" s="313">
        <v>0</v>
      </c>
      <c r="AA36" s="314">
        <v>0</v>
      </c>
      <c r="AB36" s="312">
        <v>0</v>
      </c>
      <c r="AC36" s="313">
        <v>33281</v>
      </c>
      <c r="AD36" s="313">
        <v>0</v>
      </c>
      <c r="AE36" s="313">
        <v>0</v>
      </c>
      <c r="AF36" s="313">
        <v>205900</v>
      </c>
      <c r="AG36" s="313">
        <v>0</v>
      </c>
      <c r="AH36" s="314">
        <v>239181</v>
      </c>
      <c r="AI36" s="316">
        <v>239181</v>
      </c>
      <c r="AJ36" s="312">
        <v>0</v>
      </c>
      <c r="AK36" s="313">
        <v>0</v>
      </c>
      <c r="AL36" s="314">
        <v>0</v>
      </c>
      <c r="AM36" s="312">
        <v>0</v>
      </c>
      <c r="AN36" s="313">
        <v>0</v>
      </c>
      <c r="AO36" s="313">
        <v>0</v>
      </c>
      <c r="AP36" s="313">
        <v>0</v>
      </c>
      <c r="AQ36" s="313">
        <v>0</v>
      </c>
      <c r="AR36" s="313">
        <v>128681</v>
      </c>
      <c r="AS36" s="314">
        <v>128681</v>
      </c>
      <c r="AT36" s="316">
        <v>128681</v>
      </c>
      <c r="AU36" s="312">
        <v>0</v>
      </c>
      <c r="AV36" s="313">
        <v>16240</v>
      </c>
      <c r="AW36" s="314">
        <v>16240</v>
      </c>
      <c r="AX36" s="312">
        <v>0</v>
      </c>
      <c r="AY36" s="313">
        <v>32498</v>
      </c>
      <c r="AZ36" s="313">
        <v>49673</v>
      </c>
      <c r="BA36" s="313">
        <v>137417</v>
      </c>
      <c r="BB36" s="313">
        <v>0</v>
      </c>
      <c r="BC36" s="313">
        <v>67025</v>
      </c>
      <c r="BD36" s="314">
        <v>286613</v>
      </c>
      <c r="BE36" s="316">
        <v>302853</v>
      </c>
      <c r="BF36" s="312">
        <v>0</v>
      </c>
      <c r="BG36" s="313">
        <v>0</v>
      </c>
      <c r="BH36" s="317">
        <v>0</v>
      </c>
      <c r="BI36" s="318">
        <v>0</v>
      </c>
      <c r="BJ36" s="313">
        <v>0</v>
      </c>
      <c r="BK36" s="313">
        <v>0</v>
      </c>
      <c r="BL36" s="313">
        <v>0</v>
      </c>
      <c r="BM36" s="313">
        <v>0</v>
      </c>
      <c r="BN36" s="313">
        <v>0</v>
      </c>
      <c r="BO36" s="314">
        <v>0</v>
      </c>
      <c r="BP36" s="316">
        <v>0</v>
      </c>
      <c r="BQ36" s="312">
        <v>0</v>
      </c>
      <c r="BR36" s="313">
        <v>0</v>
      </c>
      <c r="BS36" s="314">
        <v>0</v>
      </c>
      <c r="BT36" s="312">
        <v>0</v>
      </c>
      <c r="BU36" s="313">
        <v>0</v>
      </c>
      <c r="BV36" s="313">
        <v>0</v>
      </c>
      <c r="BW36" s="313">
        <v>4186</v>
      </c>
      <c r="BX36" s="313">
        <v>11200</v>
      </c>
      <c r="BY36" s="313">
        <v>0</v>
      </c>
      <c r="BZ36" s="314">
        <v>15386</v>
      </c>
      <c r="CA36" s="316">
        <v>15386</v>
      </c>
      <c r="CB36" s="312">
        <v>0</v>
      </c>
      <c r="CC36" s="313">
        <v>0</v>
      </c>
      <c r="CD36" s="314">
        <v>0</v>
      </c>
      <c r="CE36" s="312">
        <v>0</v>
      </c>
      <c r="CF36" s="313">
        <v>61793</v>
      </c>
      <c r="CG36" s="313">
        <v>186746</v>
      </c>
      <c r="CH36" s="313">
        <v>185191</v>
      </c>
      <c r="CI36" s="313">
        <v>80945</v>
      </c>
      <c r="CJ36" s="313">
        <v>0</v>
      </c>
      <c r="CK36" s="314">
        <v>514675</v>
      </c>
      <c r="CL36" s="316">
        <v>514675</v>
      </c>
      <c r="CM36" s="312">
        <v>0</v>
      </c>
      <c r="CN36" s="313">
        <v>0</v>
      </c>
      <c r="CO36" s="314">
        <v>0</v>
      </c>
      <c r="CP36" s="318">
        <v>0</v>
      </c>
      <c r="CQ36" s="313">
        <v>61793</v>
      </c>
      <c r="CR36" s="313">
        <v>160759</v>
      </c>
      <c r="CS36" s="313">
        <v>62483</v>
      </c>
      <c r="CT36" s="313">
        <v>80945</v>
      </c>
      <c r="CU36" s="313">
        <v>0</v>
      </c>
      <c r="CV36" s="314">
        <v>365980</v>
      </c>
      <c r="CW36" s="316">
        <v>365980</v>
      </c>
      <c r="CX36" s="312">
        <v>0</v>
      </c>
      <c r="CY36" s="313">
        <v>0</v>
      </c>
      <c r="CZ36" s="314">
        <v>0</v>
      </c>
      <c r="DA36" s="312">
        <v>0</v>
      </c>
      <c r="DB36" s="313">
        <v>0</v>
      </c>
      <c r="DC36" s="313">
        <v>25987</v>
      </c>
      <c r="DD36" s="313">
        <v>122708</v>
      </c>
      <c r="DE36" s="313">
        <v>0</v>
      </c>
      <c r="DF36" s="313">
        <v>0</v>
      </c>
      <c r="DG36" s="314">
        <v>148695</v>
      </c>
      <c r="DH36" s="316">
        <v>148695</v>
      </c>
      <c r="DI36" s="312">
        <v>0</v>
      </c>
      <c r="DJ36" s="313">
        <v>0</v>
      </c>
      <c r="DK36" s="317">
        <v>0</v>
      </c>
      <c r="DL36" s="318">
        <v>0</v>
      </c>
      <c r="DM36" s="313">
        <v>37637</v>
      </c>
      <c r="DN36" s="313">
        <v>0</v>
      </c>
      <c r="DO36" s="313">
        <v>266293</v>
      </c>
      <c r="DP36" s="313">
        <v>136497</v>
      </c>
      <c r="DQ36" s="313">
        <v>0</v>
      </c>
      <c r="DR36" s="314">
        <v>440427</v>
      </c>
      <c r="DS36" s="316">
        <v>440427</v>
      </c>
      <c r="DT36" s="312">
        <v>0</v>
      </c>
      <c r="DU36" s="313">
        <v>0</v>
      </c>
      <c r="DV36" s="314">
        <v>0</v>
      </c>
      <c r="DW36" s="312">
        <v>0</v>
      </c>
      <c r="DX36" s="313">
        <v>37637</v>
      </c>
      <c r="DY36" s="313">
        <v>0</v>
      </c>
      <c r="DZ36" s="313">
        <v>56842</v>
      </c>
      <c r="EA36" s="313">
        <v>88018</v>
      </c>
      <c r="EB36" s="313">
        <v>0</v>
      </c>
      <c r="EC36" s="314">
        <v>182497</v>
      </c>
      <c r="ED36" s="316">
        <v>182497</v>
      </c>
      <c r="EE36" s="312">
        <v>0</v>
      </c>
      <c r="EF36" s="317">
        <v>0</v>
      </c>
      <c r="EG36" s="314">
        <v>0</v>
      </c>
      <c r="EH36" s="312">
        <v>0</v>
      </c>
      <c r="EI36" s="313">
        <v>0</v>
      </c>
      <c r="EJ36" s="313">
        <v>0</v>
      </c>
      <c r="EK36" s="313">
        <v>209451</v>
      </c>
      <c r="EL36" s="313">
        <v>48479</v>
      </c>
      <c r="EM36" s="313">
        <v>0</v>
      </c>
      <c r="EN36" s="317">
        <v>257930</v>
      </c>
      <c r="EO36" s="316">
        <v>257930</v>
      </c>
      <c r="EP36" s="312">
        <v>0</v>
      </c>
      <c r="EQ36" s="313">
        <v>0</v>
      </c>
      <c r="ER36" s="317">
        <v>0</v>
      </c>
      <c r="ES36" s="318">
        <v>0</v>
      </c>
      <c r="ET36" s="313">
        <v>0</v>
      </c>
      <c r="EU36" s="313">
        <v>0</v>
      </c>
      <c r="EV36" s="313">
        <v>0</v>
      </c>
      <c r="EW36" s="313">
        <v>0</v>
      </c>
      <c r="EX36" s="313">
        <v>0</v>
      </c>
      <c r="EY36" s="314">
        <v>0</v>
      </c>
      <c r="EZ36" s="316">
        <v>0</v>
      </c>
      <c r="FA36" s="312">
        <v>0</v>
      </c>
      <c r="FB36" s="313">
        <v>0</v>
      </c>
      <c r="FC36" s="317">
        <v>0</v>
      </c>
      <c r="FD36" s="390">
        <v>0</v>
      </c>
      <c r="FE36" s="313">
        <v>0</v>
      </c>
      <c r="FF36" s="313">
        <v>0</v>
      </c>
      <c r="FG36" s="313">
        <v>0</v>
      </c>
      <c r="FH36" s="313">
        <v>0</v>
      </c>
      <c r="FI36" s="313">
        <v>0</v>
      </c>
      <c r="FJ36" s="314">
        <v>0</v>
      </c>
      <c r="FK36" s="316">
        <v>0</v>
      </c>
      <c r="FL36" s="312">
        <v>4480</v>
      </c>
      <c r="FM36" s="313">
        <v>14560</v>
      </c>
      <c r="FN36" s="314">
        <v>19040</v>
      </c>
      <c r="FO36" s="312">
        <v>0</v>
      </c>
      <c r="FP36" s="313">
        <v>11900</v>
      </c>
      <c r="FQ36" s="313">
        <v>47418</v>
      </c>
      <c r="FR36" s="313">
        <v>69125</v>
      </c>
      <c r="FS36" s="313">
        <v>59486</v>
      </c>
      <c r="FT36" s="313">
        <v>31150</v>
      </c>
      <c r="FU36" s="314">
        <v>219079</v>
      </c>
      <c r="FV36" s="316">
        <v>238119</v>
      </c>
      <c r="FW36" s="319">
        <v>4480</v>
      </c>
      <c r="FX36" s="313">
        <v>14560</v>
      </c>
      <c r="FY36" s="317">
        <v>19040</v>
      </c>
      <c r="FZ36" s="318">
        <v>0</v>
      </c>
      <c r="GA36" s="313">
        <v>11900</v>
      </c>
      <c r="GB36" s="313">
        <v>47418</v>
      </c>
      <c r="GC36" s="313">
        <v>69125</v>
      </c>
      <c r="GD36" s="313">
        <v>59486</v>
      </c>
      <c r="GE36" s="313">
        <v>31150</v>
      </c>
      <c r="GF36" s="314">
        <v>219079</v>
      </c>
      <c r="GG36" s="320">
        <v>238119</v>
      </c>
      <c r="GH36" s="319">
        <v>0</v>
      </c>
      <c r="GI36" s="313">
        <v>0</v>
      </c>
      <c r="GJ36" s="317">
        <v>0</v>
      </c>
      <c r="GK36" s="318">
        <v>0</v>
      </c>
      <c r="GL36" s="313">
        <v>0</v>
      </c>
      <c r="GM36" s="313">
        <v>0</v>
      </c>
      <c r="GN36" s="313">
        <v>0</v>
      </c>
      <c r="GO36" s="313">
        <v>0</v>
      </c>
      <c r="GP36" s="313">
        <v>0</v>
      </c>
      <c r="GQ36" s="314">
        <v>0</v>
      </c>
      <c r="GR36" s="316">
        <v>0</v>
      </c>
      <c r="GS36" s="312">
        <v>0</v>
      </c>
      <c r="GT36" s="313">
        <v>0</v>
      </c>
      <c r="GU36" s="314">
        <v>0</v>
      </c>
      <c r="GV36" s="312">
        <v>0</v>
      </c>
      <c r="GW36" s="313">
        <v>0</v>
      </c>
      <c r="GX36" s="313">
        <v>0</v>
      </c>
      <c r="GY36" s="313">
        <v>0</v>
      </c>
      <c r="GZ36" s="313">
        <v>0</v>
      </c>
      <c r="HA36" s="313">
        <v>0</v>
      </c>
      <c r="HB36" s="317">
        <v>0</v>
      </c>
      <c r="HC36" s="316">
        <v>0</v>
      </c>
      <c r="HD36" s="312">
        <v>0</v>
      </c>
      <c r="HE36" s="313">
        <v>0</v>
      </c>
      <c r="HF36" s="317">
        <v>0</v>
      </c>
      <c r="HG36" s="318">
        <v>0</v>
      </c>
      <c r="HH36" s="313">
        <v>0</v>
      </c>
      <c r="HI36" s="313">
        <v>158508</v>
      </c>
      <c r="HJ36" s="313">
        <v>0</v>
      </c>
      <c r="HK36" s="313">
        <v>0</v>
      </c>
      <c r="HL36" s="313">
        <v>0</v>
      </c>
      <c r="HM36" s="314">
        <v>158508</v>
      </c>
      <c r="HN36" s="315">
        <v>158508</v>
      </c>
      <c r="HO36" s="319">
        <v>0</v>
      </c>
      <c r="HP36" s="313">
        <v>0</v>
      </c>
      <c r="HQ36" s="314">
        <v>0</v>
      </c>
      <c r="HR36" s="312">
        <v>0</v>
      </c>
      <c r="HS36" s="313">
        <v>0</v>
      </c>
      <c r="HT36" s="313">
        <v>0</v>
      </c>
      <c r="HU36" s="313">
        <v>0</v>
      </c>
      <c r="HV36" s="313">
        <v>0</v>
      </c>
      <c r="HW36" s="313">
        <v>0</v>
      </c>
      <c r="HX36" s="317">
        <v>0</v>
      </c>
      <c r="HY36" s="316">
        <v>0</v>
      </c>
      <c r="HZ36" s="344">
        <v>0</v>
      </c>
      <c r="IA36" s="342">
        <v>0</v>
      </c>
      <c r="IB36" s="344">
        <v>0</v>
      </c>
      <c r="IC36" s="341">
        <v>0</v>
      </c>
      <c r="ID36" s="342">
        <v>89836</v>
      </c>
      <c r="IE36" s="343">
        <v>0</v>
      </c>
      <c r="IF36" s="344">
        <v>0</v>
      </c>
      <c r="IG36" s="342">
        <v>0</v>
      </c>
      <c r="IH36" s="344">
        <v>0</v>
      </c>
      <c r="II36" s="345">
        <v>89836</v>
      </c>
      <c r="IJ36" s="344">
        <v>89836</v>
      </c>
      <c r="IK36" s="328">
        <v>0</v>
      </c>
      <c r="IL36" s="329">
        <v>0</v>
      </c>
      <c r="IM36" s="330">
        <v>0</v>
      </c>
      <c r="IN36" s="390">
        <v>0</v>
      </c>
      <c r="IO36" s="331">
        <v>0</v>
      </c>
      <c r="IP36" s="331">
        <v>0</v>
      </c>
      <c r="IQ36" s="331">
        <v>0</v>
      </c>
      <c r="IR36" s="331">
        <v>0</v>
      </c>
      <c r="IS36" s="331">
        <v>0</v>
      </c>
      <c r="IT36" s="332">
        <v>0</v>
      </c>
      <c r="IU36" s="333">
        <v>0</v>
      </c>
      <c r="IV36" s="334">
        <v>0</v>
      </c>
      <c r="IW36" s="331">
        <v>0</v>
      </c>
      <c r="IX36" s="335">
        <v>0</v>
      </c>
      <c r="IY36" s="390">
        <v>0</v>
      </c>
      <c r="IZ36" s="331">
        <v>0</v>
      </c>
      <c r="JA36" s="331">
        <v>0</v>
      </c>
      <c r="JB36" s="331">
        <v>0</v>
      </c>
      <c r="JC36" s="331">
        <v>0</v>
      </c>
      <c r="JD36" s="331">
        <v>0</v>
      </c>
      <c r="JE36" s="335">
        <v>0</v>
      </c>
      <c r="JF36" s="336">
        <v>0</v>
      </c>
      <c r="JG36" s="334">
        <v>0</v>
      </c>
      <c r="JH36" s="331">
        <v>0</v>
      </c>
      <c r="JI36" s="332">
        <v>0</v>
      </c>
      <c r="JJ36" s="337">
        <v>0</v>
      </c>
      <c r="JK36" s="331">
        <v>89836</v>
      </c>
      <c r="JL36" s="331">
        <v>0</v>
      </c>
      <c r="JM36" s="331">
        <v>0</v>
      </c>
      <c r="JN36" s="331">
        <v>0</v>
      </c>
      <c r="JO36" s="331">
        <v>0</v>
      </c>
      <c r="JP36" s="335">
        <v>89836</v>
      </c>
      <c r="JQ36" s="333">
        <v>89836</v>
      </c>
      <c r="JR36" s="334">
        <v>0</v>
      </c>
      <c r="JS36" s="331">
        <v>0</v>
      </c>
      <c r="JT36" s="332">
        <v>0</v>
      </c>
      <c r="JU36" s="337">
        <v>0</v>
      </c>
      <c r="JV36" s="331">
        <v>0</v>
      </c>
      <c r="JW36" s="331">
        <v>0</v>
      </c>
      <c r="JX36" s="331">
        <v>0</v>
      </c>
      <c r="JY36" s="331">
        <v>0</v>
      </c>
      <c r="JZ36" s="331">
        <v>0</v>
      </c>
      <c r="KA36" s="335">
        <v>0</v>
      </c>
      <c r="KB36" s="333">
        <v>0</v>
      </c>
      <c r="KC36" s="338">
        <v>0</v>
      </c>
      <c r="KD36" s="339">
        <v>0</v>
      </c>
      <c r="KE36" s="335">
        <v>0</v>
      </c>
      <c r="KF36" s="337">
        <v>0</v>
      </c>
      <c r="KG36" s="331">
        <v>0</v>
      </c>
      <c r="KH36" s="331">
        <v>0</v>
      </c>
      <c r="KI36" s="331">
        <v>0</v>
      </c>
      <c r="KJ36" s="331">
        <v>0</v>
      </c>
      <c r="KK36" s="331">
        <v>0</v>
      </c>
      <c r="KL36" s="335">
        <v>0</v>
      </c>
      <c r="KM36" s="340">
        <v>0</v>
      </c>
      <c r="KN36" s="328">
        <v>0</v>
      </c>
      <c r="KO36" s="329">
        <v>0</v>
      </c>
      <c r="KP36" s="330">
        <v>0</v>
      </c>
      <c r="KQ36" s="390">
        <v>0</v>
      </c>
      <c r="KR36" s="331">
        <v>0</v>
      </c>
      <c r="KS36" s="331">
        <v>0</v>
      </c>
      <c r="KT36" s="331">
        <v>0</v>
      </c>
      <c r="KU36" s="331">
        <v>0</v>
      </c>
      <c r="KV36" s="331">
        <v>0</v>
      </c>
      <c r="KW36" s="335">
        <v>0</v>
      </c>
      <c r="KX36" s="333">
        <v>0</v>
      </c>
      <c r="KY36" s="334">
        <v>0</v>
      </c>
      <c r="KZ36" s="331">
        <v>0</v>
      </c>
      <c r="LA36" s="335">
        <v>0</v>
      </c>
      <c r="LB36" s="390">
        <v>0</v>
      </c>
      <c r="LC36" s="331">
        <v>0</v>
      </c>
      <c r="LD36" s="331">
        <v>0</v>
      </c>
      <c r="LE36" s="331">
        <v>0</v>
      </c>
      <c r="LF36" s="331">
        <v>0</v>
      </c>
      <c r="LG36" s="331">
        <v>0</v>
      </c>
      <c r="LH36" s="335">
        <v>0</v>
      </c>
      <c r="LI36" s="336">
        <v>0</v>
      </c>
      <c r="LJ36" s="334">
        <v>0</v>
      </c>
      <c r="LK36" s="331">
        <v>0</v>
      </c>
      <c r="LL36" s="335">
        <v>0</v>
      </c>
      <c r="LM36" s="390">
        <v>0</v>
      </c>
      <c r="LN36" s="331">
        <v>0</v>
      </c>
      <c r="LO36" s="331">
        <v>0</v>
      </c>
      <c r="LP36" s="331">
        <v>0</v>
      </c>
      <c r="LQ36" s="331">
        <v>0</v>
      </c>
      <c r="LR36" s="331">
        <v>0</v>
      </c>
      <c r="LS36" s="335">
        <v>0</v>
      </c>
      <c r="LT36" s="333">
        <v>0</v>
      </c>
      <c r="LU36" s="334">
        <v>0</v>
      </c>
      <c r="LV36" s="331">
        <v>0</v>
      </c>
      <c r="LW36" s="335">
        <v>0</v>
      </c>
      <c r="LX36" s="390">
        <v>0</v>
      </c>
      <c r="LY36" s="331">
        <v>0</v>
      </c>
      <c r="LZ36" s="331">
        <v>0</v>
      </c>
      <c r="MA36" s="331">
        <v>0</v>
      </c>
      <c r="MB36" s="331">
        <v>0</v>
      </c>
      <c r="MC36" s="331">
        <v>0</v>
      </c>
      <c r="MD36" s="335">
        <v>0</v>
      </c>
      <c r="ME36" s="336">
        <v>0</v>
      </c>
      <c r="MF36" s="334">
        <v>0</v>
      </c>
      <c r="MG36" s="331">
        <v>0</v>
      </c>
      <c r="MH36" s="335">
        <v>0</v>
      </c>
      <c r="MI36" s="390">
        <v>0</v>
      </c>
      <c r="MJ36" s="331">
        <v>0</v>
      </c>
      <c r="MK36" s="331">
        <v>0</v>
      </c>
      <c r="ML36" s="331">
        <v>754397</v>
      </c>
      <c r="MM36" s="331">
        <v>53120</v>
      </c>
      <c r="MN36" s="331">
        <v>232218</v>
      </c>
      <c r="MO36" s="335">
        <v>1039735</v>
      </c>
      <c r="MP36" s="340">
        <v>1039735</v>
      </c>
      <c r="MQ36" s="334">
        <v>0</v>
      </c>
      <c r="MR36" s="331">
        <v>0</v>
      </c>
      <c r="MS36" s="335">
        <v>0</v>
      </c>
      <c r="MT36" s="390">
        <v>0</v>
      </c>
      <c r="MU36" s="331">
        <v>0</v>
      </c>
      <c r="MV36" s="331">
        <v>0</v>
      </c>
      <c r="MW36" s="331">
        <v>606379</v>
      </c>
      <c r="MX36" s="331">
        <v>0</v>
      </c>
      <c r="MY36" s="331">
        <v>232218</v>
      </c>
      <c r="MZ36" s="335">
        <v>838597</v>
      </c>
      <c r="NA36" s="340">
        <v>838597</v>
      </c>
      <c r="NB36" s="334">
        <v>0</v>
      </c>
      <c r="NC36" s="331">
        <v>0</v>
      </c>
      <c r="ND36" s="335">
        <v>0</v>
      </c>
      <c r="NE36" s="390">
        <v>0</v>
      </c>
      <c r="NF36" s="331">
        <v>0</v>
      </c>
      <c r="NG36" s="331">
        <v>0</v>
      </c>
      <c r="NH36" s="331">
        <v>148018</v>
      </c>
      <c r="NI36" s="331">
        <v>53120</v>
      </c>
      <c r="NJ36" s="331">
        <v>0</v>
      </c>
      <c r="NK36" s="335">
        <v>201138</v>
      </c>
      <c r="NL36" s="333">
        <v>201138</v>
      </c>
      <c r="NM36" s="334">
        <v>0</v>
      </c>
      <c r="NN36" s="331">
        <v>0</v>
      </c>
      <c r="NO36" s="335">
        <v>0</v>
      </c>
      <c r="NP36" s="390">
        <v>0</v>
      </c>
      <c r="NQ36" s="331">
        <v>0</v>
      </c>
      <c r="NR36" s="331">
        <v>0</v>
      </c>
      <c r="NS36" s="331">
        <v>0</v>
      </c>
      <c r="NT36" s="331">
        <v>0</v>
      </c>
      <c r="NU36" s="331">
        <v>0</v>
      </c>
      <c r="NV36" s="335">
        <v>0</v>
      </c>
      <c r="NW36" s="336">
        <v>0</v>
      </c>
      <c r="NX36" s="334">
        <v>0</v>
      </c>
      <c r="NY36" s="331">
        <v>0</v>
      </c>
      <c r="NZ36" s="335">
        <v>0</v>
      </c>
      <c r="OA36" s="390">
        <v>0</v>
      </c>
      <c r="OB36" s="331">
        <v>0</v>
      </c>
      <c r="OC36" s="331">
        <v>0</v>
      </c>
      <c r="OD36" s="331">
        <v>0</v>
      </c>
      <c r="OE36" s="331">
        <v>0</v>
      </c>
      <c r="OF36" s="331">
        <v>0</v>
      </c>
      <c r="OG36" s="335">
        <v>0</v>
      </c>
      <c r="OH36" s="336">
        <v>0</v>
      </c>
      <c r="OI36" s="334">
        <v>4480</v>
      </c>
      <c r="OJ36" s="331">
        <v>30800</v>
      </c>
      <c r="OK36" s="332">
        <v>35280</v>
      </c>
      <c r="OL36" s="337">
        <v>0</v>
      </c>
      <c r="OM36" s="331">
        <v>266945</v>
      </c>
      <c r="ON36" s="331">
        <v>442345</v>
      </c>
      <c r="OO36" s="331">
        <v>1416609</v>
      </c>
      <c r="OP36" s="331">
        <v>547148</v>
      </c>
      <c r="OQ36" s="331">
        <v>459074</v>
      </c>
      <c r="OR36" s="335">
        <v>3132121</v>
      </c>
      <c r="OS36" s="340">
        <v>3167401</v>
      </c>
    </row>
    <row r="37" spans="2:409" s="56" customFormat="1" ht="21" customHeight="1" x14ac:dyDescent="0.2">
      <c r="B37" s="92" t="s">
        <v>32</v>
      </c>
      <c r="C37" s="312">
        <v>97713</v>
      </c>
      <c r="D37" s="313">
        <v>90030</v>
      </c>
      <c r="E37" s="354">
        <v>187743</v>
      </c>
      <c r="F37" s="356">
        <v>0</v>
      </c>
      <c r="G37" s="355">
        <v>275822</v>
      </c>
      <c r="H37" s="355">
        <v>321285</v>
      </c>
      <c r="I37" s="355">
        <v>35581</v>
      </c>
      <c r="J37" s="355">
        <v>545051</v>
      </c>
      <c r="K37" s="355">
        <v>560997</v>
      </c>
      <c r="L37" s="356">
        <v>1738736</v>
      </c>
      <c r="M37" s="316">
        <v>1926479</v>
      </c>
      <c r="N37" s="312">
        <v>45213</v>
      </c>
      <c r="O37" s="313">
        <v>18613</v>
      </c>
      <c r="P37" s="314">
        <v>63826</v>
      </c>
      <c r="Q37" s="312">
        <v>0</v>
      </c>
      <c r="R37" s="313">
        <v>84615</v>
      </c>
      <c r="S37" s="313">
        <v>96033</v>
      </c>
      <c r="T37" s="313">
        <v>23156</v>
      </c>
      <c r="U37" s="313">
        <v>73324</v>
      </c>
      <c r="V37" s="313">
        <v>160469</v>
      </c>
      <c r="W37" s="314">
        <v>437597</v>
      </c>
      <c r="X37" s="316">
        <v>501423</v>
      </c>
      <c r="Y37" s="312">
        <v>0</v>
      </c>
      <c r="Z37" s="313">
        <v>0</v>
      </c>
      <c r="AA37" s="314">
        <v>0</v>
      </c>
      <c r="AB37" s="312">
        <v>0</v>
      </c>
      <c r="AC37" s="313">
        <v>15315</v>
      </c>
      <c r="AD37" s="313">
        <v>63966</v>
      </c>
      <c r="AE37" s="313">
        <v>0</v>
      </c>
      <c r="AF37" s="313">
        <v>39928</v>
      </c>
      <c r="AG37" s="313">
        <v>109691</v>
      </c>
      <c r="AH37" s="314">
        <v>228900</v>
      </c>
      <c r="AI37" s="316">
        <v>228900</v>
      </c>
      <c r="AJ37" s="312">
        <v>0</v>
      </c>
      <c r="AK37" s="313">
        <v>0</v>
      </c>
      <c r="AL37" s="314">
        <v>0</v>
      </c>
      <c r="AM37" s="312">
        <v>0</v>
      </c>
      <c r="AN37" s="313">
        <v>0</v>
      </c>
      <c r="AO37" s="313">
        <v>0</v>
      </c>
      <c r="AP37" s="313">
        <v>0</v>
      </c>
      <c r="AQ37" s="313">
        <v>0</v>
      </c>
      <c r="AR37" s="313">
        <v>0</v>
      </c>
      <c r="AS37" s="314">
        <v>0</v>
      </c>
      <c r="AT37" s="316">
        <v>0</v>
      </c>
      <c r="AU37" s="312">
        <v>45213</v>
      </c>
      <c r="AV37" s="313">
        <v>18613</v>
      </c>
      <c r="AW37" s="314">
        <v>63826</v>
      </c>
      <c r="AX37" s="312">
        <v>0</v>
      </c>
      <c r="AY37" s="313">
        <v>69300</v>
      </c>
      <c r="AZ37" s="313">
        <v>21175</v>
      </c>
      <c r="BA37" s="313">
        <v>23156</v>
      </c>
      <c r="BB37" s="313">
        <v>0</v>
      </c>
      <c r="BC37" s="313">
        <v>0</v>
      </c>
      <c r="BD37" s="314">
        <v>113631</v>
      </c>
      <c r="BE37" s="316">
        <v>177457</v>
      </c>
      <c r="BF37" s="312">
        <v>0</v>
      </c>
      <c r="BG37" s="313">
        <v>0</v>
      </c>
      <c r="BH37" s="317">
        <v>0</v>
      </c>
      <c r="BI37" s="318">
        <v>0</v>
      </c>
      <c r="BJ37" s="313">
        <v>0</v>
      </c>
      <c r="BK37" s="313">
        <v>0</v>
      </c>
      <c r="BL37" s="313">
        <v>0</v>
      </c>
      <c r="BM37" s="313">
        <v>20481</v>
      </c>
      <c r="BN37" s="313">
        <v>0</v>
      </c>
      <c r="BO37" s="314">
        <v>20481</v>
      </c>
      <c r="BP37" s="316">
        <v>20481</v>
      </c>
      <c r="BQ37" s="312">
        <v>0</v>
      </c>
      <c r="BR37" s="313">
        <v>0</v>
      </c>
      <c r="BS37" s="314">
        <v>0</v>
      </c>
      <c r="BT37" s="312">
        <v>0</v>
      </c>
      <c r="BU37" s="313">
        <v>0</v>
      </c>
      <c r="BV37" s="313">
        <v>10892</v>
      </c>
      <c r="BW37" s="313">
        <v>0</v>
      </c>
      <c r="BX37" s="313">
        <v>12915</v>
      </c>
      <c r="BY37" s="313">
        <v>50778</v>
      </c>
      <c r="BZ37" s="314">
        <v>74585</v>
      </c>
      <c r="CA37" s="316">
        <v>74585</v>
      </c>
      <c r="CB37" s="312">
        <v>0</v>
      </c>
      <c r="CC37" s="313">
        <v>35063</v>
      </c>
      <c r="CD37" s="314">
        <v>35063</v>
      </c>
      <c r="CE37" s="312">
        <v>0</v>
      </c>
      <c r="CF37" s="313">
        <v>163690</v>
      </c>
      <c r="CG37" s="313">
        <v>168545</v>
      </c>
      <c r="CH37" s="313">
        <v>0</v>
      </c>
      <c r="CI37" s="313">
        <v>54688</v>
      </c>
      <c r="CJ37" s="313">
        <v>0</v>
      </c>
      <c r="CK37" s="314">
        <v>386923</v>
      </c>
      <c r="CL37" s="316">
        <v>421986</v>
      </c>
      <c r="CM37" s="312">
        <v>0</v>
      </c>
      <c r="CN37" s="313">
        <v>0</v>
      </c>
      <c r="CO37" s="314">
        <v>0</v>
      </c>
      <c r="CP37" s="318">
        <v>0</v>
      </c>
      <c r="CQ37" s="313">
        <v>163690</v>
      </c>
      <c r="CR37" s="313">
        <v>81543</v>
      </c>
      <c r="CS37" s="313">
        <v>0</v>
      </c>
      <c r="CT37" s="313">
        <v>26163</v>
      </c>
      <c r="CU37" s="313">
        <v>0</v>
      </c>
      <c r="CV37" s="314">
        <v>271396</v>
      </c>
      <c r="CW37" s="316">
        <v>271396</v>
      </c>
      <c r="CX37" s="312">
        <v>0</v>
      </c>
      <c r="CY37" s="313">
        <v>35063</v>
      </c>
      <c r="CZ37" s="314">
        <v>35063</v>
      </c>
      <c r="DA37" s="312">
        <v>0</v>
      </c>
      <c r="DB37" s="313">
        <v>0</v>
      </c>
      <c r="DC37" s="313">
        <v>87002</v>
      </c>
      <c r="DD37" s="313">
        <v>0</v>
      </c>
      <c r="DE37" s="313">
        <v>28525</v>
      </c>
      <c r="DF37" s="313">
        <v>0</v>
      </c>
      <c r="DG37" s="314">
        <v>115527</v>
      </c>
      <c r="DH37" s="316">
        <v>150590</v>
      </c>
      <c r="DI37" s="312">
        <v>0</v>
      </c>
      <c r="DJ37" s="313">
        <v>14444</v>
      </c>
      <c r="DK37" s="317">
        <v>14444</v>
      </c>
      <c r="DL37" s="318">
        <v>0</v>
      </c>
      <c r="DM37" s="313">
        <v>0</v>
      </c>
      <c r="DN37" s="313">
        <v>0</v>
      </c>
      <c r="DO37" s="313">
        <v>0</v>
      </c>
      <c r="DP37" s="313">
        <v>0</v>
      </c>
      <c r="DQ37" s="313">
        <v>0</v>
      </c>
      <c r="DR37" s="314">
        <v>0</v>
      </c>
      <c r="DS37" s="316">
        <v>14444</v>
      </c>
      <c r="DT37" s="312">
        <v>0</v>
      </c>
      <c r="DU37" s="313">
        <v>14444</v>
      </c>
      <c r="DV37" s="314">
        <v>14444</v>
      </c>
      <c r="DW37" s="312">
        <v>0</v>
      </c>
      <c r="DX37" s="313">
        <v>0</v>
      </c>
      <c r="DY37" s="313">
        <v>0</v>
      </c>
      <c r="DZ37" s="313">
        <v>0</v>
      </c>
      <c r="EA37" s="313">
        <v>0</v>
      </c>
      <c r="EB37" s="313">
        <v>0</v>
      </c>
      <c r="EC37" s="314">
        <v>0</v>
      </c>
      <c r="ED37" s="316">
        <v>14444</v>
      </c>
      <c r="EE37" s="312">
        <v>0</v>
      </c>
      <c r="EF37" s="317">
        <v>0</v>
      </c>
      <c r="EG37" s="314">
        <v>0</v>
      </c>
      <c r="EH37" s="312">
        <v>0</v>
      </c>
      <c r="EI37" s="313">
        <v>0</v>
      </c>
      <c r="EJ37" s="313">
        <v>0</v>
      </c>
      <c r="EK37" s="313">
        <v>0</v>
      </c>
      <c r="EL37" s="313">
        <v>0</v>
      </c>
      <c r="EM37" s="313">
        <v>0</v>
      </c>
      <c r="EN37" s="317">
        <v>0</v>
      </c>
      <c r="EO37" s="316">
        <v>0</v>
      </c>
      <c r="EP37" s="312">
        <v>0</v>
      </c>
      <c r="EQ37" s="313">
        <v>0</v>
      </c>
      <c r="ER37" s="317">
        <v>0</v>
      </c>
      <c r="ES37" s="318">
        <v>0</v>
      </c>
      <c r="ET37" s="313">
        <v>0</v>
      </c>
      <c r="EU37" s="313">
        <v>0</v>
      </c>
      <c r="EV37" s="313">
        <v>0</v>
      </c>
      <c r="EW37" s="313">
        <v>0</v>
      </c>
      <c r="EX37" s="313">
        <v>0</v>
      </c>
      <c r="EY37" s="314">
        <v>0</v>
      </c>
      <c r="EZ37" s="316">
        <v>0</v>
      </c>
      <c r="FA37" s="312">
        <v>0</v>
      </c>
      <c r="FB37" s="313">
        <v>0</v>
      </c>
      <c r="FC37" s="317">
        <v>0</v>
      </c>
      <c r="FD37" s="390">
        <v>0</v>
      </c>
      <c r="FE37" s="313">
        <v>0</v>
      </c>
      <c r="FF37" s="313">
        <v>0</v>
      </c>
      <c r="FG37" s="313">
        <v>0</v>
      </c>
      <c r="FH37" s="313">
        <v>0</v>
      </c>
      <c r="FI37" s="313">
        <v>0</v>
      </c>
      <c r="FJ37" s="314">
        <v>0</v>
      </c>
      <c r="FK37" s="316">
        <v>0</v>
      </c>
      <c r="FL37" s="312">
        <v>12110</v>
      </c>
      <c r="FM37" s="313">
        <v>21910</v>
      </c>
      <c r="FN37" s="314">
        <v>34020</v>
      </c>
      <c r="FO37" s="312">
        <v>0</v>
      </c>
      <c r="FP37" s="313">
        <v>27517</v>
      </c>
      <c r="FQ37" s="313">
        <v>56707</v>
      </c>
      <c r="FR37" s="313">
        <v>12425</v>
      </c>
      <c r="FS37" s="313">
        <v>62118</v>
      </c>
      <c r="FT37" s="313">
        <v>5390</v>
      </c>
      <c r="FU37" s="314">
        <v>164157</v>
      </c>
      <c r="FV37" s="316">
        <v>198177</v>
      </c>
      <c r="FW37" s="319">
        <v>12110</v>
      </c>
      <c r="FX37" s="313">
        <v>21910</v>
      </c>
      <c r="FY37" s="317">
        <v>34020</v>
      </c>
      <c r="FZ37" s="318">
        <v>0</v>
      </c>
      <c r="GA37" s="313">
        <v>27517</v>
      </c>
      <c r="GB37" s="313">
        <v>56707</v>
      </c>
      <c r="GC37" s="313">
        <v>12425</v>
      </c>
      <c r="GD37" s="313">
        <v>62118</v>
      </c>
      <c r="GE37" s="313">
        <v>5390</v>
      </c>
      <c r="GF37" s="314">
        <v>164157</v>
      </c>
      <c r="GG37" s="320">
        <v>198177</v>
      </c>
      <c r="GH37" s="319">
        <v>0</v>
      </c>
      <c r="GI37" s="313">
        <v>0</v>
      </c>
      <c r="GJ37" s="317">
        <v>0</v>
      </c>
      <c r="GK37" s="318">
        <v>0</v>
      </c>
      <c r="GL37" s="313">
        <v>0</v>
      </c>
      <c r="GM37" s="313">
        <v>0</v>
      </c>
      <c r="GN37" s="313">
        <v>0</v>
      </c>
      <c r="GO37" s="313">
        <v>0</v>
      </c>
      <c r="GP37" s="313">
        <v>0</v>
      </c>
      <c r="GQ37" s="314">
        <v>0</v>
      </c>
      <c r="GR37" s="316">
        <v>0</v>
      </c>
      <c r="GS37" s="312">
        <v>0</v>
      </c>
      <c r="GT37" s="313">
        <v>0</v>
      </c>
      <c r="GU37" s="314">
        <v>0</v>
      </c>
      <c r="GV37" s="312">
        <v>0</v>
      </c>
      <c r="GW37" s="313">
        <v>0</v>
      </c>
      <c r="GX37" s="313">
        <v>0</v>
      </c>
      <c r="GY37" s="313">
        <v>0</v>
      </c>
      <c r="GZ37" s="313">
        <v>0</v>
      </c>
      <c r="HA37" s="313">
        <v>0</v>
      </c>
      <c r="HB37" s="317">
        <v>0</v>
      </c>
      <c r="HC37" s="316">
        <v>0</v>
      </c>
      <c r="HD37" s="312">
        <v>40390</v>
      </c>
      <c r="HE37" s="313">
        <v>0</v>
      </c>
      <c r="HF37" s="317">
        <v>40390</v>
      </c>
      <c r="HG37" s="318">
        <v>0</v>
      </c>
      <c r="HH37" s="313">
        <v>0</v>
      </c>
      <c r="HI37" s="313">
        <v>0</v>
      </c>
      <c r="HJ37" s="313">
        <v>0</v>
      </c>
      <c r="HK37" s="313">
        <v>354921</v>
      </c>
      <c r="HL37" s="313">
        <v>395138</v>
      </c>
      <c r="HM37" s="314">
        <v>750059</v>
      </c>
      <c r="HN37" s="315">
        <v>790449</v>
      </c>
      <c r="HO37" s="319">
        <v>0</v>
      </c>
      <c r="HP37" s="313">
        <v>0</v>
      </c>
      <c r="HQ37" s="314">
        <v>0</v>
      </c>
      <c r="HR37" s="312">
        <v>0</v>
      </c>
      <c r="HS37" s="313">
        <v>0</v>
      </c>
      <c r="HT37" s="313">
        <v>0</v>
      </c>
      <c r="HU37" s="313">
        <v>0</v>
      </c>
      <c r="HV37" s="313">
        <v>0</v>
      </c>
      <c r="HW37" s="313">
        <v>0</v>
      </c>
      <c r="HX37" s="317">
        <v>0</v>
      </c>
      <c r="HY37" s="316">
        <v>0</v>
      </c>
      <c r="HZ37" s="321">
        <v>0</v>
      </c>
      <c r="IA37" s="322">
        <v>0</v>
      </c>
      <c r="IB37" s="323">
        <v>0</v>
      </c>
      <c r="IC37" s="324">
        <v>0</v>
      </c>
      <c r="ID37" s="322">
        <v>304649</v>
      </c>
      <c r="IE37" s="325">
        <v>112007</v>
      </c>
      <c r="IF37" s="323">
        <v>234609</v>
      </c>
      <c r="IG37" s="322">
        <v>201586</v>
      </c>
      <c r="IH37" s="323">
        <v>218190</v>
      </c>
      <c r="II37" s="326">
        <v>1071041</v>
      </c>
      <c r="IJ37" s="327">
        <v>1071041</v>
      </c>
      <c r="IK37" s="328">
        <v>0</v>
      </c>
      <c r="IL37" s="329">
        <v>0</v>
      </c>
      <c r="IM37" s="330">
        <v>0</v>
      </c>
      <c r="IN37" s="390">
        <v>0</v>
      </c>
      <c r="IO37" s="331">
        <v>54488</v>
      </c>
      <c r="IP37" s="331">
        <v>73661</v>
      </c>
      <c r="IQ37" s="331">
        <v>0</v>
      </c>
      <c r="IR37" s="331">
        <v>0</v>
      </c>
      <c r="IS37" s="331">
        <v>0</v>
      </c>
      <c r="IT37" s="332">
        <v>128149</v>
      </c>
      <c r="IU37" s="333">
        <v>128149</v>
      </c>
      <c r="IV37" s="334">
        <v>0</v>
      </c>
      <c r="IW37" s="331">
        <v>0</v>
      </c>
      <c r="IX37" s="335">
        <v>0</v>
      </c>
      <c r="IY37" s="390">
        <v>0</v>
      </c>
      <c r="IZ37" s="331">
        <v>0</v>
      </c>
      <c r="JA37" s="331">
        <v>0</v>
      </c>
      <c r="JB37" s="331">
        <v>0</v>
      </c>
      <c r="JC37" s="331">
        <v>0</v>
      </c>
      <c r="JD37" s="331">
        <v>0</v>
      </c>
      <c r="JE37" s="335">
        <v>0</v>
      </c>
      <c r="JF37" s="336">
        <v>0</v>
      </c>
      <c r="JG37" s="334">
        <v>0</v>
      </c>
      <c r="JH37" s="331">
        <v>0</v>
      </c>
      <c r="JI37" s="332">
        <v>0</v>
      </c>
      <c r="JJ37" s="337">
        <v>0</v>
      </c>
      <c r="JK37" s="331">
        <v>47866</v>
      </c>
      <c r="JL37" s="331">
        <v>38346</v>
      </c>
      <c r="JM37" s="331">
        <v>0</v>
      </c>
      <c r="JN37" s="331">
        <v>0</v>
      </c>
      <c r="JO37" s="331">
        <v>0</v>
      </c>
      <c r="JP37" s="335">
        <v>86212</v>
      </c>
      <c r="JQ37" s="333">
        <v>86212</v>
      </c>
      <c r="JR37" s="334">
        <v>0</v>
      </c>
      <c r="JS37" s="331">
        <v>0</v>
      </c>
      <c r="JT37" s="332">
        <v>0</v>
      </c>
      <c r="JU37" s="337">
        <v>0</v>
      </c>
      <c r="JV37" s="331">
        <v>95615</v>
      </c>
      <c r="JW37" s="331">
        <v>0</v>
      </c>
      <c r="JX37" s="331">
        <v>234609</v>
      </c>
      <c r="JY37" s="331">
        <v>0</v>
      </c>
      <c r="JZ37" s="331">
        <v>0</v>
      </c>
      <c r="KA37" s="335">
        <v>330224</v>
      </c>
      <c r="KB37" s="333">
        <v>330224</v>
      </c>
      <c r="KC37" s="338">
        <v>0</v>
      </c>
      <c r="KD37" s="339">
        <v>0</v>
      </c>
      <c r="KE37" s="335">
        <v>0</v>
      </c>
      <c r="KF37" s="337">
        <v>0</v>
      </c>
      <c r="KG37" s="331">
        <v>106680</v>
      </c>
      <c r="KH37" s="331">
        <v>0</v>
      </c>
      <c r="KI37" s="331">
        <v>0</v>
      </c>
      <c r="KJ37" s="331">
        <v>0</v>
      </c>
      <c r="KK37" s="331">
        <v>0</v>
      </c>
      <c r="KL37" s="335">
        <v>106680</v>
      </c>
      <c r="KM37" s="340">
        <v>106680</v>
      </c>
      <c r="KN37" s="328">
        <v>0</v>
      </c>
      <c r="KO37" s="329">
        <v>0</v>
      </c>
      <c r="KP37" s="330">
        <v>0</v>
      </c>
      <c r="KQ37" s="390">
        <v>0</v>
      </c>
      <c r="KR37" s="331">
        <v>0</v>
      </c>
      <c r="KS37" s="331">
        <v>0</v>
      </c>
      <c r="KT37" s="331">
        <v>0</v>
      </c>
      <c r="KU37" s="331">
        <v>0</v>
      </c>
      <c r="KV37" s="331">
        <v>218190</v>
      </c>
      <c r="KW37" s="335">
        <v>218190</v>
      </c>
      <c r="KX37" s="333">
        <v>218190</v>
      </c>
      <c r="KY37" s="334">
        <v>0</v>
      </c>
      <c r="KZ37" s="331">
        <v>0</v>
      </c>
      <c r="LA37" s="335">
        <v>0</v>
      </c>
      <c r="LB37" s="390">
        <v>0</v>
      </c>
      <c r="LC37" s="331">
        <v>0</v>
      </c>
      <c r="LD37" s="331">
        <v>0</v>
      </c>
      <c r="LE37" s="331">
        <v>0</v>
      </c>
      <c r="LF37" s="331">
        <v>0</v>
      </c>
      <c r="LG37" s="331">
        <v>0</v>
      </c>
      <c r="LH37" s="335">
        <v>0</v>
      </c>
      <c r="LI37" s="336">
        <v>0</v>
      </c>
      <c r="LJ37" s="334">
        <v>0</v>
      </c>
      <c r="LK37" s="331">
        <v>0</v>
      </c>
      <c r="LL37" s="335">
        <v>0</v>
      </c>
      <c r="LM37" s="390">
        <v>0</v>
      </c>
      <c r="LN37" s="331">
        <v>0</v>
      </c>
      <c r="LO37" s="331">
        <v>0</v>
      </c>
      <c r="LP37" s="331">
        <v>0</v>
      </c>
      <c r="LQ37" s="331">
        <v>201586</v>
      </c>
      <c r="LR37" s="331">
        <v>0</v>
      </c>
      <c r="LS37" s="335">
        <v>201586</v>
      </c>
      <c r="LT37" s="333">
        <v>201586</v>
      </c>
      <c r="LU37" s="334">
        <v>0</v>
      </c>
      <c r="LV37" s="331">
        <v>0</v>
      </c>
      <c r="LW37" s="335">
        <v>0</v>
      </c>
      <c r="LX37" s="390">
        <v>0</v>
      </c>
      <c r="LY37" s="331">
        <v>0</v>
      </c>
      <c r="LZ37" s="331">
        <v>0</v>
      </c>
      <c r="MA37" s="331">
        <v>0</v>
      </c>
      <c r="MB37" s="331">
        <v>0</v>
      </c>
      <c r="MC37" s="331">
        <v>0</v>
      </c>
      <c r="MD37" s="335">
        <v>0</v>
      </c>
      <c r="ME37" s="336">
        <v>0</v>
      </c>
      <c r="MF37" s="334">
        <v>0</v>
      </c>
      <c r="MG37" s="331">
        <v>0</v>
      </c>
      <c r="MH37" s="335">
        <v>0</v>
      </c>
      <c r="MI37" s="390">
        <v>0</v>
      </c>
      <c r="MJ37" s="331">
        <v>0</v>
      </c>
      <c r="MK37" s="331">
        <v>0</v>
      </c>
      <c r="ML37" s="331">
        <v>0</v>
      </c>
      <c r="MM37" s="331">
        <v>759619</v>
      </c>
      <c r="MN37" s="331">
        <v>262995</v>
      </c>
      <c r="MO37" s="335">
        <v>1022614</v>
      </c>
      <c r="MP37" s="340">
        <v>1022614</v>
      </c>
      <c r="MQ37" s="334">
        <v>0</v>
      </c>
      <c r="MR37" s="331">
        <v>0</v>
      </c>
      <c r="MS37" s="335">
        <v>0</v>
      </c>
      <c r="MT37" s="390">
        <v>0</v>
      </c>
      <c r="MU37" s="331">
        <v>0</v>
      </c>
      <c r="MV37" s="331">
        <v>0</v>
      </c>
      <c r="MW37" s="331">
        <v>0</v>
      </c>
      <c r="MX37" s="331">
        <v>462153</v>
      </c>
      <c r="MY37" s="331">
        <v>262995</v>
      </c>
      <c r="MZ37" s="335">
        <v>725148</v>
      </c>
      <c r="NA37" s="340">
        <v>725148</v>
      </c>
      <c r="NB37" s="334">
        <v>0</v>
      </c>
      <c r="NC37" s="331">
        <v>0</v>
      </c>
      <c r="ND37" s="335">
        <v>0</v>
      </c>
      <c r="NE37" s="390">
        <v>0</v>
      </c>
      <c r="NF37" s="331">
        <v>0</v>
      </c>
      <c r="NG37" s="331">
        <v>0</v>
      </c>
      <c r="NH37" s="331">
        <v>0</v>
      </c>
      <c r="NI37" s="331">
        <v>297466</v>
      </c>
      <c r="NJ37" s="331">
        <v>0</v>
      </c>
      <c r="NK37" s="335">
        <v>297466</v>
      </c>
      <c r="NL37" s="333">
        <v>297466</v>
      </c>
      <c r="NM37" s="334">
        <v>0</v>
      </c>
      <c r="NN37" s="331">
        <v>0</v>
      </c>
      <c r="NO37" s="335">
        <v>0</v>
      </c>
      <c r="NP37" s="390">
        <v>0</v>
      </c>
      <c r="NQ37" s="331">
        <v>0</v>
      </c>
      <c r="NR37" s="331">
        <v>0</v>
      </c>
      <c r="NS37" s="331">
        <v>0</v>
      </c>
      <c r="NT37" s="331">
        <v>0</v>
      </c>
      <c r="NU37" s="331">
        <v>0</v>
      </c>
      <c r="NV37" s="335">
        <v>0</v>
      </c>
      <c r="NW37" s="336">
        <v>0</v>
      </c>
      <c r="NX37" s="334">
        <v>0</v>
      </c>
      <c r="NY37" s="331">
        <v>0</v>
      </c>
      <c r="NZ37" s="335">
        <v>0</v>
      </c>
      <c r="OA37" s="390">
        <v>0</v>
      </c>
      <c r="OB37" s="331">
        <v>0</v>
      </c>
      <c r="OC37" s="331">
        <v>0</v>
      </c>
      <c r="OD37" s="331">
        <v>0</v>
      </c>
      <c r="OE37" s="331">
        <v>0</v>
      </c>
      <c r="OF37" s="331">
        <v>0</v>
      </c>
      <c r="OG37" s="335">
        <v>0</v>
      </c>
      <c r="OH37" s="336">
        <v>0</v>
      </c>
      <c r="OI37" s="334">
        <v>97713</v>
      </c>
      <c r="OJ37" s="331">
        <v>90030</v>
      </c>
      <c r="OK37" s="332">
        <v>187743</v>
      </c>
      <c r="OL37" s="337">
        <v>0</v>
      </c>
      <c r="OM37" s="331">
        <v>580471</v>
      </c>
      <c r="ON37" s="331">
        <v>433292</v>
      </c>
      <c r="OO37" s="331">
        <v>270190</v>
      </c>
      <c r="OP37" s="331">
        <v>1506256</v>
      </c>
      <c r="OQ37" s="331">
        <v>1042182</v>
      </c>
      <c r="OR37" s="335">
        <v>3832391</v>
      </c>
      <c r="OS37" s="340">
        <v>4020134</v>
      </c>
    </row>
    <row r="38" spans="2:409" s="56" customFormat="1" ht="21" customHeight="1" x14ac:dyDescent="0.2">
      <c r="B38" s="92" t="s">
        <v>33</v>
      </c>
      <c r="C38" s="312">
        <v>26305</v>
      </c>
      <c r="D38" s="313">
        <v>15539</v>
      </c>
      <c r="E38" s="314">
        <v>41844</v>
      </c>
      <c r="F38" s="315">
        <v>0</v>
      </c>
      <c r="G38" s="313">
        <v>1053085</v>
      </c>
      <c r="H38" s="313">
        <v>504477</v>
      </c>
      <c r="I38" s="313">
        <v>718448</v>
      </c>
      <c r="J38" s="313">
        <v>343708</v>
      </c>
      <c r="K38" s="313">
        <v>811800</v>
      </c>
      <c r="L38" s="353">
        <v>3431518</v>
      </c>
      <c r="M38" s="316">
        <v>3473362</v>
      </c>
      <c r="N38" s="312">
        <v>6153</v>
      </c>
      <c r="O38" s="313">
        <v>11339</v>
      </c>
      <c r="P38" s="314">
        <v>17492</v>
      </c>
      <c r="Q38" s="312">
        <v>0</v>
      </c>
      <c r="R38" s="313">
        <v>415007</v>
      </c>
      <c r="S38" s="313">
        <v>284201</v>
      </c>
      <c r="T38" s="313">
        <v>276798</v>
      </c>
      <c r="U38" s="313">
        <v>126689</v>
      </c>
      <c r="V38" s="313">
        <v>47338</v>
      </c>
      <c r="W38" s="314">
        <v>1150033</v>
      </c>
      <c r="X38" s="316">
        <v>1167525</v>
      </c>
      <c r="Y38" s="312">
        <v>0</v>
      </c>
      <c r="Z38" s="313">
        <v>0</v>
      </c>
      <c r="AA38" s="314">
        <v>0</v>
      </c>
      <c r="AB38" s="312">
        <v>0</v>
      </c>
      <c r="AC38" s="313">
        <v>201119</v>
      </c>
      <c r="AD38" s="313">
        <v>0</v>
      </c>
      <c r="AE38" s="313">
        <v>123998</v>
      </c>
      <c r="AF38" s="313">
        <v>0</v>
      </c>
      <c r="AG38" s="313">
        <v>0</v>
      </c>
      <c r="AH38" s="314">
        <v>325117</v>
      </c>
      <c r="AI38" s="316">
        <v>325117</v>
      </c>
      <c r="AJ38" s="312">
        <v>0</v>
      </c>
      <c r="AK38" s="313">
        <v>0</v>
      </c>
      <c r="AL38" s="314">
        <v>0</v>
      </c>
      <c r="AM38" s="312">
        <v>0</v>
      </c>
      <c r="AN38" s="313">
        <v>0</v>
      </c>
      <c r="AO38" s="313">
        <v>0</v>
      </c>
      <c r="AP38" s="313">
        <v>0</v>
      </c>
      <c r="AQ38" s="313">
        <v>0</v>
      </c>
      <c r="AR38" s="313">
        <v>11463</v>
      </c>
      <c r="AS38" s="314">
        <v>11463</v>
      </c>
      <c r="AT38" s="316">
        <v>11463</v>
      </c>
      <c r="AU38" s="312">
        <v>0</v>
      </c>
      <c r="AV38" s="313">
        <v>11339</v>
      </c>
      <c r="AW38" s="314">
        <v>11339</v>
      </c>
      <c r="AX38" s="312">
        <v>0</v>
      </c>
      <c r="AY38" s="313">
        <v>60772</v>
      </c>
      <c r="AZ38" s="313">
        <v>145303</v>
      </c>
      <c r="BA38" s="313">
        <v>0</v>
      </c>
      <c r="BB38" s="313">
        <v>0</v>
      </c>
      <c r="BC38" s="313">
        <v>0</v>
      </c>
      <c r="BD38" s="314">
        <v>206075</v>
      </c>
      <c r="BE38" s="316">
        <v>217414</v>
      </c>
      <c r="BF38" s="312">
        <v>0</v>
      </c>
      <c r="BG38" s="313">
        <v>0</v>
      </c>
      <c r="BH38" s="317">
        <v>0</v>
      </c>
      <c r="BI38" s="318">
        <v>0</v>
      </c>
      <c r="BJ38" s="313">
        <v>131192</v>
      </c>
      <c r="BK38" s="313">
        <v>120880</v>
      </c>
      <c r="BL38" s="313">
        <v>131023</v>
      </c>
      <c r="BM38" s="313">
        <v>94055</v>
      </c>
      <c r="BN38" s="313">
        <v>0</v>
      </c>
      <c r="BO38" s="314">
        <v>477150</v>
      </c>
      <c r="BP38" s="316">
        <v>477150</v>
      </c>
      <c r="BQ38" s="312">
        <v>6153</v>
      </c>
      <c r="BR38" s="313">
        <v>0</v>
      </c>
      <c r="BS38" s="314">
        <v>6153</v>
      </c>
      <c r="BT38" s="312">
        <v>0</v>
      </c>
      <c r="BU38" s="313">
        <v>21924</v>
      </c>
      <c r="BV38" s="313">
        <v>18018</v>
      </c>
      <c r="BW38" s="313">
        <v>21777</v>
      </c>
      <c r="BX38" s="313">
        <v>32634</v>
      </c>
      <c r="BY38" s="313">
        <v>35875</v>
      </c>
      <c r="BZ38" s="314">
        <v>130228</v>
      </c>
      <c r="CA38" s="316">
        <v>136381</v>
      </c>
      <c r="CB38" s="312">
        <v>18402</v>
      </c>
      <c r="CC38" s="313">
        <v>0</v>
      </c>
      <c r="CD38" s="314">
        <v>18402</v>
      </c>
      <c r="CE38" s="312">
        <v>0</v>
      </c>
      <c r="CF38" s="313">
        <v>209302</v>
      </c>
      <c r="CG38" s="313">
        <v>0</v>
      </c>
      <c r="CH38" s="313">
        <v>0</v>
      </c>
      <c r="CI38" s="313">
        <v>0</v>
      </c>
      <c r="CJ38" s="313">
        <v>0</v>
      </c>
      <c r="CK38" s="314">
        <v>209302</v>
      </c>
      <c r="CL38" s="316">
        <v>227704</v>
      </c>
      <c r="CM38" s="312">
        <v>0</v>
      </c>
      <c r="CN38" s="313">
        <v>0</v>
      </c>
      <c r="CO38" s="314">
        <v>0</v>
      </c>
      <c r="CP38" s="318">
        <v>0</v>
      </c>
      <c r="CQ38" s="313">
        <v>91699</v>
      </c>
      <c r="CR38" s="313">
        <v>0</v>
      </c>
      <c r="CS38" s="313">
        <v>0</v>
      </c>
      <c r="CT38" s="313">
        <v>0</v>
      </c>
      <c r="CU38" s="313">
        <v>0</v>
      </c>
      <c r="CV38" s="314">
        <v>91699</v>
      </c>
      <c r="CW38" s="316">
        <v>91699</v>
      </c>
      <c r="CX38" s="312">
        <v>18402</v>
      </c>
      <c r="CY38" s="313">
        <v>0</v>
      </c>
      <c r="CZ38" s="314">
        <v>18402</v>
      </c>
      <c r="DA38" s="312">
        <v>0</v>
      </c>
      <c r="DB38" s="313">
        <v>117603</v>
      </c>
      <c r="DC38" s="313">
        <v>0</v>
      </c>
      <c r="DD38" s="313">
        <v>0</v>
      </c>
      <c r="DE38" s="313">
        <v>0</v>
      </c>
      <c r="DF38" s="313">
        <v>0</v>
      </c>
      <c r="DG38" s="314">
        <v>117603</v>
      </c>
      <c r="DH38" s="316">
        <v>136005</v>
      </c>
      <c r="DI38" s="312">
        <v>0</v>
      </c>
      <c r="DJ38" s="313">
        <v>0</v>
      </c>
      <c r="DK38" s="317">
        <v>0</v>
      </c>
      <c r="DL38" s="318">
        <v>0</v>
      </c>
      <c r="DM38" s="313">
        <v>73114</v>
      </c>
      <c r="DN38" s="313">
        <v>0</v>
      </c>
      <c r="DO38" s="313">
        <v>21050</v>
      </c>
      <c r="DP38" s="313">
        <v>0</v>
      </c>
      <c r="DQ38" s="313">
        <v>323233</v>
      </c>
      <c r="DR38" s="314">
        <v>417397</v>
      </c>
      <c r="DS38" s="316">
        <v>417397</v>
      </c>
      <c r="DT38" s="312">
        <v>0</v>
      </c>
      <c r="DU38" s="313">
        <v>0</v>
      </c>
      <c r="DV38" s="314">
        <v>0</v>
      </c>
      <c r="DW38" s="312">
        <v>0</v>
      </c>
      <c r="DX38" s="313">
        <v>0</v>
      </c>
      <c r="DY38" s="313">
        <v>0</v>
      </c>
      <c r="DZ38" s="313">
        <v>21050</v>
      </c>
      <c r="EA38" s="313">
        <v>0</v>
      </c>
      <c r="EB38" s="313">
        <v>323233</v>
      </c>
      <c r="EC38" s="314">
        <v>344283</v>
      </c>
      <c r="ED38" s="316">
        <v>344283</v>
      </c>
      <c r="EE38" s="312">
        <v>0</v>
      </c>
      <c r="EF38" s="317">
        <v>0</v>
      </c>
      <c r="EG38" s="314">
        <v>0</v>
      </c>
      <c r="EH38" s="312">
        <v>0</v>
      </c>
      <c r="EI38" s="313">
        <v>0</v>
      </c>
      <c r="EJ38" s="313">
        <v>0</v>
      </c>
      <c r="EK38" s="313">
        <v>0</v>
      </c>
      <c r="EL38" s="313">
        <v>0</v>
      </c>
      <c r="EM38" s="313">
        <v>0</v>
      </c>
      <c r="EN38" s="317">
        <v>0</v>
      </c>
      <c r="EO38" s="316">
        <v>0</v>
      </c>
      <c r="EP38" s="312">
        <v>0</v>
      </c>
      <c r="EQ38" s="313">
        <v>0</v>
      </c>
      <c r="ER38" s="317">
        <v>0</v>
      </c>
      <c r="ES38" s="318">
        <v>0</v>
      </c>
      <c r="ET38" s="313">
        <v>0</v>
      </c>
      <c r="EU38" s="313">
        <v>0</v>
      </c>
      <c r="EV38" s="313">
        <v>0</v>
      </c>
      <c r="EW38" s="313">
        <v>0</v>
      </c>
      <c r="EX38" s="313">
        <v>0</v>
      </c>
      <c r="EY38" s="314">
        <v>0</v>
      </c>
      <c r="EZ38" s="316">
        <v>0</v>
      </c>
      <c r="FA38" s="312">
        <v>0</v>
      </c>
      <c r="FB38" s="313">
        <v>0</v>
      </c>
      <c r="FC38" s="317">
        <v>0</v>
      </c>
      <c r="FD38" s="390">
        <v>0</v>
      </c>
      <c r="FE38" s="313">
        <v>73114</v>
      </c>
      <c r="FF38" s="313">
        <v>0</v>
      </c>
      <c r="FG38" s="313">
        <v>0</v>
      </c>
      <c r="FH38" s="313">
        <v>0</v>
      </c>
      <c r="FI38" s="313">
        <v>0</v>
      </c>
      <c r="FJ38" s="314">
        <v>73114</v>
      </c>
      <c r="FK38" s="316">
        <v>73114</v>
      </c>
      <c r="FL38" s="312">
        <v>1750</v>
      </c>
      <c r="FM38" s="313">
        <v>4200</v>
      </c>
      <c r="FN38" s="314">
        <v>5950</v>
      </c>
      <c r="FO38" s="312">
        <v>0</v>
      </c>
      <c r="FP38" s="313">
        <v>87948</v>
      </c>
      <c r="FQ38" s="313">
        <v>57232</v>
      </c>
      <c r="FR38" s="313">
        <v>63980</v>
      </c>
      <c r="FS38" s="313">
        <v>28000</v>
      </c>
      <c r="FT38" s="313">
        <v>16604</v>
      </c>
      <c r="FU38" s="314">
        <v>253764</v>
      </c>
      <c r="FV38" s="316">
        <v>259714</v>
      </c>
      <c r="FW38" s="319">
        <v>1750</v>
      </c>
      <c r="FX38" s="313">
        <v>4200</v>
      </c>
      <c r="FY38" s="317">
        <v>5950</v>
      </c>
      <c r="FZ38" s="318">
        <v>0</v>
      </c>
      <c r="GA38" s="313">
        <v>87948</v>
      </c>
      <c r="GB38" s="313">
        <v>57232</v>
      </c>
      <c r="GC38" s="313">
        <v>63980</v>
      </c>
      <c r="GD38" s="313">
        <v>28000</v>
      </c>
      <c r="GE38" s="313">
        <v>16604</v>
      </c>
      <c r="GF38" s="314">
        <v>253764</v>
      </c>
      <c r="GG38" s="320">
        <v>259714</v>
      </c>
      <c r="GH38" s="319">
        <v>0</v>
      </c>
      <c r="GI38" s="313">
        <v>0</v>
      </c>
      <c r="GJ38" s="317">
        <v>0</v>
      </c>
      <c r="GK38" s="318">
        <v>0</v>
      </c>
      <c r="GL38" s="313">
        <v>0</v>
      </c>
      <c r="GM38" s="313">
        <v>0</v>
      </c>
      <c r="GN38" s="313">
        <v>0</v>
      </c>
      <c r="GO38" s="313">
        <v>0</v>
      </c>
      <c r="GP38" s="313">
        <v>0</v>
      </c>
      <c r="GQ38" s="314">
        <v>0</v>
      </c>
      <c r="GR38" s="316">
        <v>0</v>
      </c>
      <c r="GS38" s="312">
        <v>0</v>
      </c>
      <c r="GT38" s="313">
        <v>0</v>
      </c>
      <c r="GU38" s="314">
        <v>0</v>
      </c>
      <c r="GV38" s="312">
        <v>0</v>
      </c>
      <c r="GW38" s="313">
        <v>0</v>
      </c>
      <c r="GX38" s="313">
        <v>0</v>
      </c>
      <c r="GY38" s="313">
        <v>0</v>
      </c>
      <c r="GZ38" s="313">
        <v>0</v>
      </c>
      <c r="HA38" s="313">
        <v>0</v>
      </c>
      <c r="HB38" s="317">
        <v>0</v>
      </c>
      <c r="HC38" s="316">
        <v>0</v>
      </c>
      <c r="HD38" s="312">
        <v>0</v>
      </c>
      <c r="HE38" s="313">
        <v>0</v>
      </c>
      <c r="HF38" s="317">
        <v>0</v>
      </c>
      <c r="HG38" s="318">
        <v>0</v>
      </c>
      <c r="HH38" s="313">
        <v>267714</v>
      </c>
      <c r="HI38" s="313">
        <v>163044</v>
      </c>
      <c r="HJ38" s="313">
        <v>356620</v>
      </c>
      <c r="HK38" s="313">
        <v>189019</v>
      </c>
      <c r="HL38" s="313">
        <v>424625</v>
      </c>
      <c r="HM38" s="314">
        <v>1401022</v>
      </c>
      <c r="HN38" s="315">
        <v>1401022</v>
      </c>
      <c r="HO38" s="319">
        <v>0</v>
      </c>
      <c r="HP38" s="313">
        <v>0</v>
      </c>
      <c r="HQ38" s="314">
        <v>0</v>
      </c>
      <c r="HR38" s="312">
        <v>0</v>
      </c>
      <c r="HS38" s="313">
        <v>0</v>
      </c>
      <c r="HT38" s="313">
        <v>0</v>
      </c>
      <c r="HU38" s="313">
        <v>0</v>
      </c>
      <c r="HV38" s="313">
        <v>0</v>
      </c>
      <c r="HW38" s="313">
        <v>0</v>
      </c>
      <c r="HX38" s="317">
        <v>0</v>
      </c>
      <c r="HY38" s="316">
        <v>0</v>
      </c>
      <c r="HZ38" s="344">
        <v>0</v>
      </c>
      <c r="IA38" s="342">
        <v>0</v>
      </c>
      <c r="IB38" s="344">
        <v>0</v>
      </c>
      <c r="IC38" s="324">
        <v>0</v>
      </c>
      <c r="ID38" s="322">
        <v>99137</v>
      </c>
      <c r="IE38" s="325">
        <v>0</v>
      </c>
      <c r="IF38" s="323">
        <v>265095</v>
      </c>
      <c r="IG38" s="322">
        <v>0</v>
      </c>
      <c r="IH38" s="323">
        <v>0</v>
      </c>
      <c r="II38" s="326">
        <v>364232</v>
      </c>
      <c r="IJ38" s="344">
        <v>364232</v>
      </c>
      <c r="IK38" s="328">
        <v>0</v>
      </c>
      <c r="IL38" s="329">
        <v>0</v>
      </c>
      <c r="IM38" s="330">
        <v>0</v>
      </c>
      <c r="IN38" s="390">
        <v>0</v>
      </c>
      <c r="IO38" s="331">
        <v>0</v>
      </c>
      <c r="IP38" s="331">
        <v>0</v>
      </c>
      <c r="IQ38" s="331">
        <v>0</v>
      </c>
      <c r="IR38" s="331">
        <v>0</v>
      </c>
      <c r="IS38" s="331">
        <v>0</v>
      </c>
      <c r="IT38" s="332">
        <v>0</v>
      </c>
      <c r="IU38" s="333">
        <v>0</v>
      </c>
      <c r="IV38" s="334">
        <v>0</v>
      </c>
      <c r="IW38" s="331">
        <v>0</v>
      </c>
      <c r="IX38" s="335">
        <v>0</v>
      </c>
      <c r="IY38" s="390">
        <v>0</v>
      </c>
      <c r="IZ38" s="331">
        <v>0</v>
      </c>
      <c r="JA38" s="331">
        <v>0</v>
      </c>
      <c r="JB38" s="331">
        <v>0</v>
      </c>
      <c r="JC38" s="331">
        <v>0</v>
      </c>
      <c r="JD38" s="331">
        <v>0</v>
      </c>
      <c r="JE38" s="335">
        <v>0</v>
      </c>
      <c r="JF38" s="336">
        <v>0</v>
      </c>
      <c r="JG38" s="334">
        <v>0</v>
      </c>
      <c r="JH38" s="331">
        <v>0</v>
      </c>
      <c r="JI38" s="332">
        <v>0</v>
      </c>
      <c r="JJ38" s="337">
        <v>0</v>
      </c>
      <c r="JK38" s="331">
        <v>99137</v>
      </c>
      <c r="JL38" s="331">
        <v>0</v>
      </c>
      <c r="JM38" s="331">
        <v>50878</v>
      </c>
      <c r="JN38" s="331">
        <v>0</v>
      </c>
      <c r="JO38" s="331">
        <v>0</v>
      </c>
      <c r="JP38" s="335">
        <v>150015</v>
      </c>
      <c r="JQ38" s="333">
        <v>150015</v>
      </c>
      <c r="JR38" s="334">
        <v>0</v>
      </c>
      <c r="JS38" s="331">
        <v>0</v>
      </c>
      <c r="JT38" s="332">
        <v>0</v>
      </c>
      <c r="JU38" s="337">
        <v>0</v>
      </c>
      <c r="JV38" s="331">
        <v>0</v>
      </c>
      <c r="JW38" s="331">
        <v>0</v>
      </c>
      <c r="JX38" s="331">
        <v>0</v>
      </c>
      <c r="JY38" s="331">
        <v>0</v>
      </c>
      <c r="JZ38" s="331">
        <v>0</v>
      </c>
      <c r="KA38" s="335">
        <v>0</v>
      </c>
      <c r="KB38" s="333">
        <v>0</v>
      </c>
      <c r="KC38" s="338">
        <v>0</v>
      </c>
      <c r="KD38" s="339">
        <v>0</v>
      </c>
      <c r="KE38" s="335">
        <v>0</v>
      </c>
      <c r="KF38" s="337">
        <v>0</v>
      </c>
      <c r="KG38" s="331">
        <v>0</v>
      </c>
      <c r="KH38" s="331">
        <v>0</v>
      </c>
      <c r="KI38" s="331">
        <v>0</v>
      </c>
      <c r="KJ38" s="331">
        <v>0</v>
      </c>
      <c r="KK38" s="331">
        <v>0</v>
      </c>
      <c r="KL38" s="335">
        <v>0</v>
      </c>
      <c r="KM38" s="340">
        <v>0</v>
      </c>
      <c r="KN38" s="328">
        <v>0</v>
      </c>
      <c r="KO38" s="329">
        <v>0</v>
      </c>
      <c r="KP38" s="330">
        <v>0</v>
      </c>
      <c r="KQ38" s="390">
        <v>0</v>
      </c>
      <c r="KR38" s="331">
        <v>0</v>
      </c>
      <c r="KS38" s="331">
        <v>0</v>
      </c>
      <c r="KT38" s="331">
        <v>214217</v>
      </c>
      <c r="KU38" s="331">
        <v>0</v>
      </c>
      <c r="KV38" s="331">
        <v>0</v>
      </c>
      <c r="KW38" s="335">
        <v>214217</v>
      </c>
      <c r="KX38" s="333">
        <v>214217</v>
      </c>
      <c r="KY38" s="334">
        <v>0</v>
      </c>
      <c r="KZ38" s="331">
        <v>0</v>
      </c>
      <c r="LA38" s="335">
        <v>0</v>
      </c>
      <c r="LB38" s="390">
        <v>0</v>
      </c>
      <c r="LC38" s="331">
        <v>0</v>
      </c>
      <c r="LD38" s="331">
        <v>0</v>
      </c>
      <c r="LE38" s="331">
        <v>0</v>
      </c>
      <c r="LF38" s="331">
        <v>0</v>
      </c>
      <c r="LG38" s="331">
        <v>0</v>
      </c>
      <c r="LH38" s="335">
        <v>0</v>
      </c>
      <c r="LI38" s="336">
        <v>0</v>
      </c>
      <c r="LJ38" s="334">
        <v>0</v>
      </c>
      <c r="LK38" s="331">
        <v>0</v>
      </c>
      <c r="LL38" s="335">
        <v>0</v>
      </c>
      <c r="LM38" s="390">
        <v>0</v>
      </c>
      <c r="LN38" s="331">
        <v>0</v>
      </c>
      <c r="LO38" s="331">
        <v>0</v>
      </c>
      <c r="LP38" s="331">
        <v>0</v>
      </c>
      <c r="LQ38" s="331">
        <v>0</v>
      </c>
      <c r="LR38" s="331">
        <v>0</v>
      </c>
      <c r="LS38" s="335">
        <v>0</v>
      </c>
      <c r="LT38" s="333">
        <v>0</v>
      </c>
      <c r="LU38" s="334">
        <v>0</v>
      </c>
      <c r="LV38" s="331">
        <v>0</v>
      </c>
      <c r="LW38" s="335">
        <v>0</v>
      </c>
      <c r="LX38" s="390">
        <v>0</v>
      </c>
      <c r="LY38" s="331">
        <v>0</v>
      </c>
      <c r="LZ38" s="331">
        <v>0</v>
      </c>
      <c r="MA38" s="331">
        <v>0</v>
      </c>
      <c r="MB38" s="331">
        <v>0</v>
      </c>
      <c r="MC38" s="331">
        <v>0</v>
      </c>
      <c r="MD38" s="335">
        <v>0</v>
      </c>
      <c r="ME38" s="336">
        <v>0</v>
      </c>
      <c r="MF38" s="334">
        <v>0</v>
      </c>
      <c r="MG38" s="331">
        <v>0</v>
      </c>
      <c r="MH38" s="335">
        <v>0</v>
      </c>
      <c r="MI38" s="390">
        <v>0</v>
      </c>
      <c r="MJ38" s="331">
        <v>0</v>
      </c>
      <c r="MK38" s="331">
        <v>203324</v>
      </c>
      <c r="ML38" s="331">
        <v>0</v>
      </c>
      <c r="MM38" s="331">
        <v>277806</v>
      </c>
      <c r="MN38" s="331">
        <v>320147</v>
      </c>
      <c r="MO38" s="335">
        <v>801277</v>
      </c>
      <c r="MP38" s="340">
        <v>801277</v>
      </c>
      <c r="MQ38" s="334">
        <v>0</v>
      </c>
      <c r="MR38" s="331">
        <v>0</v>
      </c>
      <c r="MS38" s="335">
        <v>0</v>
      </c>
      <c r="MT38" s="390">
        <v>0</v>
      </c>
      <c r="MU38" s="331">
        <v>0</v>
      </c>
      <c r="MV38" s="331">
        <v>0</v>
      </c>
      <c r="MW38" s="331">
        <v>0</v>
      </c>
      <c r="MX38" s="331">
        <v>0</v>
      </c>
      <c r="MY38" s="331">
        <v>0</v>
      </c>
      <c r="MZ38" s="335">
        <v>0</v>
      </c>
      <c r="NA38" s="340">
        <v>0</v>
      </c>
      <c r="NB38" s="334">
        <v>0</v>
      </c>
      <c r="NC38" s="331">
        <v>0</v>
      </c>
      <c r="ND38" s="335">
        <v>0</v>
      </c>
      <c r="NE38" s="390">
        <v>0</v>
      </c>
      <c r="NF38" s="331">
        <v>0</v>
      </c>
      <c r="NG38" s="331">
        <v>0</v>
      </c>
      <c r="NH38" s="331">
        <v>0</v>
      </c>
      <c r="NI38" s="331">
        <v>0</v>
      </c>
      <c r="NJ38" s="331">
        <v>0</v>
      </c>
      <c r="NK38" s="335">
        <v>0</v>
      </c>
      <c r="NL38" s="333">
        <v>0</v>
      </c>
      <c r="NM38" s="334">
        <v>0</v>
      </c>
      <c r="NN38" s="331">
        <v>0</v>
      </c>
      <c r="NO38" s="335">
        <v>0</v>
      </c>
      <c r="NP38" s="390">
        <v>0</v>
      </c>
      <c r="NQ38" s="331">
        <v>0</v>
      </c>
      <c r="NR38" s="331">
        <v>0</v>
      </c>
      <c r="NS38" s="331">
        <v>0</v>
      </c>
      <c r="NT38" s="331">
        <v>0</v>
      </c>
      <c r="NU38" s="331">
        <v>0</v>
      </c>
      <c r="NV38" s="335">
        <v>0</v>
      </c>
      <c r="NW38" s="336">
        <v>0</v>
      </c>
      <c r="NX38" s="334">
        <v>0</v>
      </c>
      <c r="NY38" s="331">
        <v>0</v>
      </c>
      <c r="NZ38" s="335">
        <v>0</v>
      </c>
      <c r="OA38" s="390">
        <v>0</v>
      </c>
      <c r="OB38" s="331">
        <v>0</v>
      </c>
      <c r="OC38" s="331">
        <v>203324</v>
      </c>
      <c r="OD38" s="331">
        <v>0</v>
      </c>
      <c r="OE38" s="331">
        <v>277806</v>
      </c>
      <c r="OF38" s="331">
        <v>320147</v>
      </c>
      <c r="OG38" s="335">
        <v>801277</v>
      </c>
      <c r="OH38" s="336">
        <v>801277</v>
      </c>
      <c r="OI38" s="334">
        <v>26305</v>
      </c>
      <c r="OJ38" s="331">
        <v>15539</v>
      </c>
      <c r="OK38" s="332">
        <v>41844</v>
      </c>
      <c r="OL38" s="337">
        <v>0</v>
      </c>
      <c r="OM38" s="331">
        <v>1152222</v>
      </c>
      <c r="ON38" s="331">
        <v>707801</v>
      </c>
      <c r="OO38" s="331">
        <v>983543</v>
      </c>
      <c r="OP38" s="331">
        <v>621514</v>
      </c>
      <c r="OQ38" s="331">
        <v>1131947</v>
      </c>
      <c r="OR38" s="335">
        <v>4597027</v>
      </c>
      <c r="OS38" s="340">
        <v>4638871</v>
      </c>
    </row>
    <row r="39" spans="2:409" s="56" customFormat="1" ht="21" customHeight="1" x14ac:dyDescent="0.2">
      <c r="B39" s="92" t="s">
        <v>34</v>
      </c>
      <c r="C39" s="312">
        <v>19985</v>
      </c>
      <c r="D39" s="313">
        <v>0</v>
      </c>
      <c r="E39" s="354">
        <v>19985</v>
      </c>
      <c r="F39" s="356">
        <v>0</v>
      </c>
      <c r="G39" s="355">
        <v>83874</v>
      </c>
      <c r="H39" s="355">
        <v>574927</v>
      </c>
      <c r="I39" s="355">
        <v>372274</v>
      </c>
      <c r="J39" s="355">
        <v>110558</v>
      </c>
      <c r="K39" s="355">
        <v>0</v>
      </c>
      <c r="L39" s="356">
        <v>1141633</v>
      </c>
      <c r="M39" s="316">
        <v>1161618</v>
      </c>
      <c r="N39" s="312">
        <v>17185</v>
      </c>
      <c r="O39" s="313">
        <v>0</v>
      </c>
      <c r="P39" s="314">
        <v>17185</v>
      </c>
      <c r="Q39" s="312">
        <v>0</v>
      </c>
      <c r="R39" s="313">
        <v>79674</v>
      </c>
      <c r="S39" s="313">
        <v>152089</v>
      </c>
      <c r="T39" s="313">
        <v>13580</v>
      </c>
      <c r="U39" s="313">
        <v>0</v>
      </c>
      <c r="V39" s="313">
        <v>0</v>
      </c>
      <c r="W39" s="314">
        <v>245343</v>
      </c>
      <c r="X39" s="316">
        <v>262528</v>
      </c>
      <c r="Y39" s="312">
        <v>0</v>
      </c>
      <c r="Z39" s="313">
        <v>0</v>
      </c>
      <c r="AA39" s="314">
        <v>0</v>
      </c>
      <c r="AB39" s="312">
        <v>0</v>
      </c>
      <c r="AC39" s="313">
        <v>41839</v>
      </c>
      <c r="AD39" s="313">
        <v>35560</v>
      </c>
      <c r="AE39" s="313">
        <v>0</v>
      </c>
      <c r="AF39" s="313">
        <v>0</v>
      </c>
      <c r="AG39" s="313">
        <v>0</v>
      </c>
      <c r="AH39" s="314">
        <v>77399</v>
      </c>
      <c r="AI39" s="316">
        <v>77399</v>
      </c>
      <c r="AJ39" s="312">
        <v>0</v>
      </c>
      <c r="AK39" s="313">
        <v>0</v>
      </c>
      <c r="AL39" s="314">
        <v>0</v>
      </c>
      <c r="AM39" s="312">
        <v>0</v>
      </c>
      <c r="AN39" s="313">
        <v>0</v>
      </c>
      <c r="AO39" s="313">
        <v>0</v>
      </c>
      <c r="AP39" s="313">
        <v>0</v>
      </c>
      <c r="AQ39" s="313">
        <v>0</v>
      </c>
      <c r="AR39" s="313">
        <v>0</v>
      </c>
      <c r="AS39" s="314">
        <v>0</v>
      </c>
      <c r="AT39" s="316">
        <v>0</v>
      </c>
      <c r="AU39" s="312">
        <v>17185</v>
      </c>
      <c r="AV39" s="313">
        <v>0</v>
      </c>
      <c r="AW39" s="314">
        <v>17185</v>
      </c>
      <c r="AX39" s="312">
        <v>0</v>
      </c>
      <c r="AY39" s="313">
        <v>22260</v>
      </c>
      <c r="AZ39" s="313">
        <v>28980</v>
      </c>
      <c r="BA39" s="313">
        <v>0</v>
      </c>
      <c r="BB39" s="313">
        <v>0</v>
      </c>
      <c r="BC39" s="313">
        <v>0</v>
      </c>
      <c r="BD39" s="314">
        <v>51240</v>
      </c>
      <c r="BE39" s="316">
        <v>68425</v>
      </c>
      <c r="BF39" s="312">
        <v>0</v>
      </c>
      <c r="BG39" s="313">
        <v>0</v>
      </c>
      <c r="BH39" s="317">
        <v>0</v>
      </c>
      <c r="BI39" s="318">
        <v>0</v>
      </c>
      <c r="BJ39" s="313">
        <v>0</v>
      </c>
      <c r="BK39" s="313">
        <v>43960</v>
      </c>
      <c r="BL39" s="313">
        <v>0</v>
      </c>
      <c r="BM39" s="313">
        <v>0</v>
      </c>
      <c r="BN39" s="313">
        <v>0</v>
      </c>
      <c r="BO39" s="314">
        <v>43960</v>
      </c>
      <c r="BP39" s="316">
        <v>43960</v>
      </c>
      <c r="BQ39" s="312">
        <v>0</v>
      </c>
      <c r="BR39" s="313">
        <v>0</v>
      </c>
      <c r="BS39" s="314">
        <v>0</v>
      </c>
      <c r="BT39" s="312">
        <v>0</v>
      </c>
      <c r="BU39" s="313">
        <v>15575</v>
      </c>
      <c r="BV39" s="313">
        <v>43589</v>
      </c>
      <c r="BW39" s="313">
        <v>13580</v>
      </c>
      <c r="BX39" s="313">
        <v>0</v>
      </c>
      <c r="BY39" s="313">
        <v>0</v>
      </c>
      <c r="BZ39" s="314">
        <v>72744</v>
      </c>
      <c r="CA39" s="316">
        <v>72744</v>
      </c>
      <c r="CB39" s="312">
        <v>0</v>
      </c>
      <c r="CC39" s="313">
        <v>0</v>
      </c>
      <c r="CD39" s="314">
        <v>0</v>
      </c>
      <c r="CE39" s="312">
        <v>0</v>
      </c>
      <c r="CF39" s="313">
        <v>0</v>
      </c>
      <c r="CG39" s="313">
        <v>74984</v>
      </c>
      <c r="CH39" s="313">
        <v>178269</v>
      </c>
      <c r="CI39" s="313">
        <v>106036</v>
      </c>
      <c r="CJ39" s="313">
        <v>0</v>
      </c>
      <c r="CK39" s="314">
        <v>359289</v>
      </c>
      <c r="CL39" s="316">
        <v>359289</v>
      </c>
      <c r="CM39" s="312">
        <v>0</v>
      </c>
      <c r="CN39" s="313">
        <v>0</v>
      </c>
      <c r="CO39" s="314">
        <v>0</v>
      </c>
      <c r="CP39" s="318">
        <v>0</v>
      </c>
      <c r="CQ39" s="313">
        <v>0</v>
      </c>
      <c r="CR39" s="313">
        <v>74984</v>
      </c>
      <c r="CS39" s="313">
        <v>178269</v>
      </c>
      <c r="CT39" s="313">
        <v>106036</v>
      </c>
      <c r="CU39" s="313">
        <v>0</v>
      </c>
      <c r="CV39" s="314">
        <v>359289</v>
      </c>
      <c r="CW39" s="316">
        <v>359289</v>
      </c>
      <c r="CX39" s="312">
        <v>0</v>
      </c>
      <c r="CY39" s="313">
        <v>0</v>
      </c>
      <c r="CZ39" s="314">
        <v>0</v>
      </c>
      <c r="DA39" s="312">
        <v>0</v>
      </c>
      <c r="DB39" s="313">
        <v>0</v>
      </c>
      <c r="DC39" s="313">
        <v>0</v>
      </c>
      <c r="DD39" s="313">
        <v>0</v>
      </c>
      <c r="DE39" s="313">
        <v>0</v>
      </c>
      <c r="DF39" s="313">
        <v>0</v>
      </c>
      <c r="DG39" s="314">
        <v>0</v>
      </c>
      <c r="DH39" s="316">
        <v>0</v>
      </c>
      <c r="DI39" s="312">
        <v>0</v>
      </c>
      <c r="DJ39" s="313">
        <v>0</v>
      </c>
      <c r="DK39" s="317">
        <v>0</v>
      </c>
      <c r="DL39" s="318">
        <v>0</v>
      </c>
      <c r="DM39" s="313">
        <v>0</v>
      </c>
      <c r="DN39" s="313">
        <v>29113</v>
      </c>
      <c r="DO39" s="313">
        <v>17220</v>
      </c>
      <c r="DP39" s="313">
        <v>0</v>
      </c>
      <c r="DQ39" s="313">
        <v>0</v>
      </c>
      <c r="DR39" s="314">
        <v>46333</v>
      </c>
      <c r="DS39" s="316">
        <v>46333</v>
      </c>
      <c r="DT39" s="312">
        <v>0</v>
      </c>
      <c r="DU39" s="313">
        <v>0</v>
      </c>
      <c r="DV39" s="314">
        <v>0</v>
      </c>
      <c r="DW39" s="312">
        <v>0</v>
      </c>
      <c r="DX39" s="313">
        <v>0</v>
      </c>
      <c r="DY39" s="313">
        <v>29113</v>
      </c>
      <c r="DZ39" s="313">
        <v>17220</v>
      </c>
      <c r="EA39" s="313">
        <v>0</v>
      </c>
      <c r="EB39" s="313">
        <v>0</v>
      </c>
      <c r="EC39" s="314">
        <v>46333</v>
      </c>
      <c r="ED39" s="316">
        <v>46333</v>
      </c>
      <c r="EE39" s="312">
        <v>0</v>
      </c>
      <c r="EF39" s="317">
        <v>0</v>
      </c>
      <c r="EG39" s="314">
        <v>0</v>
      </c>
      <c r="EH39" s="312">
        <v>0</v>
      </c>
      <c r="EI39" s="313">
        <v>0</v>
      </c>
      <c r="EJ39" s="313">
        <v>0</v>
      </c>
      <c r="EK39" s="313">
        <v>0</v>
      </c>
      <c r="EL39" s="313">
        <v>0</v>
      </c>
      <c r="EM39" s="313">
        <v>0</v>
      </c>
      <c r="EN39" s="317">
        <v>0</v>
      </c>
      <c r="EO39" s="316">
        <v>0</v>
      </c>
      <c r="EP39" s="312">
        <v>0</v>
      </c>
      <c r="EQ39" s="313">
        <v>0</v>
      </c>
      <c r="ER39" s="317">
        <v>0</v>
      </c>
      <c r="ES39" s="318">
        <v>0</v>
      </c>
      <c r="ET39" s="313">
        <v>0</v>
      </c>
      <c r="EU39" s="313">
        <v>0</v>
      </c>
      <c r="EV39" s="313">
        <v>0</v>
      </c>
      <c r="EW39" s="313">
        <v>0</v>
      </c>
      <c r="EX39" s="313">
        <v>0</v>
      </c>
      <c r="EY39" s="314">
        <v>0</v>
      </c>
      <c r="EZ39" s="316">
        <v>0</v>
      </c>
      <c r="FA39" s="312">
        <v>0</v>
      </c>
      <c r="FB39" s="313">
        <v>0</v>
      </c>
      <c r="FC39" s="317">
        <v>0</v>
      </c>
      <c r="FD39" s="390">
        <v>0</v>
      </c>
      <c r="FE39" s="313">
        <v>0</v>
      </c>
      <c r="FF39" s="313">
        <v>0</v>
      </c>
      <c r="FG39" s="313">
        <v>0</v>
      </c>
      <c r="FH39" s="313">
        <v>0</v>
      </c>
      <c r="FI39" s="313">
        <v>0</v>
      </c>
      <c r="FJ39" s="314">
        <v>0</v>
      </c>
      <c r="FK39" s="316">
        <v>0</v>
      </c>
      <c r="FL39" s="312">
        <v>2800</v>
      </c>
      <c r="FM39" s="313">
        <v>0</v>
      </c>
      <c r="FN39" s="314">
        <v>2800</v>
      </c>
      <c r="FO39" s="312">
        <v>0</v>
      </c>
      <c r="FP39" s="313">
        <v>4200</v>
      </c>
      <c r="FQ39" s="313">
        <v>20230</v>
      </c>
      <c r="FR39" s="313">
        <v>0</v>
      </c>
      <c r="FS39" s="313">
        <v>4522</v>
      </c>
      <c r="FT39" s="313">
        <v>0</v>
      </c>
      <c r="FU39" s="314">
        <v>28952</v>
      </c>
      <c r="FV39" s="316">
        <v>31752</v>
      </c>
      <c r="FW39" s="319">
        <v>2800</v>
      </c>
      <c r="FX39" s="313">
        <v>0</v>
      </c>
      <c r="FY39" s="317">
        <v>2800</v>
      </c>
      <c r="FZ39" s="318">
        <v>0</v>
      </c>
      <c r="GA39" s="313">
        <v>4200</v>
      </c>
      <c r="GB39" s="313">
        <v>20230</v>
      </c>
      <c r="GC39" s="313">
        <v>0</v>
      </c>
      <c r="GD39" s="313">
        <v>4522</v>
      </c>
      <c r="GE39" s="313">
        <v>0</v>
      </c>
      <c r="GF39" s="314">
        <v>28952</v>
      </c>
      <c r="GG39" s="320">
        <v>31752</v>
      </c>
      <c r="GH39" s="319">
        <v>0</v>
      </c>
      <c r="GI39" s="313">
        <v>0</v>
      </c>
      <c r="GJ39" s="317">
        <v>0</v>
      </c>
      <c r="GK39" s="318">
        <v>0</v>
      </c>
      <c r="GL39" s="313">
        <v>0</v>
      </c>
      <c r="GM39" s="313">
        <v>0</v>
      </c>
      <c r="GN39" s="313">
        <v>0</v>
      </c>
      <c r="GO39" s="313">
        <v>0</v>
      </c>
      <c r="GP39" s="313">
        <v>0</v>
      </c>
      <c r="GQ39" s="314">
        <v>0</v>
      </c>
      <c r="GR39" s="316">
        <v>0</v>
      </c>
      <c r="GS39" s="312">
        <v>0</v>
      </c>
      <c r="GT39" s="313">
        <v>0</v>
      </c>
      <c r="GU39" s="314">
        <v>0</v>
      </c>
      <c r="GV39" s="312">
        <v>0</v>
      </c>
      <c r="GW39" s="313">
        <v>0</v>
      </c>
      <c r="GX39" s="313">
        <v>0</v>
      </c>
      <c r="GY39" s="313">
        <v>0</v>
      </c>
      <c r="GZ39" s="313">
        <v>0</v>
      </c>
      <c r="HA39" s="313">
        <v>0</v>
      </c>
      <c r="HB39" s="317">
        <v>0</v>
      </c>
      <c r="HC39" s="316">
        <v>0</v>
      </c>
      <c r="HD39" s="312">
        <v>0</v>
      </c>
      <c r="HE39" s="313">
        <v>0</v>
      </c>
      <c r="HF39" s="317">
        <v>0</v>
      </c>
      <c r="HG39" s="318">
        <v>0</v>
      </c>
      <c r="HH39" s="313">
        <v>0</v>
      </c>
      <c r="HI39" s="313">
        <v>298511</v>
      </c>
      <c r="HJ39" s="313">
        <v>163205</v>
      </c>
      <c r="HK39" s="313">
        <v>0</v>
      </c>
      <c r="HL39" s="313">
        <v>0</v>
      </c>
      <c r="HM39" s="314">
        <v>461716</v>
      </c>
      <c r="HN39" s="315">
        <v>461716</v>
      </c>
      <c r="HO39" s="319">
        <v>0</v>
      </c>
      <c r="HP39" s="313">
        <v>0</v>
      </c>
      <c r="HQ39" s="314">
        <v>0</v>
      </c>
      <c r="HR39" s="312">
        <v>0</v>
      </c>
      <c r="HS39" s="313">
        <v>0</v>
      </c>
      <c r="HT39" s="313">
        <v>0</v>
      </c>
      <c r="HU39" s="313">
        <v>0</v>
      </c>
      <c r="HV39" s="313">
        <v>0</v>
      </c>
      <c r="HW39" s="313">
        <v>0</v>
      </c>
      <c r="HX39" s="317">
        <v>0</v>
      </c>
      <c r="HY39" s="316">
        <v>0</v>
      </c>
      <c r="HZ39" s="321">
        <v>0</v>
      </c>
      <c r="IA39" s="322">
        <v>0</v>
      </c>
      <c r="IB39" s="323">
        <v>0</v>
      </c>
      <c r="IC39" s="324">
        <v>0</v>
      </c>
      <c r="ID39" s="322">
        <v>101542</v>
      </c>
      <c r="IE39" s="325">
        <v>0</v>
      </c>
      <c r="IF39" s="323">
        <v>0</v>
      </c>
      <c r="IG39" s="322">
        <v>0</v>
      </c>
      <c r="IH39" s="323">
        <v>0</v>
      </c>
      <c r="II39" s="326">
        <v>101542</v>
      </c>
      <c r="IJ39" s="327">
        <v>101542</v>
      </c>
      <c r="IK39" s="328">
        <v>0</v>
      </c>
      <c r="IL39" s="329">
        <v>0</v>
      </c>
      <c r="IM39" s="330">
        <v>0</v>
      </c>
      <c r="IN39" s="390">
        <v>0</v>
      </c>
      <c r="IO39" s="331">
        <v>0</v>
      </c>
      <c r="IP39" s="331">
        <v>0</v>
      </c>
      <c r="IQ39" s="331">
        <v>0</v>
      </c>
      <c r="IR39" s="331">
        <v>0</v>
      </c>
      <c r="IS39" s="331">
        <v>0</v>
      </c>
      <c r="IT39" s="332">
        <v>0</v>
      </c>
      <c r="IU39" s="333">
        <v>0</v>
      </c>
      <c r="IV39" s="334">
        <v>0</v>
      </c>
      <c r="IW39" s="331">
        <v>0</v>
      </c>
      <c r="IX39" s="335">
        <v>0</v>
      </c>
      <c r="IY39" s="390">
        <v>0</v>
      </c>
      <c r="IZ39" s="331">
        <v>0</v>
      </c>
      <c r="JA39" s="331">
        <v>0</v>
      </c>
      <c r="JB39" s="331">
        <v>0</v>
      </c>
      <c r="JC39" s="331">
        <v>0</v>
      </c>
      <c r="JD39" s="331">
        <v>0</v>
      </c>
      <c r="JE39" s="335">
        <v>0</v>
      </c>
      <c r="JF39" s="336">
        <v>0</v>
      </c>
      <c r="JG39" s="334">
        <v>0</v>
      </c>
      <c r="JH39" s="331">
        <v>0</v>
      </c>
      <c r="JI39" s="332">
        <v>0</v>
      </c>
      <c r="JJ39" s="337">
        <v>0</v>
      </c>
      <c r="JK39" s="331">
        <v>0</v>
      </c>
      <c r="JL39" s="331">
        <v>0</v>
      </c>
      <c r="JM39" s="331">
        <v>0</v>
      </c>
      <c r="JN39" s="331">
        <v>0</v>
      </c>
      <c r="JO39" s="331">
        <v>0</v>
      </c>
      <c r="JP39" s="335">
        <v>0</v>
      </c>
      <c r="JQ39" s="333">
        <v>0</v>
      </c>
      <c r="JR39" s="334">
        <v>0</v>
      </c>
      <c r="JS39" s="331">
        <v>0</v>
      </c>
      <c r="JT39" s="332">
        <v>0</v>
      </c>
      <c r="JU39" s="337">
        <v>0</v>
      </c>
      <c r="JV39" s="331">
        <v>0</v>
      </c>
      <c r="JW39" s="331">
        <v>0</v>
      </c>
      <c r="JX39" s="331">
        <v>0</v>
      </c>
      <c r="JY39" s="331">
        <v>0</v>
      </c>
      <c r="JZ39" s="331">
        <v>0</v>
      </c>
      <c r="KA39" s="335">
        <v>0</v>
      </c>
      <c r="KB39" s="333">
        <v>0</v>
      </c>
      <c r="KC39" s="338">
        <v>0</v>
      </c>
      <c r="KD39" s="339">
        <v>0</v>
      </c>
      <c r="KE39" s="335">
        <v>0</v>
      </c>
      <c r="KF39" s="337">
        <v>0</v>
      </c>
      <c r="KG39" s="331">
        <v>101542</v>
      </c>
      <c r="KH39" s="331">
        <v>0</v>
      </c>
      <c r="KI39" s="331">
        <v>0</v>
      </c>
      <c r="KJ39" s="331">
        <v>0</v>
      </c>
      <c r="KK39" s="331">
        <v>0</v>
      </c>
      <c r="KL39" s="335">
        <v>101542</v>
      </c>
      <c r="KM39" s="340">
        <v>101542</v>
      </c>
      <c r="KN39" s="328">
        <v>0</v>
      </c>
      <c r="KO39" s="329">
        <v>0</v>
      </c>
      <c r="KP39" s="330">
        <v>0</v>
      </c>
      <c r="KQ39" s="390">
        <v>0</v>
      </c>
      <c r="KR39" s="331">
        <v>0</v>
      </c>
      <c r="KS39" s="331">
        <v>0</v>
      </c>
      <c r="KT39" s="331">
        <v>0</v>
      </c>
      <c r="KU39" s="331">
        <v>0</v>
      </c>
      <c r="KV39" s="331">
        <v>0</v>
      </c>
      <c r="KW39" s="335">
        <v>0</v>
      </c>
      <c r="KX39" s="333">
        <v>0</v>
      </c>
      <c r="KY39" s="334">
        <v>0</v>
      </c>
      <c r="KZ39" s="331">
        <v>0</v>
      </c>
      <c r="LA39" s="335">
        <v>0</v>
      </c>
      <c r="LB39" s="390">
        <v>0</v>
      </c>
      <c r="LC39" s="331">
        <v>0</v>
      </c>
      <c r="LD39" s="331">
        <v>0</v>
      </c>
      <c r="LE39" s="331">
        <v>0</v>
      </c>
      <c r="LF39" s="331">
        <v>0</v>
      </c>
      <c r="LG39" s="331">
        <v>0</v>
      </c>
      <c r="LH39" s="335">
        <v>0</v>
      </c>
      <c r="LI39" s="336">
        <v>0</v>
      </c>
      <c r="LJ39" s="334">
        <v>0</v>
      </c>
      <c r="LK39" s="331">
        <v>0</v>
      </c>
      <c r="LL39" s="335">
        <v>0</v>
      </c>
      <c r="LM39" s="390">
        <v>0</v>
      </c>
      <c r="LN39" s="331">
        <v>0</v>
      </c>
      <c r="LO39" s="331">
        <v>0</v>
      </c>
      <c r="LP39" s="331">
        <v>0</v>
      </c>
      <c r="LQ39" s="331">
        <v>0</v>
      </c>
      <c r="LR39" s="331">
        <v>0</v>
      </c>
      <c r="LS39" s="335">
        <v>0</v>
      </c>
      <c r="LT39" s="333">
        <v>0</v>
      </c>
      <c r="LU39" s="334">
        <v>0</v>
      </c>
      <c r="LV39" s="331">
        <v>0</v>
      </c>
      <c r="LW39" s="335">
        <v>0</v>
      </c>
      <c r="LX39" s="390">
        <v>0</v>
      </c>
      <c r="LY39" s="331">
        <v>0</v>
      </c>
      <c r="LZ39" s="331">
        <v>0</v>
      </c>
      <c r="MA39" s="331">
        <v>0</v>
      </c>
      <c r="MB39" s="331">
        <v>0</v>
      </c>
      <c r="MC39" s="331">
        <v>0</v>
      </c>
      <c r="MD39" s="335">
        <v>0</v>
      </c>
      <c r="ME39" s="336">
        <v>0</v>
      </c>
      <c r="MF39" s="334">
        <v>0</v>
      </c>
      <c r="MG39" s="331">
        <v>0</v>
      </c>
      <c r="MH39" s="335">
        <v>0</v>
      </c>
      <c r="MI39" s="390">
        <v>0</v>
      </c>
      <c r="MJ39" s="331">
        <v>0</v>
      </c>
      <c r="MK39" s="331">
        <v>0</v>
      </c>
      <c r="ML39" s="331">
        <v>0</v>
      </c>
      <c r="MM39" s="331">
        <v>196585</v>
      </c>
      <c r="MN39" s="331">
        <v>0</v>
      </c>
      <c r="MO39" s="335">
        <v>196585</v>
      </c>
      <c r="MP39" s="340">
        <v>196585</v>
      </c>
      <c r="MQ39" s="334">
        <v>0</v>
      </c>
      <c r="MR39" s="331">
        <v>0</v>
      </c>
      <c r="MS39" s="335">
        <v>0</v>
      </c>
      <c r="MT39" s="390">
        <v>0</v>
      </c>
      <c r="MU39" s="331">
        <v>0</v>
      </c>
      <c r="MV39" s="331">
        <v>0</v>
      </c>
      <c r="MW39" s="331">
        <v>0</v>
      </c>
      <c r="MX39" s="331">
        <v>196585</v>
      </c>
      <c r="MY39" s="331">
        <v>0</v>
      </c>
      <c r="MZ39" s="335">
        <v>196585</v>
      </c>
      <c r="NA39" s="340">
        <v>196585</v>
      </c>
      <c r="NB39" s="334">
        <v>0</v>
      </c>
      <c r="NC39" s="331">
        <v>0</v>
      </c>
      <c r="ND39" s="335">
        <v>0</v>
      </c>
      <c r="NE39" s="390">
        <v>0</v>
      </c>
      <c r="NF39" s="331">
        <v>0</v>
      </c>
      <c r="NG39" s="331">
        <v>0</v>
      </c>
      <c r="NH39" s="331">
        <v>0</v>
      </c>
      <c r="NI39" s="331">
        <v>0</v>
      </c>
      <c r="NJ39" s="331">
        <v>0</v>
      </c>
      <c r="NK39" s="335">
        <v>0</v>
      </c>
      <c r="NL39" s="333">
        <v>0</v>
      </c>
      <c r="NM39" s="334">
        <v>0</v>
      </c>
      <c r="NN39" s="331">
        <v>0</v>
      </c>
      <c r="NO39" s="335">
        <v>0</v>
      </c>
      <c r="NP39" s="390">
        <v>0</v>
      </c>
      <c r="NQ39" s="331">
        <v>0</v>
      </c>
      <c r="NR39" s="331">
        <v>0</v>
      </c>
      <c r="NS39" s="331">
        <v>0</v>
      </c>
      <c r="NT39" s="331">
        <v>0</v>
      </c>
      <c r="NU39" s="331">
        <v>0</v>
      </c>
      <c r="NV39" s="335">
        <v>0</v>
      </c>
      <c r="NW39" s="336">
        <v>0</v>
      </c>
      <c r="NX39" s="334">
        <v>0</v>
      </c>
      <c r="NY39" s="331">
        <v>0</v>
      </c>
      <c r="NZ39" s="335">
        <v>0</v>
      </c>
      <c r="OA39" s="390">
        <v>0</v>
      </c>
      <c r="OB39" s="331">
        <v>0</v>
      </c>
      <c r="OC39" s="331">
        <v>0</v>
      </c>
      <c r="OD39" s="331">
        <v>0</v>
      </c>
      <c r="OE39" s="331">
        <v>0</v>
      </c>
      <c r="OF39" s="331">
        <v>0</v>
      </c>
      <c r="OG39" s="335">
        <v>0</v>
      </c>
      <c r="OH39" s="336">
        <v>0</v>
      </c>
      <c r="OI39" s="334">
        <v>19985</v>
      </c>
      <c r="OJ39" s="331">
        <v>0</v>
      </c>
      <c r="OK39" s="332">
        <v>19985</v>
      </c>
      <c r="OL39" s="337">
        <v>0</v>
      </c>
      <c r="OM39" s="331">
        <v>185416</v>
      </c>
      <c r="ON39" s="331">
        <v>574927</v>
      </c>
      <c r="OO39" s="331">
        <v>372274</v>
      </c>
      <c r="OP39" s="331">
        <v>307143</v>
      </c>
      <c r="OQ39" s="331">
        <v>0</v>
      </c>
      <c r="OR39" s="335">
        <v>1439760</v>
      </c>
      <c r="OS39" s="340">
        <v>1459745</v>
      </c>
    </row>
    <row r="40" spans="2:409" s="56" customFormat="1" ht="21" customHeight="1" x14ac:dyDescent="0.2">
      <c r="B40" s="92" t="s">
        <v>35</v>
      </c>
      <c r="C40" s="312">
        <v>218143</v>
      </c>
      <c r="D40" s="313">
        <v>260484</v>
      </c>
      <c r="E40" s="314">
        <v>478627</v>
      </c>
      <c r="F40" s="315">
        <v>0</v>
      </c>
      <c r="G40" s="313">
        <v>1076381</v>
      </c>
      <c r="H40" s="313">
        <v>925340</v>
      </c>
      <c r="I40" s="313">
        <v>963445</v>
      </c>
      <c r="J40" s="313">
        <v>389583</v>
      </c>
      <c r="K40" s="313">
        <v>539091</v>
      </c>
      <c r="L40" s="353">
        <v>3893840</v>
      </c>
      <c r="M40" s="316">
        <v>4372467</v>
      </c>
      <c r="N40" s="312">
        <v>36162</v>
      </c>
      <c r="O40" s="313">
        <v>100632</v>
      </c>
      <c r="P40" s="314">
        <v>136794</v>
      </c>
      <c r="Q40" s="312">
        <v>0</v>
      </c>
      <c r="R40" s="313">
        <v>205692</v>
      </c>
      <c r="S40" s="313">
        <v>322010</v>
      </c>
      <c r="T40" s="313">
        <v>211026</v>
      </c>
      <c r="U40" s="313">
        <v>10822</v>
      </c>
      <c r="V40" s="313">
        <v>67088</v>
      </c>
      <c r="W40" s="314">
        <v>816638</v>
      </c>
      <c r="X40" s="316">
        <v>953432</v>
      </c>
      <c r="Y40" s="312">
        <v>0</v>
      </c>
      <c r="Z40" s="313">
        <v>0</v>
      </c>
      <c r="AA40" s="314">
        <v>0</v>
      </c>
      <c r="AB40" s="312">
        <v>0</v>
      </c>
      <c r="AC40" s="313">
        <v>46788</v>
      </c>
      <c r="AD40" s="313">
        <v>204326</v>
      </c>
      <c r="AE40" s="313">
        <v>70053</v>
      </c>
      <c r="AF40" s="313">
        <v>0</v>
      </c>
      <c r="AG40" s="313">
        <v>0</v>
      </c>
      <c r="AH40" s="314">
        <v>321167</v>
      </c>
      <c r="AI40" s="316">
        <v>321167</v>
      </c>
      <c r="AJ40" s="312">
        <v>0</v>
      </c>
      <c r="AK40" s="313">
        <v>0</v>
      </c>
      <c r="AL40" s="314">
        <v>0</v>
      </c>
      <c r="AM40" s="312">
        <v>0</v>
      </c>
      <c r="AN40" s="313">
        <v>0</v>
      </c>
      <c r="AO40" s="313">
        <v>0</v>
      </c>
      <c r="AP40" s="313">
        <v>0</v>
      </c>
      <c r="AQ40" s="313">
        <v>0</v>
      </c>
      <c r="AR40" s="313">
        <v>0</v>
      </c>
      <c r="AS40" s="314">
        <v>0</v>
      </c>
      <c r="AT40" s="316">
        <v>0</v>
      </c>
      <c r="AU40" s="312">
        <v>0</v>
      </c>
      <c r="AV40" s="313">
        <v>45297</v>
      </c>
      <c r="AW40" s="314">
        <v>45297</v>
      </c>
      <c r="AX40" s="312">
        <v>0</v>
      </c>
      <c r="AY40" s="313">
        <v>48549</v>
      </c>
      <c r="AZ40" s="313">
        <v>99309</v>
      </c>
      <c r="BA40" s="313">
        <v>98203</v>
      </c>
      <c r="BB40" s="313">
        <v>0</v>
      </c>
      <c r="BC40" s="313">
        <v>17206</v>
      </c>
      <c r="BD40" s="314">
        <v>263267</v>
      </c>
      <c r="BE40" s="316">
        <v>308564</v>
      </c>
      <c r="BF40" s="312">
        <v>0</v>
      </c>
      <c r="BG40" s="313">
        <v>25536</v>
      </c>
      <c r="BH40" s="317">
        <v>25536</v>
      </c>
      <c r="BI40" s="318">
        <v>0</v>
      </c>
      <c r="BJ40" s="313">
        <v>41762</v>
      </c>
      <c r="BK40" s="313">
        <v>0</v>
      </c>
      <c r="BL40" s="313">
        <v>0</v>
      </c>
      <c r="BM40" s="313">
        <v>0</v>
      </c>
      <c r="BN40" s="313">
        <v>35168</v>
      </c>
      <c r="BO40" s="314">
        <v>76930</v>
      </c>
      <c r="BP40" s="316">
        <v>102466</v>
      </c>
      <c r="BQ40" s="312">
        <v>36162</v>
      </c>
      <c r="BR40" s="313">
        <v>29799</v>
      </c>
      <c r="BS40" s="314">
        <v>65961</v>
      </c>
      <c r="BT40" s="312">
        <v>0</v>
      </c>
      <c r="BU40" s="313">
        <v>68593</v>
      </c>
      <c r="BV40" s="313">
        <v>18375</v>
      </c>
      <c r="BW40" s="313">
        <v>42770</v>
      </c>
      <c r="BX40" s="313">
        <v>10822</v>
      </c>
      <c r="BY40" s="313">
        <v>14714</v>
      </c>
      <c r="BZ40" s="314">
        <v>155274</v>
      </c>
      <c r="CA40" s="316">
        <v>221235</v>
      </c>
      <c r="CB40" s="312">
        <v>17682</v>
      </c>
      <c r="CC40" s="313">
        <v>64680</v>
      </c>
      <c r="CD40" s="314">
        <v>82362</v>
      </c>
      <c r="CE40" s="312">
        <v>0</v>
      </c>
      <c r="CF40" s="313">
        <v>287539</v>
      </c>
      <c r="CG40" s="313">
        <v>165018</v>
      </c>
      <c r="CH40" s="313">
        <v>275838</v>
      </c>
      <c r="CI40" s="313">
        <v>0</v>
      </c>
      <c r="CJ40" s="313">
        <v>41937</v>
      </c>
      <c r="CK40" s="314">
        <v>770332</v>
      </c>
      <c r="CL40" s="316">
        <v>852694</v>
      </c>
      <c r="CM40" s="312">
        <v>0</v>
      </c>
      <c r="CN40" s="313">
        <v>0</v>
      </c>
      <c r="CO40" s="314">
        <v>0</v>
      </c>
      <c r="CP40" s="318">
        <v>0</v>
      </c>
      <c r="CQ40" s="313">
        <v>198835</v>
      </c>
      <c r="CR40" s="313">
        <v>103061</v>
      </c>
      <c r="CS40" s="313">
        <v>101528</v>
      </c>
      <c r="CT40" s="313">
        <v>0</v>
      </c>
      <c r="CU40" s="313">
        <v>41937</v>
      </c>
      <c r="CV40" s="314">
        <v>445361</v>
      </c>
      <c r="CW40" s="316">
        <v>445361</v>
      </c>
      <c r="CX40" s="312">
        <v>17682</v>
      </c>
      <c r="CY40" s="313">
        <v>64680</v>
      </c>
      <c r="CZ40" s="314">
        <v>82362</v>
      </c>
      <c r="DA40" s="312">
        <v>0</v>
      </c>
      <c r="DB40" s="313">
        <v>88704</v>
      </c>
      <c r="DC40" s="313">
        <v>61957</v>
      </c>
      <c r="DD40" s="313">
        <v>174310</v>
      </c>
      <c r="DE40" s="313">
        <v>0</v>
      </c>
      <c r="DF40" s="313">
        <v>0</v>
      </c>
      <c r="DG40" s="314">
        <v>324971</v>
      </c>
      <c r="DH40" s="316">
        <v>407333</v>
      </c>
      <c r="DI40" s="312">
        <v>0</v>
      </c>
      <c r="DJ40" s="313">
        <v>0</v>
      </c>
      <c r="DK40" s="317">
        <v>0</v>
      </c>
      <c r="DL40" s="318">
        <v>0</v>
      </c>
      <c r="DM40" s="313">
        <v>0</v>
      </c>
      <c r="DN40" s="313">
        <v>97265</v>
      </c>
      <c r="DO40" s="313">
        <v>22897</v>
      </c>
      <c r="DP40" s="313">
        <v>0</v>
      </c>
      <c r="DQ40" s="313">
        <v>173243</v>
      </c>
      <c r="DR40" s="314">
        <v>293405</v>
      </c>
      <c r="DS40" s="316">
        <v>293405</v>
      </c>
      <c r="DT40" s="312">
        <v>0</v>
      </c>
      <c r="DU40" s="313">
        <v>0</v>
      </c>
      <c r="DV40" s="314">
        <v>0</v>
      </c>
      <c r="DW40" s="312">
        <v>0</v>
      </c>
      <c r="DX40" s="313">
        <v>0</v>
      </c>
      <c r="DY40" s="313">
        <v>97265</v>
      </c>
      <c r="DZ40" s="313">
        <v>22897</v>
      </c>
      <c r="EA40" s="313">
        <v>0</v>
      </c>
      <c r="EB40" s="313">
        <v>173243</v>
      </c>
      <c r="EC40" s="314">
        <v>293405</v>
      </c>
      <c r="ED40" s="316">
        <v>293405</v>
      </c>
      <c r="EE40" s="312">
        <v>0</v>
      </c>
      <c r="EF40" s="317">
        <v>0</v>
      </c>
      <c r="EG40" s="314">
        <v>0</v>
      </c>
      <c r="EH40" s="312">
        <v>0</v>
      </c>
      <c r="EI40" s="313">
        <v>0</v>
      </c>
      <c r="EJ40" s="313">
        <v>0</v>
      </c>
      <c r="EK40" s="313">
        <v>0</v>
      </c>
      <c r="EL40" s="313">
        <v>0</v>
      </c>
      <c r="EM40" s="313">
        <v>0</v>
      </c>
      <c r="EN40" s="317">
        <v>0</v>
      </c>
      <c r="EO40" s="316">
        <v>0</v>
      </c>
      <c r="EP40" s="312">
        <v>0</v>
      </c>
      <c r="EQ40" s="313">
        <v>0</v>
      </c>
      <c r="ER40" s="317">
        <v>0</v>
      </c>
      <c r="ES40" s="318">
        <v>0</v>
      </c>
      <c r="ET40" s="313">
        <v>0</v>
      </c>
      <c r="EU40" s="313">
        <v>0</v>
      </c>
      <c r="EV40" s="313">
        <v>0</v>
      </c>
      <c r="EW40" s="313">
        <v>0</v>
      </c>
      <c r="EX40" s="313">
        <v>0</v>
      </c>
      <c r="EY40" s="314">
        <v>0</v>
      </c>
      <c r="EZ40" s="316">
        <v>0</v>
      </c>
      <c r="FA40" s="312">
        <v>0</v>
      </c>
      <c r="FB40" s="313">
        <v>0</v>
      </c>
      <c r="FC40" s="317">
        <v>0</v>
      </c>
      <c r="FD40" s="390">
        <v>0</v>
      </c>
      <c r="FE40" s="313">
        <v>0</v>
      </c>
      <c r="FF40" s="313">
        <v>0</v>
      </c>
      <c r="FG40" s="313">
        <v>0</v>
      </c>
      <c r="FH40" s="313">
        <v>0</v>
      </c>
      <c r="FI40" s="313">
        <v>0</v>
      </c>
      <c r="FJ40" s="314">
        <v>0</v>
      </c>
      <c r="FK40" s="316">
        <v>0</v>
      </c>
      <c r="FL40" s="312">
        <v>20398</v>
      </c>
      <c r="FM40" s="313">
        <v>14630</v>
      </c>
      <c r="FN40" s="314">
        <v>35028</v>
      </c>
      <c r="FO40" s="312">
        <v>0</v>
      </c>
      <c r="FP40" s="313">
        <v>34055</v>
      </c>
      <c r="FQ40" s="313">
        <v>120428</v>
      </c>
      <c r="FR40" s="313">
        <v>129710</v>
      </c>
      <c r="FS40" s="313">
        <v>0</v>
      </c>
      <c r="FT40" s="313">
        <v>45850</v>
      </c>
      <c r="FU40" s="314">
        <v>330043</v>
      </c>
      <c r="FV40" s="316">
        <v>365071</v>
      </c>
      <c r="FW40" s="319">
        <v>20398</v>
      </c>
      <c r="FX40" s="313">
        <v>14630</v>
      </c>
      <c r="FY40" s="317">
        <v>35028</v>
      </c>
      <c r="FZ40" s="318">
        <v>0</v>
      </c>
      <c r="GA40" s="313">
        <v>19180</v>
      </c>
      <c r="GB40" s="313">
        <v>120428</v>
      </c>
      <c r="GC40" s="313">
        <v>129710</v>
      </c>
      <c r="GD40" s="313">
        <v>0</v>
      </c>
      <c r="GE40" s="313">
        <v>45850</v>
      </c>
      <c r="GF40" s="314">
        <v>315168</v>
      </c>
      <c r="GG40" s="320">
        <v>350196</v>
      </c>
      <c r="GH40" s="319">
        <v>0</v>
      </c>
      <c r="GI40" s="313">
        <v>0</v>
      </c>
      <c r="GJ40" s="317">
        <v>0</v>
      </c>
      <c r="GK40" s="318">
        <v>0</v>
      </c>
      <c r="GL40" s="313">
        <v>14875</v>
      </c>
      <c r="GM40" s="313">
        <v>0</v>
      </c>
      <c r="GN40" s="313">
        <v>0</v>
      </c>
      <c r="GO40" s="313">
        <v>0</v>
      </c>
      <c r="GP40" s="313">
        <v>0</v>
      </c>
      <c r="GQ40" s="314">
        <v>14875</v>
      </c>
      <c r="GR40" s="316">
        <v>14875</v>
      </c>
      <c r="GS40" s="312">
        <v>0</v>
      </c>
      <c r="GT40" s="313">
        <v>0</v>
      </c>
      <c r="GU40" s="314">
        <v>0</v>
      </c>
      <c r="GV40" s="312">
        <v>0</v>
      </c>
      <c r="GW40" s="313">
        <v>0</v>
      </c>
      <c r="GX40" s="313">
        <v>0</v>
      </c>
      <c r="GY40" s="313">
        <v>0</v>
      </c>
      <c r="GZ40" s="313">
        <v>0</v>
      </c>
      <c r="HA40" s="313">
        <v>0</v>
      </c>
      <c r="HB40" s="317">
        <v>0</v>
      </c>
      <c r="HC40" s="316">
        <v>0</v>
      </c>
      <c r="HD40" s="312">
        <v>143901</v>
      </c>
      <c r="HE40" s="313">
        <v>80542</v>
      </c>
      <c r="HF40" s="317">
        <v>224443</v>
      </c>
      <c r="HG40" s="318">
        <v>0</v>
      </c>
      <c r="HH40" s="313">
        <v>549095</v>
      </c>
      <c r="HI40" s="313">
        <v>220619</v>
      </c>
      <c r="HJ40" s="313">
        <v>323974</v>
      </c>
      <c r="HK40" s="313">
        <v>378761</v>
      </c>
      <c r="HL40" s="313">
        <v>210973</v>
      </c>
      <c r="HM40" s="314">
        <v>1683422</v>
      </c>
      <c r="HN40" s="315">
        <v>1907865</v>
      </c>
      <c r="HO40" s="319">
        <v>0</v>
      </c>
      <c r="HP40" s="313">
        <v>0</v>
      </c>
      <c r="HQ40" s="314">
        <v>0</v>
      </c>
      <c r="HR40" s="312">
        <v>0</v>
      </c>
      <c r="HS40" s="313">
        <v>0</v>
      </c>
      <c r="HT40" s="313">
        <v>0</v>
      </c>
      <c r="HU40" s="313">
        <v>0</v>
      </c>
      <c r="HV40" s="313">
        <v>0</v>
      </c>
      <c r="HW40" s="313">
        <v>0</v>
      </c>
      <c r="HX40" s="317">
        <v>0</v>
      </c>
      <c r="HY40" s="316">
        <v>0</v>
      </c>
      <c r="HZ40" s="344">
        <v>0</v>
      </c>
      <c r="IA40" s="342">
        <v>56252</v>
      </c>
      <c r="IB40" s="344">
        <v>56252</v>
      </c>
      <c r="IC40" s="324">
        <v>0</v>
      </c>
      <c r="ID40" s="322">
        <v>213760</v>
      </c>
      <c r="IE40" s="325">
        <v>0</v>
      </c>
      <c r="IF40" s="323">
        <v>0</v>
      </c>
      <c r="IG40" s="322">
        <v>0</v>
      </c>
      <c r="IH40" s="323">
        <v>0</v>
      </c>
      <c r="II40" s="326">
        <v>213760</v>
      </c>
      <c r="IJ40" s="344">
        <v>270012</v>
      </c>
      <c r="IK40" s="328">
        <v>0</v>
      </c>
      <c r="IL40" s="329">
        <v>0</v>
      </c>
      <c r="IM40" s="330">
        <v>0</v>
      </c>
      <c r="IN40" s="390">
        <v>0</v>
      </c>
      <c r="IO40" s="331">
        <v>0</v>
      </c>
      <c r="IP40" s="331">
        <v>0</v>
      </c>
      <c r="IQ40" s="331">
        <v>0</v>
      </c>
      <c r="IR40" s="331">
        <v>0</v>
      </c>
      <c r="IS40" s="331">
        <v>0</v>
      </c>
      <c r="IT40" s="332">
        <v>0</v>
      </c>
      <c r="IU40" s="333">
        <v>0</v>
      </c>
      <c r="IV40" s="334">
        <v>0</v>
      </c>
      <c r="IW40" s="331">
        <v>0</v>
      </c>
      <c r="IX40" s="335">
        <v>0</v>
      </c>
      <c r="IY40" s="390">
        <v>0</v>
      </c>
      <c r="IZ40" s="331">
        <v>0</v>
      </c>
      <c r="JA40" s="331">
        <v>0</v>
      </c>
      <c r="JB40" s="331">
        <v>0</v>
      </c>
      <c r="JC40" s="331">
        <v>0</v>
      </c>
      <c r="JD40" s="331">
        <v>0</v>
      </c>
      <c r="JE40" s="335">
        <v>0</v>
      </c>
      <c r="JF40" s="336">
        <v>0</v>
      </c>
      <c r="JG40" s="334">
        <v>0</v>
      </c>
      <c r="JH40" s="331">
        <v>0</v>
      </c>
      <c r="JI40" s="332">
        <v>0</v>
      </c>
      <c r="JJ40" s="337">
        <v>0</v>
      </c>
      <c r="JK40" s="331">
        <v>16843</v>
      </c>
      <c r="JL40" s="331">
        <v>0</v>
      </c>
      <c r="JM40" s="331">
        <v>0</v>
      </c>
      <c r="JN40" s="331">
        <v>0</v>
      </c>
      <c r="JO40" s="331">
        <v>0</v>
      </c>
      <c r="JP40" s="335">
        <v>16843</v>
      </c>
      <c r="JQ40" s="333">
        <v>16843</v>
      </c>
      <c r="JR40" s="334">
        <v>0</v>
      </c>
      <c r="JS40" s="331">
        <v>0</v>
      </c>
      <c r="JT40" s="332">
        <v>0</v>
      </c>
      <c r="JU40" s="337">
        <v>0</v>
      </c>
      <c r="JV40" s="331">
        <v>0</v>
      </c>
      <c r="JW40" s="331">
        <v>0</v>
      </c>
      <c r="JX40" s="331">
        <v>0</v>
      </c>
      <c r="JY40" s="331">
        <v>0</v>
      </c>
      <c r="JZ40" s="331">
        <v>0</v>
      </c>
      <c r="KA40" s="335">
        <v>0</v>
      </c>
      <c r="KB40" s="333">
        <v>0</v>
      </c>
      <c r="KC40" s="338">
        <v>0</v>
      </c>
      <c r="KD40" s="339">
        <v>56252</v>
      </c>
      <c r="KE40" s="335">
        <v>56252</v>
      </c>
      <c r="KF40" s="337">
        <v>0</v>
      </c>
      <c r="KG40" s="331">
        <v>0</v>
      </c>
      <c r="KH40" s="331">
        <v>0</v>
      </c>
      <c r="KI40" s="331">
        <v>0</v>
      </c>
      <c r="KJ40" s="331">
        <v>0</v>
      </c>
      <c r="KK40" s="331">
        <v>0</v>
      </c>
      <c r="KL40" s="335">
        <v>0</v>
      </c>
      <c r="KM40" s="340">
        <v>56252</v>
      </c>
      <c r="KN40" s="328">
        <v>0</v>
      </c>
      <c r="KO40" s="329">
        <v>0</v>
      </c>
      <c r="KP40" s="330">
        <v>0</v>
      </c>
      <c r="KQ40" s="390">
        <v>0</v>
      </c>
      <c r="KR40" s="331">
        <v>196917</v>
      </c>
      <c r="KS40" s="331">
        <v>0</v>
      </c>
      <c r="KT40" s="331">
        <v>0</v>
      </c>
      <c r="KU40" s="331">
        <v>0</v>
      </c>
      <c r="KV40" s="331">
        <v>0</v>
      </c>
      <c r="KW40" s="335">
        <v>196917</v>
      </c>
      <c r="KX40" s="333">
        <v>196917</v>
      </c>
      <c r="KY40" s="334">
        <v>0</v>
      </c>
      <c r="KZ40" s="331">
        <v>0</v>
      </c>
      <c r="LA40" s="335">
        <v>0</v>
      </c>
      <c r="LB40" s="390">
        <v>0</v>
      </c>
      <c r="LC40" s="331">
        <v>0</v>
      </c>
      <c r="LD40" s="331">
        <v>0</v>
      </c>
      <c r="LE40" s="331">
        <v>0</v>
      </c>
      <c r="LF40" s="331">
        <v>0</v>
      </c>
      <c r="LG40" s="331">
        <v>0</v>
      </c>
      <c r="LH40" s="335">
        <v>0</v>
      </c>
      <c r="LI40" s="336">
        <v>0</v>
      </c>
      <c r="LJ40" s="334">
        <v>0</v>
      </c>
      <c r="LK40" s="331">
        <v>0</v>
      </c>
      <c r="LL40" s="335">
        <v>0</v>
      </c>
      <c r="LM40" s="390">
        <v>0</v>
      </c>
      <c r="LN40" s="331">
        <v>0</v>
      </c>
      <c r="LO40" s="331">
        <v>0</v>
      </c>
      <c r="LP40" s="331">
        <v>0</v>
      </c>
      <c r="LQ40" s="331">
        <v>0</v>
      </c>
      <c r="LR40" s="331">
        <v>0</v>
      </c>
      <c r="LS40" s="335">
        <v>0</v>
      </c>
      <c r="LT40" s="333">
        <v>0</v>
      </c>
      <c r="LU40" s="334">
        <v>0</v>
      </c>
      <c r="LV40" s="331">
        <v>0</v>
      </c>
      <c r="LW40" s="335">
        <v>0</v>
      </c>
      <c r="LX40" s="390">
        <v>0</v>
      </c>
      <c r="LY40" s="331">
        <v>0</v>
      </c>
      <c r="LZ40" s="331">
        <v>0</v>
      </c>
      <c r="MA40" s="331">
        <v>0</v>
      </c>
      <c r="MB40" s="331">
        <v>0</v>
      </c>
      <c r="MC40" s="331">
        <v>0</v>
      </c>
      <c r="MD40" s="335">
        <v>0</v>
      </c>
      <c r="ME40" s="336">
        <v>0</v>
      </c>
      <c r="MF40" s="334">
        <v>0</v>
      </c>
      <c r="MG40" s="331">
        <v>0</v>
      </c>
      <c r="MH40" s="335">
        <v>0</v>
      </c>
      <c r="MI40" s="390">
        <v>0</v>
      </c>
      <c r="MJ40" s="331">
        <v>169134</v>
      </c>
      <c r="MK40" s="331">
        <v>62517</v>
      </c>
      <c r="ML40" s="331">
        <v>0</v>
      </c>
      <c r="MM40" s="331">
        <v>233016</v>
      </c>
      <c r="MN40" s="331">
        <v>0</v>
      </c>
      <c r="MO40" s="335">
        <v>464667</v>
      </c>
      <c r="MP40" s="340">
        <v>464667</v>
      </c>
      <c r="MQ40" s="334">
        <v>0</v>
      </c>
      <c r="MR40" s="331">
        <v>0</v>
      </c>
      <c r="MS40" s="335">
        <v>0</v>
      </c>
      <c r="MT40" s="390">
        <v>0</v>
      </c>
      <c r="MU40" s="331">
        <v>0</v>
      </c>
      <c r="MV40" s="331">
        <v>0</v>
      </c>
      <c r="MW40" s="331">
        <v>0</v>
      </c>
      <c r="MX40" s="331">
        <v>233016</v>
      </c>
      <c r="MY40" s="331">
        <v>0</v>
      </c>
      <c r="MZ40" s="335">
        <v>233016</v>
      </c>
      <c r="NA40" s="340">
        <v>233016</v>
      </c>
      <c r="NB40" s="334">
        <v>0</v>
      </c>
      <c r="NC40" s="331">
        <v>0</v>
      </c>
      <c r="ND40" s="335">
        <v>0</v>
      </c>
      <c r="NE40" s="390">
        <v>0</v>
      </c>
      <c r="NF40" s="331">
        <v>169134</v>
      </c>
      <c r="NG40" s="331">
        <v>62517</v>
      </c>
      <c r="NH40" s="331">
        <v>0</v>
      </c>
      <c r="NI40" s="331">
        <v>0</v>
      </c>
      <c r="NJ40" s="331">
        <v>0</v>
      </c>
      <c r="NK40" s="335">
        <v>231651</v>
      </c>
      <c r="NL40" s="333">
        <v>231651</v>
      </c>
      <c r="NM40" s="334">
        <v>0</v>
      </c>
      <c r="NN40" s="331">
        <v>0</v>
      </c>
      <c r="NO40" s="335">
        <v>0</v>
      </c>
      <c r="NP40" s="390">
        <v>0</v>
      </c>
      <c r="NQ40" s="331">
        <v>0</v>
      </c>
      <c r="NR40" s="331">
        <v>0</v>
      </c>
      <c r="NS40" s="331">
        <v>0</v>
      </c>
      <c r="NT40" s="331">
        <v>0</v>
      </c>
      <c r="NU40" s="331">
        <v>0</v>
      </c>
      <c r="NV40" s="335">
        <v>0</v>
      </c>
      <c r="NW40" s="336">
        <v>0</v>
      </c>
      <c r="NX40" s="334">
        <v>0</v>
      </c>
      <c r="NY40" s="331">
        <v>0</v>
      </c>
      <c r="NZ40" s="335">
        <v>0</v>
      </c>
      <c r="OA40" s="390">
        <v>0</v>
      </c>
      <c r="OB40" s="331">
        <v>0</v>
      </c>
      <c r="OC40" s="331">
        <v>0</v>
      </c>
      <c r="OD40" s="331">
        <v>0</v>
      </c>
      <c r="OE40" s="331">
        <v>0</v>
      </c>
      <c r="OF40" s="331">
        <v>0</v>
      </c>
      <c r="OG40" s="335">
        <v>0</v>
      </c>
      <c r="OH40" s="336">
        <v>0</v>
      </c>
      <c r="OI40" s="334">
        <v>218143</v>
      </c>
      <c r="OJ40" s="331">
        <v>316736</v>
      </c>
      <c r="OK40" s="332">
        <v>534879</v>
      </c>
      <c r="OL40" s="337">
        <v>0</v>
      </c>
      <c r="OM40" s="331">
        <v>1459275</v>
      </c>
      <c r="ON40" s="331">
        <v>987857</v>
      </c>
      <c r="OO40" s="331">
        <v>963445</v>
      </c>
      <c r="OP40" s="331">
        <v>622599</v>
      </c>
      <c r="OQ40" s="331">
        <v>539091</v>
      </c>
      <c r="OR40" s="335">
        <v>4572267</v>
      </c>
      <c r="OS40" s="340">
        <v>5107146</v>
      </c>
    </row>
    <row r="41" spans="2:409" s="56" customFormat="1" ht="21" customHeight="1" x14ac:dyDescent="0.2">
      <c r="B41" s="92" t="s">
        <v>36</v>
      </c>
      <c r="C41" s="312">
        <v>0</v>
      </c>
      <c r="D41" s="313">
        <v>30867</v>
      </c>
      <c r="E41" s="314">
        <v>30867</v>
      </c>
      <c r="F41" s="315">
        <v>0</v>
      </c>
      <c r="G41" s="313">
        <v>441068</v>
      </c>
      <c r="H41" s="313">
        <v>1239820</v>
      </c>
      <c r="I41" s="313">
        <v>233077</v>
      </c>
      <c r="J41" s="313">
        <v>798815</v>
      </c>
      <c r="K41" s="313">
        <v>0</v>
      </c>
      <c r="L41" s="353">
        <v>2712780</v>
      </c>
      <c r="M41" s="316">
        <v>2743647</v>
      </c>
      <c r="N41" s="312">
        <v>0</v>
      </c>
      <c r="O41" s="313">
        <v>11617</v>
      </c>
      <c r="P41" s="314">
        <v>11617</v>
      </c>
      <c r="Q41" s="312">
        <v>0</v>
      </c>
      <c r="R41" s="313">
        <v>154293</v>
      </c>
      <c r="S41" s="313">
        <v>465790</v>
      </c>
      <c r="T41" s="313">
        <v>24766</v>
      </c>
      <c r="U41" s="313">
        <v>115768</v>
      </c>
      <c r="V41" s="313">
        <v>0</v>
      </c>
      <c r="W41" s="314">
        <v>760617</v>
      </c>
      <c r="X41" s="316">
        <v>772234</v>
      </c>
      <c r="Y41" s="312">
        <v>0</v>
      </c>
      <c r="Z41" s="313">
        <v>0</v>
      </c>
      <c r="AA41" s="314">
        <v>0</v>
      </c>
      <c r="AB41" s="312">
        <v>0</v>
      </c>
      <c r="AC41" s="313">
        <v>51643</v>
      </c>
      <c r="AD41" s="313">
        <v>343263</v>
      </c>
      <c r="AE41" s="313">
        <v>0</v>
      </c>
      <c r="AF41" s="313">
        <v>35749</v>
      </c>
      <c r="AG41" s="313">
        <v>0</v>
      </c>
      <c r="AH41" s="314">
        <v>430655</v>
      </c>
      <c r="AI41" s="316">
        <v>430655</v>
      </c>
      <c r="AJ41" s="312">
        <v>0</v>
      </c>
      <c r="AK41" s="313">
        <v>0</v>
      </c>
      <c r="AL41" s="314">
        <v>0</v>
      </c>
      <c r="AM41" s="312">
        <v>0</v>
      </c>
      <c r="AN41" s="313">
        <v>0</v>
      </c>
      <c r="AO41" s="313">
        <v>0</v>
      </c>
      <c r="AP41" s="313">
        <v>0</v>
      </c>
      <c r="AQ41" s="313">
        <v>0</v>
      </c>
      <c r="AR41" s="313">
        <v>0</v>
      </c>
      <c r="AS41" s="314">
        <v>0</v>
      </c>
      <c r="AT41" s="316">
        <v>0</v>
      </c>
      <c r="AU41" s="312">
        <v>0</v>
      </c>
      <c r="AV41" s="313">
        <v>11617</v>
      </c>
      <c r="AW41" s="314">
        <v>11617</v>
      </c>
      <c r="AX41" s="312">
        <v>0</v>
      </c>
      <c r="AY41" s="313">
        <v>33450</v>
      </c>
      <c r="AZ41" s="313">
        <v>49363</v>
      </c>
      <c r="BA41" s="313">
        <v>0</v>
      </c>
      <c r="BB41" s="313">
        <v>31173</v>
      </c>
      <c r="BC41" s="313">
        <v>0</v>
      </c>
      <c r="BD41" s="314">
        <v>113986</v>
      </c>
      <c r="BE41" s="316">
        <v>125603</v>
      </c>
      <c r="BF41" s="312">
        <v>0</v>
      </c>
      <c r="BG41" s="313">
        <v>0</v>
      </c>
      <c r="BH41" s="317">
        <v>0</v>
      </c>
      <c r="BI41" s="318">
        <v>0</v>
      </c>
      <c r="BJ41" s="313">
        <v>41739</v>
      </c>
      <c r="BK41" s="313">
        <v>0</v>
      </c>
      <c r="BL41" s="313">
        <v>0</v>
      </c>
      <c r="BM41" s="313">
        <v>0</v>
      </c>
      <c r="BN41" s="313">
        <v>0</v>
      </c>
      <c r="BO41" s="314">
        <v>41739</v>
      </c>
      <c r="BP41" s="316">
        <v>41739</v>
      </c>
      <c r="BQ41" s="312">
        <v>0</v>
      </c>
      <c r="BR41" s="313">
        <v>0</v>
      </c>
      <c r="BS41" s="314">
        <v>0</v>
      </c>
      <c r="BT41" s="312">
        <v>0</v>
      </c>
      <c r="BU41" s="313">
        <v>27461</v>
      </c>
      <c r="BV41" s="313">
        <v>73164</v>
      </c>
      <c r="BW41" s="313">
        <v>24766</v>
      </c>
      <c r="BX41" s="313">
        <v>48846</v>
      </c>
      <c r="BY41" s="313">
        <v>0</v>
      </c>
      <c r="BZ41" s="314">
        <v>174237</v>
      </c>
      <c r="CA41" s="316">
        <v>174237</v>
      </c>
      <c r="CB41" s="312">
        <v>0</v>
      </c>
      <c r="CC41" s="313">
        <v>0</v>
      </c>
      <c r="CD41" s="314">
        <v>0</v>
      </c>
      <c r="CE41" s="312">
        <v>0</v>
      </c>
      <c r="CF41" s="313">
        <v>43993</v>
      </c>
      <c r="CG41" s="313">
        <v>239626</v>
      </c>
      <c r="CH41" s="313">
        <v>33010</v>
      </c>
      <c r="CI41" s="313">
        <v>211301</v>
      </c>
      <c r="CJ41" s="313">
        <v>0</v>
      </c>
      <c r="CK41" s="314">
        <v>527930</v>
      </c>
      <c r="CL41" s="316">
        <v>527930</v>
      </c>
      <c r="CM41" s="312">
        <v>0</v>
      </c>
      <c r="CN41" s="313">
        <v>0</v>
      </c>
      <c r="CO41" s="314">
        <v>0</v>
      </c>
      <c r="CP41" s="318">
        <v>0</v>
      </c>
      <c r="CQ41" s="313">
        <v>43993</v>
      </c>
      <c r="CR41" s="313">
        <v>239626</v>
      </c>
      <c r="CS41" s="313">
        <v>0</v>
      </c>
      <c r="CT41" s="313">
        <v>211301</v>
      </c>
      <c r="CU41" s="313">
        <v>0</v>
      </c>
      <c r="CV41" s="314">
        <v>494920</v>
      </c>
      <c r="CW41" s="316">
        <v>494920</v>
      </c>
      <c r="CX41" s="312">
        <v>0</v>
      </c>
      <c r="CY41" s="313">
        <v>0</v>
      </c>
      <c r="CZ41" s="314">
        <v>0</v>
      </c>
      <c r="DA41" s="312">
        <v>0</v>
      </c>
      <c r="DB41" s="313">
        <v>0</v>
      </c>
      <c r="DC41" s="313">
        <v>0</v>
      </c>
      <c r="DD41" s="313">
        <v>33010</v>
      </c>
      <c r="DE41" s="313">
        <v>0</v>
      </c>
      <c r="DF41" s="313">
        <v>0</v>
      </c>
      <c r="DG41" s="314">
        <v>33010</v>
      </c>
      <c r="DH41" s="316">
        <v>33010</v>
      </c>
      <c r="DI41" s="312">
        <v>0</v>
      </c>
      <c r="DJ41" s="313">
        <v>0</v>
      </c>
      <c r="DK41" s="317">
        <v>0</v>
      </c>
      <c r="DL41" s="318">
        <v>0</v>
      </c>
      <c r="DM41" s="313">
        <v>0</v>
      </c>
      <c r="DN41" s="313">
        <v>107628</v>
      </c>
      <c r="DO41" s="313">
        <v>0</v>
      </c>
      <c r="DP41" s="313">
        <v>46046</v>
      </c>
      <c r="DQ41" s="313">
        <v>0</v>
      </c>
      <c r="DR41" s="314">
        <v>153674</v>
      </c>
      <c r="DS41" s="316">
        <v>153674</v>
      </c>
      <c r="DT41" s="312">
        <v>0</v>
      </c>
      <c r="DU41" s="313">
        <v>0</v>
      </c>
      <c r="DV41" s="314">
        <v>0</v>
      </c>
      <c r="DW41" s="312">
        <v>0</v>
      </c>
      <c r="DX41" s="313">
        <v>0</v>
      </c>
      <c r="DY41" s="313">
        <v>107628</v>
      </c>
      <c r="DZ41" s="313">
        <v>0</v>
      </c>
      <c r="EA41" s="313">
        <v>46046</v>
      </c>
      <c r="EB41" s="313">
        <v>0</v>
      </c>
      <c r="EC41" s="314">
        <v>153674</v>
      </c>
      <c r="ED41" s="316">
        <v>153674</v>
      </c>
      <c r="EE41" s="312">
        <v>0</v>
      </c>
      <c r="EF41" s="317">
        <v>0</v>
      </c>
      <c r="EG41" s="314">
        <v>0</v>
      </c>
      <c r="EH41" s="312">
        <v>0</v>
      </c>
      <c r="EI41" s="313">
        <v>0</v>
      </c>
      <c r="EJ41" s="313">
        <v>0</v>
      </c>
      <c r="EK41" s="313">
        <v>0</v>
      </c>
      <c r="EL41" s="313">
        <v>0</v>
      </c>
      <c r="EM41" s="313">
        <v>0</v>
      </c>
      <c r="EN41" s="317">
        <v>0</v>
      </c>
      <c r="EO41" s="316">
        <v>0</v>
      </c>
      <c r="EP41" s="312">
        <v>0</v>
      </c>
      <c r="EQ41" s="313">
        <v>0</v>
      </c>
      <c r="ER41" s="317">
        <v>0</v>
      </c>
      <c r="ES41" s="318">
        <v>0</v>
      </c>
      <c r="ET41" s="313">
        <v>0</v>
      </c>
      <c r="EU41" s="313">
        <v>0</v>
      </c>
      <c r="EV41" s="313">
        <v>0</v>
      </c>
      <c r="EW41" s="313">
        <v>0</v>
      </c>
      <c r="EX41" s="313">
        <v>0</v>
      </c>
      <c r="EY41" s="314">
        <v>0</v>
      </c>
      <c r="EZ41" s="316">
        <v>0</v>
      </c>
      <c r="FA41" s="312">
        <v>0</v>
      </c>
      <c r="FB41" s="313">
        <v>0</v>
      </c>
      <c r="FC41" s="317">
        <v>0</v>
      </c>
      <c r="FD41" s="390">
        <v>0</v>
      </c>
      <c r="FE41" s="313">
        <v>0</v>
      </c>
      <c r="FF41" s="313">
        <v>0</v>
      </c>
      <c r="FG41" s="313">
        <v>0</v>
      </c>
      <c r="FH41" s="313">
        <v>0</v>
      </c>
      <c r="FI41" s="313">
        <v>0</v>
      </c>
      <c r="FJ41" s="314">
        <v>0</v>
      </c>
      <c r="FK41" s="316">
        <v>0</v>
      </c>
      <c r="FL41" s="312">
        <v>0</v>
      </c>
      <c r="FM41" s="313">
        <v>19250</v>
      </c>
      <c r="FN41" s="314">
        <v>19250</v>
      </c>
      <c r="FO41" s="312">
        <v>0</v>
      </c>
      <c r="FP41" s="313">
        <v>31430</v>
      </c>
      <c r="FQ41" s="313">
        <v>108087</v>
      </c>
      <c r="FR41" s="313">
        <v>6720</v>
      </c>
      <c r="FS41" s="313">
        <v>57078</v>
      </c>
      <c r="FT41" s="313">
        <v>0</v>
      </c>
      <c r="FU41" s="314">
        <v>203315</v>
      </c>
      <c r="FV41" s="316">
        <v>222565</v>
      </c>
      <c r="FW41" s="319">
        <v>0</v>
      </c>
      <c r="FX41" s="313">
        <v>19250</v>
      </c>
      <c r="FY41" s="317">
        <v>19250</v>
      </c>
      <c r="FZ41" s="318">
        <v>0</v>
      </c>
      <c r="GA41" s="313">
        <v>31430</v>
      </c>
      <c r="GB41" s="313">
        <v>108087</v>
      </c>
      <c r="GC41" s="313">
        <v>6720</v>
      </c>
      <c r="GD41" s="313">
        <v>57078</v>
      </c>
      <c r="GE41" s="313">
        <v>0</v>
      </c>
      <c r="GF41" s="314">
        <v>203315</v>
      </c>
      <c r="GG41" s="320">
        <v>222565</v>
      </c>
      <c r="GH41" s="319">
        <v>0</v>
      </c>
      <c r="GI41" s="313">
        <v>0</v>
      </c>
      <c r="GJ41" s="317">
        <v>0</v>
      </c>
      <c r="GK41" s="318">
        <v>0</v>
      </c>
      <c r="GL41" s="313">
        <v>0</v>
      </c>
      <c r="GM41" s="313">
        <v>0</v>
      </c>
      <c r="GN41" s="313">
        <v>0</v>
      </c>
      <c r="GO41" s="313">
        <v>0</v>
      </c>
      <c r="GP41" s="313">
        <v>0</v>
      </c>
      <c r="GQ41" s="314">
        <v>0</v>
      </c>
      <c r="GR41" s="316">
        <v>0</v>
      </c>
      <c r="GS41" s="312">
        <v>0</v>
      </c>
      <c r="GT41" s="313">
        <v>0</v>
      </c>
      <c r="GU41" s="314">
        <v>0</v>
      </c>
      <c r="GV41" s="312">
        <v>0</v>
      </c>
      <c r="GW41" s="313">
        <v>0</v>
      </c>
      <c r="GX41" s="313">
        <v>0</v>
      </c>
      <c r="GY41" s="313">
        <v>0</v>
      </c>
      <c r="GZ41" s="313">
        <v>0</v>
      </c>
      <c r="HA41" s="313">
        <v>0</v>
      </c>
      <c r="HB41" s="317">
        <v>0</v>
      </c>
      <c r="HC41" s="316">
        <v>0</v>
      </c>
      <c r="HD41" s="312">
        <v>0</v>
      </c>
      <c r="HE41" s="313">
        <v>0</v>
      </c>
      <c r="HF41" s="317">
        <v>0</v>
      </c>
      <c r="HG41" s="318">
        <v>0</v>
      </c>
      <c r="HH41" s="313">
        <v>211352</v>
      </c>
      <c r="HI41" s="313">
        <v>318689</v>
      </c>
      <c r="HJ41" s="313">
        <v>168581</v>
      </c>
      <c r="HK41" s="313">
        <v>368622</v>
      </c>
      <c r="HL41" s="313">
        <v>0</v>
      </c>
      <c r="HM41" s="314">
        <v>1067244</v>
      </c>
      <c r="HN41" s="315">
        <v>1067244</v>
      </c>
      <c r="HO41" s="319">
        <v>0</v>
      </c>
      <c r="HP41" s="313">
        <v>0</v>
      </c>
      <c r="HQ41" s="314">
        <v>0</v>
      </c>
      <c r="HR41" s="312">
        <v>0</v>
      </c>
      <c r="HS41" s="313">
        <v>0</v>
      </c>
      <c r="HT41" s="313">
        <v>0</v>
      </c>
      <c r="HU41" s="313">
        <v>0</v>
      </c>
      <c r="HV41" s="313">
        <v>0</v>
      </c>
      <c r="HW41" s="313">
        <v>0</v>
      </c>
      <c r="HX41" s="317">
        <v>0</v>
      </c>
      <c r="HY41" s="316">
        <v>0</v>
      </c>
      <c r="HZ41" s="321">
        <v>0</v>
      </c>
      <c r="IA41" s="322">
        <v>0</v>
      </c>
      <c r="IB41" s="323">
        <v>0</v>
      </c>
      <c r="IC41" s="324">
        <v>0</v>
      </c>
      <c r="ID41" s="322">
        <v>36918</v>
      </c>
      <c r="IE41" s="325">
        <v>220444</v>
      </c>
      <c r="IF41" s="323">
        <v>226691</v>
      </c>
      <c r="IG41" s="322">
        <v>0</v>
      </c>
      <c r="IH41" s="323">
        <v>0</v>
      </c>
      <c r="II41" s="326">
        <v>484053</v>
      </c>
      <c r="IJ41" s="327">
        <v>484053</v>
      </c>
      <c r="IK41" s="328">
        <v>0</v>
      </c>
      <c r="IL41" s="329">
        <v>0</v>
      </c>
      <c r="IM41" s="330">
        <v>0</v>
      </c>
      <c r="IN41" s="390">
        <v>0</v>
      </c>
      <c r="IO41" s="331">
        <v>0</v>
      </c>
      <c r="IP41" s="331">
        <v>0</v>
      </c>
      <c r="IQ41" s="331">
        <v>0</v>
      </c>
      <c r="IR41" s="331">
        <v>0</v>
      </c>
      <c r="IS41" s="331">
        <v>0</v>
      </c>
      <c r="IT41" s="332">
        <v>0</v>
      </c>
      <c r="IU41" s="333">
        <v>0</v>
      </c>
      <c r="IV41" s="334">
        <v>0</v>
      </c>
      <c r="IW41" s="331">
        <v>0</v>
      </c>
      <c r="IX41" s="335">
        <v>0</v>
      </c>
      <c r="IY41" s="390">
        <v>0</v>
      </c>
      <c r="IZ41" s="331">
        <v>0</v>
      </c>
      <c r="JA41" s="331">
        <v>0</v>
      </c>
      <c r="JB41" s="331">
        <v>0</v>
      </c>
      <c r="JC41" s="331">
        <v>0</v>
      </c>
      <c r="JD41" s="331">
        <v>0</v>
      </c>
      <c r="JE41" s="335">
        <v>0</v>
      </c>
      <c r="JF41" s="336">
        <v>0</v>
      </c>
      <c r="JG41" s="334">
        <v>0</v>
      </c>
      <c r="JH41" s="331">
        <v>0</v>
      </c>
      <c r="JI41" s="332">
        <v>0</v>
      </c>
      <c r="JJ41" s="337">
        <v>0</v>
      </c>
      <c r="JK41" s="331">
        <v>36918</v>
      </c>
      <c r="JL41" s="331">
        <v>0</v>
      </c>
      <c r="JM41" s="331">
        <v>0</v>
      </c>
      <c r="JN41" s="331">
        <v>0</v>
      </c>
      <c r="JO41" s="331">
        <v>0</v>
      </c>
      <c r="JP41" s="335">
        <v>36918</v>
      </c>
      <c r="JQ41" s="333">
        <v>36918</v>
      </c>
      <c r="JR41" s="334">
        <v>0</v>
      </c>
      <c r="JS41" s="331">
        <v>0</v>
      </c>
      <c r="JT41" s="332">
        <v>0</v>
      </c>
      <c r="JU41" s="337">
        <v>0</v>
      </c>
      <c r="JV41" s="331">
        <v>0</v>
      </c>
      <c r="JW41" s="331">
        <v>0</v>
      </c>
      <c r="JX41" s="331">
        <v>0</v>
      </c>
      <c r="JY41" s="331">
        <v>0</v>
      </c>
      <c r="JZ41" s="331">
        <v>0</v>
      </c>
      <c r="KA41" s="335">
        <v>0</v>
      </c>
      <c r="KB41" s="333">
        <v>0</v>
      </c>
      <c r="KC41" s="338">
        <v>0</v>
      </c>
      <c r="KD41" s="339">
        <v>0</v>
      </c>
      <c r="KE41" s="335">
        <v>0</v>
      </c>
      <c r="KF41" s="337">
        <v>0</v>
      </c>
      <c r="KG41" s="331">
        <v>0</v>
      </c>
      <c r="KH41" s="331">
        <v>0</v>
      </c>
      <c r="KI41" s="331">
        <v>0</v>
      </c>
      <c r="KJ41" s="331">
        <v>0</v>
      </c>
      <c r="KK41" s="331">
        <v>0</v>
      </c>
      <c r="KL41" s="335">
        <v>0</v>
      </c>
      <c r="KM41" s="340">
        <v>0</v>
      </c>
      <c r="KN41" s="328">
        <v>0</v>
      </c>
      <c r="KO41" s="329">
        <v>0</v>
      </c>
      <c r="KP41" s="330">
        <v>0</v>
      </c>
      <c r="KQ41" s="390">
        <v>0</v>
      </c>
      <c r="KR41" s="331">
        <v>0</v>
      </c>
      <c r="KS41" s="331">
        <v>220444</v>
      </c>
      <c r="KT41" s="331">
        <v>226691</v>
      </c>
      <c r="KU41" s="331">
        <v>0</v>
      </c>
      <c r="KV41" s="331">
        <v>0</v>
      </c>
      <c r="KW41" s="335">
        <v>447135</v>
      </c>
      <c r="KX41" s="333">
        <v>447135</v>
      </c>
      <c r="KY41" s="334">
        <v>0</v>
      </c>
      <c r="KZ41" s="331">
        <v>0</v>
      </c>
      <c r="LA41" s="335">
        <v>0</v>
      </c>
      <c r="LB41" s="390">
        <v>0</v>
      </c>
      <c r="LC41" s="331">
        <v>0</v>
      </c>
      <c r="LD41" s="331">
        <v>0</v>
      </c>
      <c r="LE41" s="331">
        <v>0</v>
      </c>
      <c r="LF41" s="331">
        <v>0</v>
      </c>
      <c r="LG41" s="331">
        <v>0</v>
      </c>
      <c r="LH41" s="335">
        <v>0</v>
      </c>
      <c r="LI41" s="336">
        <v>0</v>
      </c>
      <c r="LJ41" s="334">
        <v>0</v>
      </c>
      <c r="LK41" s="331">
        <v>0</v>
      </c>
      <c r="LL41" s="335">
        <v>0</v>
      </c>
      <c r="LM41" s="390">
        <v>0</v>
      </c>
      <c r="LN41" s="331">
        <v>0</v>
      </c>
      <c r="LO41" s="331">
        <v>0</v>
      </c>
      <c r="LP41" s="331">
        <v>0</v>
      </c>
      <c r="LQ41" s="331">
        <v>0</v>
      </c>
      <c r="LR41" s="331">
        <v>0</v>
      </c>
      <c r="LS41" s="335">
        <v>0</v>
      </c>
      <c r="LT41" s="333">
        <v>0</v>
      </c>
      <c r="LU41" s="334">
        <v>0</v>
      </c>
      <c r="LV41" s="331">
        <v>0</v>
      </c>
      <c r="LW41" s="335">
        <v>0</v>
      </c>
      <c r="LX41" s="390">
        <v>0</v>
      </c>
      <c r="LY41" s="331">
        <v>0</v>
      </c>
      <c r="LZ41" s="331">
        <v>0</v>
      </c>
      <c r="MA41" s="331">
        <v>0</v>
      </c>
      <c r="MB41" s="331">
        <v>0</v>
      </c>
      <c r="MC41" s="331">
        <v>0</v>
      </c>
      <c r="MD41" s="335">
        <v>0</v>
      </c>
      <c r="ME41" s="336">
        <v>0</v>
      </c>
      <c r="MF41" s="334">
        <v>0</v>
      </c>
      <c r="MG41" s="331">
        <v>0</v>
      </c>
      <c r="MH41" s="335">
        <v>0</v>
      </c>
      <c r="MI41" s="390">
        <v>0</v>
      </c>
      <c r="MJ41" s="331">
        <v>0</v>
      </c>
      <c r="MK41" s="331">
        <v>0</v>
      </c>
      <c r="ML41" s="331">
        <v>204892</v>
      </c>
      <c r="MM41" s="331">
        <v>0</v>
      </c>
      <c r="MN41" s="331">
        <v>240560</v>
      </c>
      <c r="MO41" s="335">
        <v>445452</v>
      </c>
      <c r="MP41" s="340">
        <v>445452</v>
      </c>
      <c r="MQ41" s="334">
        <v>0</v>
      </c>
      <c r="MR41" s="331">
        <v>0</v>
      </c>
      <c r="MS41" s="335">
        <v>0</v>
      </c>
      <c r="MT41" s="390">
        <v>0</v>
      </c>
      <c r="MU41" s="331">
        <v>0</v>
      </c>
      <c r="MV41" s="331">
        <v>0</v>
      </c>
      <c r="MW41" s="331">
        <v>204892</v>
      </c>
      <c r="MX41" s="331">
        <v>0</v>
      </c>
      <c r="MY41" s="331">
        <v>240560</v>
      </c>
      <c r="MZ41" s="335">
        <v>445452</v>
      </c>
      <c r="NA41" s="340">
        <v>445452</v>
      </c>
      <c r="NB41" s="334">
        <v>0</v>
      </c>
      <c r="NC41" s="331">
        <v>0</v>
      </c>
      <c r="ND41" s="335">
        <v>0</v>
      </c>
      <c r="NE41" s="390">
        <v>0</v>
      </c>
      <c r="NF41" s="331">
        <v>0</v>
      </c>
      <c r="NG41" s="331">
        <v>0</v>
      </c>
      <c r="NH41" s="331">
        <v>0</v>
      </c>
      <c r="NI41" s="331">
        <v>0</v>
      </c>
      <c r="NJ41" s="331">
        <v>0</v>
      </c>
      <c r="NK41" s="335">
        <v>0</v>
      </c>
      <c r="NL41" s="333">
        <v>0</v>
      </c>
      <c r="NM41" s="334">
        <v>0</v>
      </c>
      <c r="NN41" s="331">
        <v>0</v>
      </c>
      <c r="NO41" s="335">
        <v>0</v>
      </c>
      <c r="NP41" s="390">
        <v>0</v>
      </c>
      <c r="NQ41" s="331">
        <v>0</v>
      </c>
      <c r="NR41" s="331">
        <v>0</v>
      </c>
      <c r="NS41" s="331">
        <v>0</v>
      </c>
      <c r="NT41" s="331">
        <v>0</v>
      </c>
      <c r="NU41" s="331">
        <v>0</v>
      </c>
      <c r="NV41" s="335">
        <v>0</v>
      </c>
      <c r="NW41" s="336">
        <v>0</v>
      </c>
      <c r="NX41" s="334">
        <v>0</v>
      </c>
      <c r="NY41" s="331">
        <v>0</v>
      </c>
      <c r="NZ41" s="335">
        <v>0</v>
      </c>
      <c r="OA41" s="390">
        <v>0</v>
      </c>
      <c r="OB41" s="331">
        <v>0</v>
      </c>
      <c r="OC41" s="331">
        <v>0</v>
      </c>
      <c r="OD41" s="331">
        <v>0</v>
      </c>
      <c r="OE41" s="331">
        <v>0</v>
      </c>
      <c r="OF41" s="331">
        <v>0</v>
      </c>
      <c r="OG41" s="335">
        <v>0</v>
      </c>
      <c r="OH41" s="336">
        <v>0</v>
      </c>
      <c r="OI41" s="334">
        <v>0</v>
      </c>
      <c r="OJ41" s="331">
        <v>30867</v>
      </c>
      <c r="OK41" s="332">
        <v>30867</v>
      </c>
      <c r="OL41" s="337">
        <v>0</v>
      </c>
      <c r="OM41" s="331">
        <v>477986</v>
      </c>
      <c r="ON41" s="331">
        <v>1460264</v>
      </c>
      <c r="OO41" s="331">
        <v>664660</v>
      </c>
      <c r="OP41" s="331">
        <v>798815</v>
      </c>
      <c r="OQ41" s="331">
        <v>240560</v>
      </c>
      <c r="OR41" s="335">
        <v>3642285</v>
      </c>
      <c r="OS41" s="340">
        <v>3673152</v>
      </c>
    </row>
    <row r="42" spans="2:409" s="56" customFormat="1" ht="21" customHeight="1" thickBot="1" x14ac:dyDescent="0.25">
      <c r="B42" s="94" t="s">
        <v>37</v>
      </c>
      <c r="C42" s="357">
        <v>0</v>
      </c>
      <c r="D42" s="358">
        <v>0</v>
      </c>
      <c r="E42" s="359">
        <v>0</v>
      </c>
      <c r="F42" s="360">
        <v>0</v>
      </c>
      <c r="G42" s="358">
        <v>0</v>
      </c>
      <c r="H42" s="358">
        <v>79429</v>
      </c>
      <c r="I42" s="358">
        <v>0</v>
      </c>
      <c r="J42" s="358">
        <v>0</v>
      </c>
      <c r="K42" s="358">
        <v>185278</v>
      </c>
      <c r="L42" s="360">
        <v>264707</v>
      </c>
      <c r="M42" s="361">
        <v>264707</v>
      </c>
      <c r="N42" s="357">
        <v>0</v>
      </c>
      <c r="O42" s="358">
        <v>0</v>
      </c>
      <c r="P42" s="359">
        <v>0</v>
      </c>
      <c r="Q42" s="357">
        <v>0</v>
      </c>
      <c r="R42" s="358">
        <v>0</v>
      </c>
      <c r="S42" s="358">
        <v>49506</v>
      </c>
      <c r="T42" s="358">
        <v>0</v>
      </c>
      <c r="U42" s="358">
        <v>0</v>
      </c>
      <c r="V42" s="358">
        <v>104111</v>
      </c>
      <c r="W42" s="359">
        <v>153617</v>
      </c>
      <c r="X42" s="361">
        <v>153617</v>
      </c>
      <c r="Y42" s="357">
        <v>0</v>
      </c>
      <c r="Z42" s="358">
        <v>0</v>
      </c>
      <c r="AA42" s="359">
        <v>0</v>
      </c>
      <c r="AB42" s="357">
        <v>0</v>
      </c>
      <c r="AC42" s="358">
        <v>0</v>
      </c>
      <c r="AD42" s="358">
        <v>0</v>
      </c>
      <c r="AE42" s="358">
        <v>0</v>
      </c>
      <c r="AF42" s="358">
        <v>0</v>
      </c>
      <c r="AG42" s="358">
        <v>53154</v>
      </c>
      <c r="AH42" s="359">
        <v>53154</v>
      </c>
      <c r="AI42" s="361">
        <v>53154</v>
      </c>
      <c r="AJ42" s="357">
        <v>0</v>
      </c>
      <c r="AK42" s="358">
        <v>0</v>
      </c>
      <c r="AL42" s="359">
        <v>0</v>
      </c>
      <c r="AM42" s="357">
        <v>0</v>
      </c>
      <c r="AN42" s="358">
        <v>0</v>
      </c>
      <c r="AO42" s="358">
        <v>0</v>
      </c>
      <c r="AP42" s="358">
        <v>0</v>
      </c>
      <c r="AQ42" s="358">
        <v>0</v>
      </c>
      <c r="AR42" s="358">
        <v>0</v>
      </c>
      <c r="AS42" s="359">
        <v>0</v>
      </c>
      <c r="AT42" s="361">
        <v>0</v>
      </c>
      <c r="AU42" s="357">
        <v>0</v>
      </c>
      <c r="AV42" s="358">
        <v>0</v>
      </c>
      <c r="AW42" s="359">
        <v>0</v>
      </c>
      <c r="AX42" s="357">
        <v>0</v>
      </c>
      <c r="AY42" s="358">
        <v>0</v>
      </c>
      <c r="AZ42" s="358">
        <v>49506</v>
      </c>
      <c r="BA42" s="358">
        <v>0</v>
      </c>
      <c r="BB42" s="358">
        <v>0</v>
      </c>
      <c r="BC42" s="358">
        <v>43145</v>
      </c>
      <c r="BD42" s="359">
        <v>92651</v>
      </c>
      <c r="BE42" s="361">
        <v>92651</v>
      </c>
      <c r="BF42" s="357">
        <v>0</v>
      </c>
      <c r="BG42" s="358">
        <v>0</v>
      </c>
      <c r="BH42" s="362">
        <v>0</v>
      </c>
      <c r="BI42" s="363">
        <v>0</v>
      </c>
      <c r="BJ42" s="358">
        <v>0</v>
      </c>
      <c r="BK42" s="358">
        <v>0</v>
      </c>
      <c r="BL42" s="358">
        <v>0</v>
      </c>
      <c r="BM42" s="358">
        <v>0</v>
      </c>
      <c r="BN42" s="358">
        <v>0</v>
      </c>
      <c r="BO42" s="359">
        <v>0</v>
      </c>
      <c r="BP42" s="361">
        <v>0</v>
      </c>
      <c r="BQ42" s="357">
        <v>0</v>
      </c>
      <c r="BR42" s="358">
        <v>0</v>
      </c>
      <c r="BS42" s="359">
        <v>0</v>
      </c>
      <c r="BT42" s="357">
        <v>0</v>
      </c>
      <c r="BU42" s="358">
        <v>0</v>
      </c>
      <c r="BV42" s="358">
        <v>0</v>
      </c>
      <c r="BW42" s="358">
        <v>0</v>
      </c>
      <c r="BX42" s="358">
        <v>0</v>
      </c>
      <c r="BY42" s="358">
        <v>7812</v>
      </c>
      <c r="BZ42" s="359">
        <v>7812</v>
      </c>
      <c r="CA42" s="361">
        <v>7812</v>
      </c>
      <c r="CB42" s="357">
        <v>0</v>
      </c>
      <c r="CC42" s="358">
        <v>0</v>
      </c>
      <c r="CD42" s="359">
        <v>0</v>
      </c>
      <c r="CE42" s="357">
        <v>0</v>
      </c>
      <c r="CF42" s="358">
        <v>0</v>
      </c>
      <c r="CG42" s="358">
        <v>18331</v>
      </c>
      <c r="CH42" s="358">
        <v>0</v>
      </c>
      <c r="CI42" s="358">
        <v>0</v>
      </c>
      <c r="CJ42" s="358">
        <v>0</v>
      </c>
      <c r="CK42" s="359">
        <v>18331</v>
      </c>
      <c r="CL42" s="361">
        <v>18331</v>
      </c>
      <c r="CM42" s="357">
        <v>0</v>
      </c>
      <c r="CN42" s="358">
        <v>0</v>
      </c>
      <c r="CO42" s="359">
        <v>0</v>
      </c>
      <c r="CP42" s="363">
        <v>0</v>
      </c>
      <c r="CQ42" s="358">
        <v>0</v>
      </c>
      <c r="CR42" s="358">
        <v>18331</v>
      </c>
      <c r="CS42" s="358">
        <v>0</v>
      </c>
      <c r="CT42" s="358">
        <v>0</v>
      </c>
      <c r="CU42" s="358">
        <v>0</v>
      </c>
      <c r="CV42" s="359">
        <v>18331</v>
      </c>
      <c r="CW42" s="361">
        <v>18331</v>
      </c>
      <c r="CX42" s="357">
        <v>0</v>
      </c>
      <c r="CY42" s="358">
        <v>0</v>
      </c>
      <c r="CZ42" s="359">
        <v>0</v>
      </c>
      <c r="DA42" s="357">
        <v>0</v>
      </c>
      <c r="DB42" s="358">
        <v>0</v>
      </c>
      <c r="DC42" s="358">
        <v>0</v>
      </c>
      <c r="DD42" s="358">
        <v>0</v>
      </c>
      <c r="DE42" s="358">
        <v>0</v>
      </c>
      <c r="DF42" s="358">
        <v>0</v>
      </c>
      <c r="DG42" s="359">
        <v>0</v>
      </c>
      <c r="DH42" s="361">
        <v>0</v>
      </c>
      <c r="DI42" s="357">
        <v>0</v>
      </c>
      <c r="DJ42" s="358">
        <v>0</v>
      </c>
      <c r="DK42" s="362">
        <v>0</v>
      </c>
      <c r="DL42" s="363">
        <v>0</v>
      </c>
      <c r="DM42" s="358">
        <v>0</v>
      </c>
      <c r="DN42" s="358">
        <v>0</v>
      </c>
      <c r="DO42" s="358">
        <v>0</v>
      </c>
      <c r="DP42" s="358">
        <v>0</v>
      </c>
      <c r="DQ42" s="358">
        <v>44907</v>
      </c>
      <c r="DR42" s="359">
        <v>44907</v>
      </c>
      <c r="DS42" s="361">
        <v>44907</v>
      </c>
      <c r="DT42" s="357">
        <v>0</v>
      </c>
      <c r="DU42" s="358">
        <v>0</v>
      </c>
      <c r="DV42" s="359">
        <v>0</v>
      </c>
      <c r="DW42" s="357">
        <v>0</v>
      </c>
      <c r="DX42" s="358">
        <v>0</v>
      </c>
      <c r="DY42" s="358">
        <v>0</v>
      </c>
      <c r="DZ42" s="358">
        <v>0</v>
      </c>
      <c r="EA42" s="358">
        <v>0</v>
      </c>
      <c r="EB42" s="358">
        <v>0</v>
      </c>
      <c r="EC42" s="359">
        <v>0</v>
      </c>
      <c r="ED42" s="361">
        <v>0</v>
      </c>
      <c r="EE42" s="357">
        <v>0</v>
      </c>
      <c r="EF42" s="362">
        <v>0</v>
      </c>
      <c r="EG42" s="359">
        <v>0</v>
      </c>
      <c r="EH42" s="357">
        <v>0</v>
      </c>
      <c r="EI42" s="358">
        <v>0</v>
      </c>
      <c r="EJ42" s="358">
        <v>0</v>
      </c>
      <c r="EK42" s="358">
        <v>0</v>
      </c>
      <c r="EL42" s="358">
        <v>0</v>
      </c>
      <c r="EM42" s="358">
        <v>44907</v>
      </c>
      <c r="EN42" s="362">
        <v>44907</v>
      </c>
      <c r="EO42" s="361">
        <v>44907</v>
      </c>
      <c r="EP42" s="357">
        <v>0</v>
      </c>
      <c r="EQ42" s="358">
        <v>0</v>
      </c>
      <c r="ER42" s="362">
        <v>0</v>
      </c>
      <c r="ES42" s="363">
        <v>0</v>
      </c>
      <c r="ET42" s="358">
        <v>0</v>
      </c>
      <c r="EU42" s="358">
        <v>0</v>
      </c>
      <c r="EV42" s="358">
        <v>0</v>
      </c>
      <c r="EW42" s="358">
        <v>0</v>
      </c>
      <c r="EX42" s="358">
        <v>0</v>
      </c>
      <c r="EY42" s="359">
        <v>0</v>
      </c>
      <c r="EZ42" s="361">
        <v>0</v>
      </c>
      <c r="FA42" s="357">
        <v>0</v>
      </c>
      <c r="FB42" s="358">
        <v>0</v>
      </c>
      <c r="FC42" s="362">
        <v>0</v>
      </c>
      <c r="FD42" s="391">
        <v>0</v>
      </c>
      <c r="FE42" s="358">
        <v>0</v>
      </c>
      <c r="FF42" s="358">
        <v>0</v>
      </c>
      <c r="FG42" s="358">
        <v>0</v>
      </c>
      <c r="FH42" s="358">
        <v>0</v>
      </c>
      <c r="FI42" s="358">
        <v>0</v>
      </c>
      <c r="FJ42" s="359">
        <v>0</v>
      </c>
      <c r="FK42" s="361">
        <v>0</v>
      </c>
      <c r="FL42" s="357">
        <v>0</v>
      </c>
      <c r="FM42" s="358">
        <v>0</v>
      </c>
      <c r="FN42" s="359">
        <v>0</v>
      </c>
      <c r="FO42" s="357">
        <v>0</v>
      </c>
      <c r="FP42" s="358">
        <v>0</v>
      </c>
      <c r="FQ42" s="358">
        <v>11592</v>
      </c>
      <c r="FR42" s="358">
        <v>0</v>
      </c>
      <c r="FS42" s="358">
        <v>0</v>
      </c>
      <c r="FT42" s="358">
        <v>36260</v>
      </c>
      <c r="FU42" s="359">
        <v>47852</v>
      </c>
      <c r="FV42" s="361">
        <v>47852</v>
      </c>
      <c r="FW42" s="364">
        <v>0</v>
      </c>
      <c r="FX42" s="358">
        <v>0</v>
      </c>
      <c r="FY42" s="362">
        <v>0</v>
      </c>
      <c r="FZ42" s="363">
        <v>0</v>
      </c>
      <c r="GA42" s="358">
        <v>0</v>
      </c>
      <c r="GB42" s="358">
        <v>11592</v>
      </c>
      <c r="GC42" s="358">
        <v>0</v>
      </c>
      <c r="GD42" s="358">
        <v>0</v>
      </c>
      <c r="GE42" s="358">
        <v>36260</v>
      </c>
      <c r="GF42" s="359">
        <v>47852</v>
      </c>
      <c r="GG42" s="365">
        <v>47852</v>
      </c>
      <c r="GH42" s="364">
        <v>0</v>
      </c>
      <c r="GI42" s="358">
        <v>0</v>
      </c>
      <c r="GJ42" s="362">
        <v>0</v>
      </c>
      <c r="GK42" s="363">
        <v>0</v>
      </c>
      <c r="GL42" s="358">
        <v>0</v>
      </c>
      <c r="GM42" s="358">
        <v>0</v>
      </c>
      <c r="GN42" s="358">
        <v>0</v>
      </c>
      <c r="GO42" s="358">
        <v>0</v>
      </c>
      <c r="GP42" s="358">
        <v>0</v>
      </c>
      <c r="GQ42" s="359">
        <v>0</v>
      </c>
      <c r="GR42" s="361">
        <v>0</v>
      </c>
      <c r="GS42" s="357">
        <v>0</v>
      </c>
      <c r="GT42" s="358">
        <v>0</v>
      </c>
      <c r="GU42" s="359">
        <v>0</v>
      </c>
      <c r="GV42" s="357">
        <v>0</v>
      </c>
      <c r="GW42" s="358">
        <v>0</v>
      </c>
      <c r="GX42" s="358">
        <v>0</v>
      </c>
      <c r="GY42" s="358">
        <v>0</v>
      </c>
      <c r="GZ42" s="358">
        <v>0</v>
      </c>
      <c r="HA42" s="358">
        <v>0</v>
      </c>
      <c r="HB42" s="362">
        <v>0</v>
      </c>
      <c r="HC42" s="361">
        <v>0</v>
      </c>
      <c r="HD42" s="357">
        <v>0</v>
      </c>
      <c r="HE42" s="358">
        <v>0</v>
      </c>
      <c r="HF42" s="362">
        <v>0</v>
      </c>
      <c r="HG42" s="363">
        <v>0</v>
      </c>
      <c r="HH42" s="358">
        <v>0</v>
      </c>
      <c r="HI42" s="358">
        <v>0</v>
      </c>
      <c r="HJ42" s="358">
        <v>0</v>
      </c>
      <c r="HK42" s="358">
        <v>0</v>
      </c>
      <c r="HL42" s="358">
        <v>0</v>
      </c>
      <c r="HM42" s="359">
        <v>0</v>
      </c>
      <c r="HN42" s="360">
        <v>0</v>
      </c>
      <c r="HO42" s="364">
        <v>0</v>
      </c>
      <c r="HP42" s="358">
        <v>0</v>
      </c>
      <c r="HQ42" s="359">
        <v>0</v>
      </c>
      <c r="HR42" s="357">
        <v>0</v>
      </c>
      <c r="HS42" s="358">
        <v>0</v>
      </c>
      <c r="HT42" s="358">
        <v>0</v>
      </c>
      <c r="HU42" s="358">
        <v>0</v>
      </c>
      <c r="HV42" s="358">
        <v>0</v>
      </c>
      <c r="HW42" s="358">
        <v>0</v>
      </c>
      <c r="HX42" s="362">
        <v>0</v>
      </c>
      <c r="HY42" s="361">
        <v>0</v>
      </c>
      <c r="HZ42" s="366">
        <v>0</v>
      </c>
      <c r="IA42" s="367">
        <v>0</v>
      </c>
      <c r="IB42" s="368">
        <v>0</v>
      </c>
      <c r="IC42" s="369">
        <v>0</v>
      </c>
      <c r="ID42" s="370">
        <v>0</v>
      </c>
      <c r="IE42" s="371">
        <v>28403</v>
      </c>
      <c r="IF42" s="372">
        <v>0</v>
      </c>
      <c r="IG42" s="370">
        <v>0</v>
      </c>
      <c r="IH42" s="372">
        <v>50732</v>
      </c>
      <c r="II42" s="373">
        <v>79135</v>
      </c>
      <c r="IJ42" s="374">
        <v>79135</v>
      </c>
      <c r="IK42" s="375">
        <v>0</v>
      </c>
      <c r="IL42" s="376">
        <v>0</v>
      </c>
      <c r="IM42" s="377">
        <v>0</v>
      </c>
      <c r="IN42" s="391">
        <v>0</v>
      </c>
      <c r="IO42" s="378">
        <v>0</v>
      </c>
      <c r="IP42" s="378">
        <v>0</v>
      </c>
      <c r="IQ42" s="378">
        <v>0</v>
      </c>
      <c r="IR42" s="378">
        <v>0</v>
      </c>
      <c r="IS42" s="378">
        <v>0</v>
      </c>
      <c r="IT42" s="379">
        <v>0</v>
      </c>
      <c r="IU42" s="380">
        <v>0</v>
      </c>
      <c r="IV42" s="381">
        <v>0</v>
      </c>
      <c r="IW42" s="378">
        <v>0</v>
      </c>
      <c r="IX42" s="382">
        <v>0</v>
      </c>
      <c r="IY42" s="391">
        <v>0</v>
      </c>
      <c r="IZ42" s="378">
        <v>0</v>
      </c>
      <c r="JA42" s="378">
        <v>0</v>
      </c>
      <c r="JB42" s="378">
        <v>0</v>
      </c>
      <c r="JC42" s="378">
        <v>0</v>
      </c>
      <c r="JD42" s="378">
        <v>0</v>
      </c>
      <c r="JE42" s="382">
        <v>0</v>
      </c>
      <c r="JF42" s="383">
        <v>0</v>
      </c>
      <c r="JG42" s="381">
        <v>0</v>
      </c>
      <c r="JH42" s="378">
        <v>0</v>
      </c>
      <c r="JI42" s="379">
        <v>0</v>
      </c>
      <c r="JJ42" s="384">
        <v>0</v>
      </c>
      <c r="JK42" s="378">
        <v>0</v>
      </c>
      <c r="JL42" s="378">
        <v>28403</v>
      </c>
      <c r="JM42" s="378">
        <v>0</v>
      </c>
      <c r="JN42" s="378">
        <v>0</v>
      </c>
      <c r="JO42" s="378">
        <v>50732</v>
      </c>
      <c r="JP42" s="382">
        <v>79135</v>
      </c>
      <c r="JQ42" s="380">
        <v>79135</v>
      </c>
      <c r="JR42" s="381">
        <v>0</v>
      </c>
      <c r="JS42" s="378">
        <v>0</v>
      </c>
      <c r="JT42" s="379">
        <v>0</v>
      </c>
      <c r="JU42" s="384">
        <v>0</v>
      </c>
      <c r="JV42" s="378">
        <v>0</v>
      </c>
      <c r="JW42" s="378">
        <v>0</v>
      </c>
      <c r="JX42" s="378">
        <v>0</v>
      </c>
      <c r="JY42" s="378">
        <v>0</v>
      </c>
      <c r="JZ42" s="378">
        <v>0</v>
      </c>
      <c r="KA42" s="382">
        <v>0</v>
      </c>
      <c r="KB42" s="380">
        <v>0</v>
      </c>
      <c r="KC42" s="385">
        <v>0</v>
      </c>
      <c r="KD42" s="386">
        <v>0</v>
      </c>
      <c r="KE42" s="382">
        <v>0</v>
      </c>
      <c r="KF42" s="384">
        <v>0</v>
      </c>
      <c r="KG42" s="378">
        <v>0</v>
      </c>
      <c r="KH42" s="378">
        <v>0</v>
      </c>
      <c r="KI42" s="378">
        <v>0</v>
      </c>
      <c r="KJ42" s="378">
        <v>0</v>
      </c>
      <c r="KK42" s="378">
        <v>0</v>
      </c>
      <c r="KL42" s="382">
        <v>0</v>
      </c>
      <c r="KM42" s="387">
        <v>0</v>
      </c>
      <c r="KN42" s="375">
        <v>0</v>
      </c>
      <c r="KO42" s="376">
        <v>0</v>
      </c>
      <c r="KP42" s="377">
        <v>0</v>
      </c>
      <c r="KQ42" s="391">
        <v>0</v>
      </c>
      <c r="KR42" s="378">
        <v>0</v>
      </c>
      <c r="KS42" s="378">
        <v>0</v>
      </c>
      <c r="KT42" s="378">
        <v>0</v>
      </c>
      <c r="KU42" s="378">
        <v>0</v>
      </c>
      <c r="KV42" s="378">
        <v>0</v>
      </c>
      <c r="KW42" s="382">
        <v>0</v>
      </c>
      <c r="KX42" s="380">
        <v>0</v>
      </c>
      <c r="KY42" s="381">
        <v>0</v>
      </c>
      <c r="KZ42" s="378">
        <v>0</v>
      </c>
      <c r="LA42" s="382">
        <v>0</v>
      </c>
      <c r="LB42" s="391">
        <v>0</v>
      </c>
      <c r="LC42" s="378">
        <v>0</v>
      </c>
      <c r="LD42" s="378">
        <v>0</v>
      </c>
      <c r="LE42" s="378">
        <v>0</v>
      </c>
      <c r="LF42" s="378">
        <v>0</v>
      </c>
      <c r="LG42" s="378">
        <v>0</v>
      </c>
      <c r="LH42" s="382">
        <v>0</v>
      </c>
      <c r="LI42" s="383">
        <v>0</v>
      </c>
      <c r="LJ42" s="381">
        <v>0</v>
      </c>
      <c r="LK42" s="378">
        <v>0</v>
      </c>
      <c r="LL42" s="382">
        <v>0</v>
      </c>
      <c r="LM42" s="391">
        <v>0</v>
      </c>
      <c r="LN42" s="378">
        <v>0</v>
      </c>
      <c r="LO42" s="378">
        <v>0</v>
      </c>
      <c r="LP42" s="378">
        <v>0</v>
      </c>
      <c r="LQ42" s="378">
        <v>0</v>
      </c>
      <c r="LR42" s="378">
        <v>0</v>
      </c>
      <c r="LS42" s="382">
        <v>0</v>
      </c>
      <c r="LT42" s="380">
        <v>0</v>
      </c>
      <c r="LU42" s="381">
        <v>0</v>
      </c>
      <c r="LV42" s="378">
        <v>0</v>
      </c>
      <c r="LW42" s="382">
        <v>0</v>
      </c>
      <c r="LX42" s="391">
        <v>0</v>
      </c>
      <c r="LY42" s="378">
        <v>0</v>
      </c>
      <c r="LZ42" s="378">
        <v>0</v>
      </c>
      <c r="MA42" s="378">
        <v>0</v>
      </c>
      <c r="MB42" s="378">
        <v>0</v>
      </c>
      <c r="MC42" s="378">
        <v>0</v>
      </c>
      <c r="MD42" s="382">
        <v>0</v>
      </c>
      <c r="ME42" s="383">
        <v>0</v>
      </c>
      <c r="MF42" s="381">
        <v>0</v>
      </c>
      <c r="MG42" s="378">
        <v>0</v>
      </c>
      <c r="MH42" s="382">
        <v>0</v>
      </c>
      <c r="MI42" s="391">
        <v>0</v>
      </c>
      <c r="MJ42" s="378">
        <v>0</v>
      </c>
      <c r="MK42" s="378">
        <v>0</v>
      </c>
      <c r="ML42" s="378">
        <v>0</v>
      </c>
      <c r="MM42" s="378">
        <v>0</v>
      </c>
      <c r="MN42" s="378">
        <v>0</v>
      </c>
      <c r="MO42" s="382">
        <v>0</v>
      </c>
      <c r="MP42" s="387">
        <v>0</v>
      </c>
      <c r="MQ42" s="381">
        <v>0</v>
      </c>
      <c r="MR42" s="378">
        <v>0</v>
      </c>
      <c r="MS42" s="382">
        <v>0</v>
      </c>
      <c r="MT42" s="391">
        <v>0</v>
      </c>
      <c r="MU42" s="378">
        <v>0</v>
      </c>
      <c r="MV42" s="378">
        <v>0</v>
      </c>
      <c r="MW42" s="378">
        <v>0</v>
      </c>
      <c r="MX42" s="378">
        <v>0</v>
      </c>
      <c r="MY42" s="378">
        <v>0</v>
      </c>
      <c r="MZ42" s="382">
        <v>0</v>
      </c>
      <c r="NA42" s="387">
        <v>0</v>
      </c>
      <c r="NB42" s="381">
        <v>0</v>
      </c>
      <c r="NC42" s="378">
        <v>0</v>
      </c>
      <c r="ND42" s="382">
        <v>0</v>
      </c>
      <c r="NE42" s="391">
        <v>0</v>
      </c>
      <c r="NF42" s="378">
        <v>0</v>
      </c>
      <c r="NG42" s="378">
        <v>0</v>
      </c>
      <c r="NH42" s="378">
        <v>0</v>
      </c>
      <c r="NI42" s="378">
        <v>0</v>
      </c>
      <c r="NJ42" s="378">
        <v>0</v>
      </c>
      <c r="NK42" s="382">
        <v>0</v>
      </c>
      <c r="NL42" s="380">
        <v>0</v>
      </c>
      <c r="NM42" s="381">
        <v>0</v>
      </c>
      <c r="NN42" s="378">
        <v>0</v>
      </c>
      <c r="NO42" s="382">
        <v>0</v>
      </c>
      <c r="NP42" s="391">
        <v>0</v>
      </c>
      <c r="NQ42" s="378">
        <v>0</v>
      </c>
      <c r="NR42" s="378">
        <v>0</v>
      </c>
      <c r="NS42" s="378">
        <v>0</v>
      </c>
      <c r="NT42" s="378">
        <v>0</v>
      </c>
      <c r="NU42" s="378">
        <v>0</v>
      </c>
      <c r="NV42" s="382">
        <v>0</v>
      </c>
      <c r="NW42" s="383">
        <v>0</v>
      </c>
      <c r="NX42" s="381">
        <v>0</v>
      </c>
      <c r="NY42" s="378">
        <v>0</v>
      </c>
      <c r="NZ42" s="382">
        <v>0</v>
      </c>
      <c r="OA42" s="391">
        <v>0</v>
      </c>
      <c r="OB42" s="378">
        <v>0</v>
      </c>
      <c r="OC42" s="378">
        <v>0</v>
      </c>
      <c r="OD42" s="378">
        <v>0</v>
      </c>
      <c r="OE42" s="378">
        <v>0</v>
      </c>
      <c r="OF42" s="378">
        <v>0</v>
      </c>
      <c r="OG42" s="382">
        <v>0</v>
      </c>
      <c r="OH42" s="383">
        <v>0</v>
      </c>
      <c r="OI42" s="381">
        <v>0</v>
      </c>
      <c r="OJ42" s="378">
        <v>0</v>
      </c>
      <c r="OK42" s="379">
        <v>0</v>
      </c>
      <c r="OL42" s="384">
        <v>0</v>
      </c>
      <c r="OM42" s="378">
        <v>0</v>
      </c>
      <c r="ON42" s="378">
        <v>107832</v>
      </c>
      <c r="OO42" s="378">
        <v>0</v>
      </c>
      <c r="OP42" s="378">
        <v>0</v>
      </c>
      <c r="OQ42" s="378">
        <v>236010</v>
      </c>
      <c r="OR42" s="382">
        <v>343842</v>
      </c>
      <c r="OS42" s="387">
        <v>343842</v>
      </c>
    </row>
    <row r="43" spans="2:409" x14ac:dyDescent="0.2">
      <c r="B43" s="57" t="s">
        <v>84</v>
      </c>
    </row>
  </sheetData>
  <mergeCells count="158">
    <mergeCell ref="G1:H1"/>
    <mergeCell ref="AT7:AT8"/>
    <mergeCell ref="AU7:AW7"/>
    <mergeCell ref="AX7:BD7"/>
    <mergeCell ref="BE7:BE8"/>
    <mergeCell ref="BF7:BH7"/>
    <mergeCell ref="BI7:BO7"/>
    <mergeCell ref="DH7:DH8"/>
    <mergeCell ref="B4:B8"/>
    <mergeCell ref="C4:M6"/>
    <mergeCell ref="N4:HY4"/>
    <mergeCell ref="N5:CA5"/>
    <mergeCell ref="CB5:DH5"/>
    <mergeCell ref="DI5:FK5"/>
    <mergeCell ref="FL5:HC5"/>
    <mergeCell ref="HD5:HN6"/>
    <mergeCell ref="HO5:HY6"/>
    <mergeCell ref="GH6:GR6"/>
    <mergeCell ref="GS6:HC6"/>
    <mergeCell ref="CB6:CL6"/>
    <mergeCell ref="CM6:CW6"/>
    <mergeCell ref="CX6:DH6"/>
    <mergeCell ref="DI6:DS6"/>
    <mergeCell ref="C7:E7"/>
    <mergeCell ref="F7:L7"/>
    <mergeCell ref="M7:M8"/>
    <mergeCell ref="N7:P7"/>
    <mergeCell ref="Q7:W7"/>
    <mergeCell ref="FL6:FV6"/>
    <mergeCell ref="FW6:GG6"/>
    <mergeCell ref="N6:X6"/>
    <mergeCell ref="Y6:AI6"/>
    <mergeCell ref="AJ6:AT6"/>
    <mergeCell ref="AU6:BE6"/>
    <mergeCell ref="BF6:BP6"/>
    <mergeCell ref="BQ6:CA6"/>
    <mergeCell ref="DT6:ED6"/>
    <mergeCell ref="EE6:EO6"/>
    <mergeCell ref="X7:X8"/>
    <mergeCell ref="EP6:EZ6"/>
    <mergeCell ref="FA6:FK6"/>
    <mergeCell ref="BP7:BP8"/>
    <mergeCell ref="Y7:AA7"/>
    <mergeCell ref="AB7:AH7"/>
    <mergeCell ref="AI7:AI8"/>
    <mergeCell ref="AJ7:AL7"/>
    <mergeCell ref="AM7:AS7"/>
    <mergeCell ref="CL7:CL8"/>
    <mergeCell ref="CM7:CO7"/>
    <mergeCell ref="CP7:CV7"/>
    <mergeCell ref="CW7:CW8"/>
    <mergeCell ref="CX7:CZ7"/>
    <mergeCell ref="BQ7:BS7"/>
    <mergeCell ref="BT7:BZ7"/>
    <mergeCell ref="CA7:CA8"/>
    <mergeCell ref="CB7:CD7"/>
    <mergeCell ref="CE7:CK7"/>
    <mergeCell ref="DA7:DG7"/>
    <mergeCell ref="EZ7:EZ8"/>
    <mergeCell ref="DI7:DK7"/>
    <mergeCell ref="DL7:DR7"/>
    <mergeCell ref="DS7:DS8"/>
    <mergeCell ref="DT7:DV7"/>
    <mergeCell ref="DW7:EC7"/>
    <mergeCell ref="ED7:ED8"/>
    <mergeCell ref="EE7:EG7"/>
    <mergeCell ref="EH7:EN7"/>
    <mergeCell ref="EO7:EO8"/>
    <mergeCell ref="EP7:ER7"/>
    <mergeCell ref="ES7:EY7"/>
    <mergeCell ref="GR7:GR8"/>
    <mergeCell ref="FA7:FC7"/>
    <mergeCell ref="FD7:FJ7"/>
    <mergeCell ref="FK7:FK8"/>
    <mergeCell ref="FL7:FN7"/>
    <mergeCell ref="FO7:FU7"/>
    <mergeCell ref="FV7:FV8"/>
    <mergeCell ref="FW7:FY7"/>
    <mergeCell ref="FZ7:GF7"/>
    <mergeCell ref="GG7:GG8"/>
    <mergeCell ref="GH7:GJ7"/>
    <mergeCell ref="GK7:GQ7"/>
    <mergeCell ref="HO7:HQ7"/>
    <mergeCell ref="HR7:HX7"/>
    <mergeCell ref="HY7:HY8"/>
    <mergeCell ref="GS7:GU7"/>
    <mergeCell ref="GV7:HB7"/>
    <mergeCell ref="HC7:HC8"/>
    <mergeCell ref="HD7:HF7"/>
    <mergeCell ref="HG7:HM7"/>
    <mergeCell ref="HN7:HN8"/>
    <mergeCell ref="ID1:IE1"/>
    <mergeCell ref="HZ4:ME4"/>
    <mergeCell ref="MF4:OH4"/>
    <mergeCell ref="OI4:OS6"/>
    <mergeCell ref="HZ5:IJ6"/>
    <mergeCell ref="IK5:IU6"/>
    <mergeCell ref="IV5:JF6"/>
    <mergeCell ref="JG5:JQ6"/>
    <mergeCell ref="JR5:KB6"/>
    <mergeCell ref="KC5:KM6"/>
    <mergeCell ref="KN5:KX6"/>
    <mergeCell ref="KY5:LI6"/>
    <mergeCell ref="LJ5:LT6"/>
    <mergeCell ref="LU5:ME6"/>
    <mergeCell ref="MF5:MP6"/>
    <mergeCell ref="MQ5:NA6"/>
    <mergeCell ref="JU7:KA7"/>
    <mergeCell ref="KB7:KB8"/>
    <mergeCell ref="KC7:KE7"/>
    <mergeCell ref="KF7:KL7"/>
    <mergeCell ref="KM7:KM8"/>
    <mergeCell ref="NB5:NL6"/>
    <mergeCell ref="NM5:NW6"/>
    <mergeCell ref="NX5:OH6"/>
    <mergeCell ref="HZ7:IB7"/>
    <mergeCell ref="IC7:II7"/>
    <mergeCell ref="IJ7:IJ8"/>
    <mergeCell ref="IK7:IM7"/>
    <mergeCell ref="IN7:IT7"/>
    <mergeCell ref="IU7:IU8"/>
    <mergeCell ref="IV7:IX7"/>
    <mergeCell ref="IY7:JE7"/>
    <mergeCell ref="JF7:JF8"/>
    <mergeCell ref="JG7:JI7"/>
    <mergeCell ref="JJ7:JP7"/>
    <mergeCell ref="JQ7:JQ8"/>
    <mergeCell ref="JR7:JT7"/>
    <mergeCell ref="LI7:LI8"/>
    <mergeCell ref="LJ7:LL7"/>
    <mergeCell ref="LM7:LS7"/>
    <mergeCell ref="LT7:LT8"/>
    <mergeCell ref="LU7:LW7"/>
    <mergeCell ref="KN7:KP7"/>
    <mergeCell ref="KQ7:KW7"/>
    <mergeCell ref="KX7:KX8"/>
    <mergeCell ref="KY7:LA7"/>
    <mergeCell ref="LB7:LH7"/>
    <mergeCell ref="MQ7:MS7"/>
    <mergeCell ref="MT7:MZ7"/>
    <mergeCell ref="NA7:NA8"/>
    <mergeCell ref="NB7:ND7"/>
    <mergeCell ref="NE7:NK7"/>
    <mergeCell ref="LX7:MD7"/>
    <mergeCell ref="ME7:ME8"/>
    <mergeCell ref="MF7:MH7"/>
    <mergeCell ref="MI7:MO7"/>
    <mergeCell ref="MP7:MP8"/>
    <mergeCell ref="OA7:OG7"/>
    <mergeCell ref="OH7:OH8"/>
    <mergeCell ref="OI7:OK7"/>
    <mergeCell ref="OL7:OR7"/>
    <mergeCell ref="OS7:OS8"/>
    <mergeCell ref="NL7:NL8"/>
    <mergeCell ref="NM7:NO7"/>
    <mergeCell ref="NP7:NV7"/>
    <mergeCell ref="NW7:NW8"/>
    <mergeCell ref="NX7:NZ7"/>
  </mergeCells>
  <phoneticPr fontId="4"/>
  <pageMargins left="0.59055118110236227" right="0.39370078740157483" top="0.39370078740157483" bottom="0.43307086614173229" header="0.19685039370078741" footer="0.19685039370078741"/>
  <pageSetup paperSize="9" scale="40" orientation="landscape" r:id="rId1"/>
  <headerFooter alignWithMargins="0">
    <oddFooter>&amp;L&amp;20&amp;A&amp;C&amp;P/&amp;N</oddFooter>
  </headerFooter>
  <colBreaks count="9" manualBreakCount="9">
    <brk id="35" max="1048575" man="1"/>
    <brk id="68" max="1048575" man="1"/>
    <brk id="101" max="1048575" man="1"/>
    <brk id="134" max="1048575" man="1"/>
    <brk id="167" max="1048575" man="1"/>
    <brk id="200" max="1048575" man="1"/>
    <brk id="233" max="1048575" man="1"/>
    <brk id="266" max="42" man="1"/>
    <brk id="299" max="1048575" man="1"/>
  </col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HY41"/>
  <sheetViews>
    <sheetView zoomScaleNormal="100" workbookViewId="0">
      <pane xSplit="2" ySplit="7" topLeftCell="C8" activePane="bottomRight" state="frozen"/>
      <selection pane="topRight" activeCell="B1" sqref="B1"/>
      <selection pane="bottomLeft" activeCell="A8" sqref="A8"/>
      <selection pane="bottomRight" activeCell="C7" sqref="C7"/>
    </sheetView>
  </sheetViews>
  <sheetFormatPr defaultColWidth="9" defaultRowHeight="13.2" x14ac:dyDescent="0.2"/>
  <cols>
    <col min="1" max="1" width="3.77734375" style="57" customWidth="1"/>
    <col min="2" max="2" width="9.77734375" style="57" customWidth="1"/>
    <col min="3" max="4" width="9.21875" style="57" bestFit="1" customWidth="1"/>
    <col min="5" max="5" width="10.77734375" style="57" bestFit="1" customWidth="1"/>
    <col min="6" max="6" width="7.88671875" style="57" customWidth="1"/>
    <col min="7" max="11" width="10.44140625" style="57" bestFit="1" customWidth="1"/>
    <col min="12" max="13" width="11.6640625" style="57" bestFit="1" customWidth="1"/>
    <col min="14" max="16" width="9.21875" style="57" bestFit="1" customWidth="1"/>
    <col min="17" max="17" width="7.44140625" style="57" customWidth="1"/>
    <col min="18" max="18" width="9.21875" style="57" bestFit="1" customWidth="1"/>
    <col min="19" max="22" width="10.44140625" style="57" bestFit="1" customWidth="1"/>
    <col min="23" max="24" width="11.6640625" style="57" bestFit="1" customWidth="1"/>
    <col min="25" max="27" width="9.109375" style="57" bestFit="1" customWidth="1"/>
    <col min="28" max="28" width="7" style="57" customWidth="1"/>
    <col min="29" max="30" width="9.109375" style="57" bestFit="1" customWidth="1"/>
    <col min="31" max="32" width="9.6640625" style="57" bestFit="1" customWidth="1"/>
    <col min="33" max="33" width="9.109375" style="57" bestFit="1" customWidth="1"/>
    <col min="34" max="35" width="9.6640625" style="57" bestFit="1" customWidth="1"/>
    <col min="36" max="38" width="9.109375" style="57" bestFit="1" customWidth="1"/>
    <col min="39" max="39" width="7.33203125" style="57" customWidth="1"/>
    <col min="40" max="49" width="9.109375" style="57" bestFit="1" customWidth="1"/>
    <col min="50" max="50" width="7.33203125" style="57" customWidth="1"/>
    <col min="51" max="60" width="9.109375" style="57" bestFit="1" customWidth="1"/>
    <col min="61" max="61" width="7.77734375" style="57" customWidth="1"/>
    <col min="62" max="71" width="9.109375" style="57" bestFit="1" customWidth="1"/>
    <col min="72" max="72" width="7.77734375" style="57" customWidth="1"/>
    <col min="73" max="77" width="9.109375" style="57" bestFit="1" customWidth="1"/>
    <col min="78" max="79" width="9.6640625" style="57" bestFit="1" customWidth="1"/>
    <col min="80" max="82" width="9.109375" style="57" bestFit="1" customWidth="1"/>
    <col min="83" max="83" width="7.88671875" style="57" customWidth="1"/>
    <col min="84" max="93" width="9.109375" style="57" bestFit="1" customWidth="1"/>
    <col min="94" max="94" width="8" style="57" customWidth="1"/>
    <col min="95" max="104" width="9.109375" style="57" bestFit="1" customWidth="1"/>
    <col min="105" max="105" width="8" style="57" customWidth="1"/>
    <col min="106" max="115" width="9.109375" style="57" bestFit="1" customWidth="1"/>
    <col min="116" max="116" width="7.6640625" style="57" customWidth="1"/>
    <col min="117" max="117" width="9.109375" style="57" bestFit="1" customWidth="1"/>
    <col min="118" max="121" width="9.6640625" style="57" bestFit="1" customWidth="1"/>
    <col min="122" max="123" width="10.6640625" style="57" bestFit="1" customWidth="1"/>
    <col min="124" max="126" width="9.109375" style="57" bestFit="1" customWidth="1"/>
    <col min="127" max="127" width="7.44140625" style="57" customWidth="1"/>
    <col min="128" max="129" width="9.109375" style="57" bestFit="1" customWidth="1"/>
    <col min="130" max="134" width="9.6640625" style="57" bestFit="1" customWidth="1"/>
    <col min="135" max="137" width="9.109375" style="57" bestFit="1" customWidth="1"/>
    <col min="138" max="138" width="7.6640625" style="57" customWidth="1"/>
    <col min="139" max="148" width="9.109375" style="57" bestFit="1" customWidth="1"/>
    <col min="149" max="149" width="7.77734375" style="57" customWidth="1"/>
    <col min="150" max="159" width="9.109375" style="57" bestFit="1" customWidth="1"/>
    <col min="160" max="160" width="7.77734375" style="57" customWidth="1"/>
    <col min="161" max="170" width="9.109375" style="57" bestFit="1" customWidth="1"/>
    <col min="171" max="171" width="7.33203125" style="57" customWidth="1"/>
    <col min="172" max="181" width="9.109375" style="57" bestFit="1" customWidth="1"/>
    <col min="182" max="182" width="8" style="57" customWidth="1"/>
    <col min="183" max="188" width="9.109375" style="57" bestFit="1" customWidth="1"/>
    <col min="189" max="189" width="9.6640625" style="57" bestFit="1" customWidth="1"/>
    <col min="190" max="192" width="9.109375" style="57" bestFit="1" customWidth="1"/>
    <col min="193" max="193" width="7.44140625" style="57" customWidth="1"/>
    <col min="194" max="203" width="9.109375" style="57" bestFit="1" customWidth="1"/>
    <col min="204" max="204" width="7.88671875" style="57" customWidth="1"/>
    <col min="205" max="214" width="9.109375" style="57" bestFit="1" customWidth="1"/>
    <col min="215" max="215" width="7.88671875" style="57" customWidth="1"/>
    <col min="216" max="225" width="9.109375" style="57" bestFit="1" customWidth="1"/>
    <col min="226" max="226" width="7.6640625" style="57" customWidth="1"/>
    <col min="227" max="229" width="9.6640625" style="57" bestFit="1" customWidth="1"/>
    <col min="230" max="230" width="10.6640625" style="57" bestFit="1" customWidth="1"/>
    <col min="231" max="231" width="9.6640625" style="57" bestFit="1" customWidth="1"/>
    <col min="232" max="233" width="10.6640625" style="57" bestFit="1" customWidth="1"/>
    <col min="234" max="16384" width="9" style="57"/>
  </cols>
  <sheetData>
    <row r="1" spans="2:233" ht="24" customHeight="1" x14ac:dyDescent="0.2">
      <c r="B1" s="7" t="s">
        <v>157</v>
      </c>
      <c r="C1" s="233"/>
      <c r="D1" s="233"/>
      <c r="E1" s="52">
        <f>第１表!F2</f>
        <v>7</v>
      </c>
      <c r="F1" s="53">
        <f>第１表!G2</f>
        <v>1</v>
      </c>
      <c r="G1" s="572">
        <f>IF(F1&lt;3,F1-2+12,F1-2)</f>
        <v>11</v>
      </c>
      <c r="H1" s="572"/>
      <c r="L1" s="233"/>
      <c r="CL1" s="233"/>
      <c r="CM1" s="233"/>
      <c r="CN1" s="233"/>
      <c r="CO1" s="233"/>
      <c r="CP1" s="233"/>
      <c r="CQ1" s="233"/>
      <c r="CR1" s="233"/>
      <c r="CS1" s="233"/>
      <c r="CT1" s="233"/>
      <c r="CU1" s="233"/>
      <c r="CV1" s="233"/>
      <c r="CW1" s="233"/>
      <c r="CX1" s="233"/>
      <c r="CY1" s="233"/>
      <c r="CZ1" s="233"/>
      <c r="DA1" s="233"/>
      <c r="DB1" s="233"/>
      <c r="DC1" s="233"/>
      <c r="DD1" s="233"/>
      <c r="DE1" s="233"/>
      <c r="DF1" s="233"/>
      <c r="DG1" s="233"/>
      <c r="DH1" s="233"/>
      <c r="DI1" s="233"/>
      <c r="DJ1" s="233"/>
      <c r="DK1" s="233"/>
      <c r="DL1" s="233"/>
      <c r="DM1" s="233"/>
      <c r="DN1" s="233"/>
      <c r="DO1" s="233"/>
      <c r="DP1" s="233"/>
      <c r="DQ1" s="233"/>
      <c r="DR1" s="233"/>
      <c r="DS1" s="233"/>
      <c r="DT1" s="233"/>
      <c r="DU1" s="233"/>
      <c r="DV1" s="233"/>
      <c r="DW1" s="233"/>
      <c r="DX1" s="233"/>
      <c r="DY1" s="233"/>
      <c r="DZ1" s="233"/>
      <c r="EA1" s="233"/>
      <c r="EB1" s="233"/>
      <c r="EC1" s="233"/>
    </row>
    <row r="2" spans="2:233" ht="24" customHeight="1" thickBot="1" x14ac:dyDescent="0.25">
      <c r="B2" s="7" t="s">
        <v>158</v>
      </c>
    </row>
    <row r="3" spans="2:233" ht="21" customHeight="1" thickBot="1" x14ac:dyDescent="0.25">
      <c r="B3" s="576"/>
      <c r="C3" s="424" t="s">
        <v>115</v>
      </c>
      <c r="D3" s="425"/>
      <c r="E3" s="425"/>
      <c r="F3" s="425"/>
      <c r="G3" s="425"/>
      <c r="H3" s="425"/>
      <c r="I3" s="425"/>
      <c r="J3" s="425"/>
      <c r="K3" s="425"/>
      <c r="L3" s="425"/>
      <c r="M3" s="425"/>
      <c r="N3" s="422"/>
      <c r="O3" s="422"/>
      <c r="P3" s="422"/>
      <c r="Q3" s="422"/>
      <c r="R3" s="422"/>
      <c r="S3" s="422"/>
      <c r="T3" s="422"/>
      <c r="U3" s="422"/>
      <c r="V3" s="422"/>
      <c r="W3" s="422"/>
      <c r="X3" s="422"/>
      <c r="Y3" s="422"/>
      <c r="Z3" s="422"/>
      <c r="AA3" s="422"/>
      <c r="AB3" s="422"/>
      <c r="AC3" s="422"/>
      <c r="AD3" s="422"/>
      <c r="AE3" s="422"/>
      <c r="AF3" s="422"/>
      <c r="AG3" s="422"/>
      <c r="AH3" s="422"/>
      <c r="AI3" s="422"/>
      <c r="AJ3" s="422"/>
      <c r="AK3" s="422"/>
      <c r="AL3" s="422"/>
      <c r="AM3" s="422"/>
      <c r="AN3" s="422"/>
      <c r="AO3" s="422"/>
      <c r="AP3" s="422"/>
      <c r="AQ3" s="422"/>
      <c r="AR3" s="422"/>
      <c r="AS3" s="422"/>
      <c r="AT3" s="422"/>
      <c r="AU3" s="422"/>
      <c r="AV3" s="422"/>
      <c r="AW3" s="422"/>
      <c r="AX3" s="422"/>
      <c r="AY3" s="422"/>
      <c r="AZ3" s="422"/>
      <c r="BA3" s="422"/>
      <c r="BB3" s="422"/>
      <c r="BC3" s="422"/>
      <c r="BD3" s="422"/>
      <c r="BE3" s="422"/>
      <c r="BF3" s="422"/>
      <c r="BG3" s="422"/>
      <c r="BH3" s="422"/>
      <c r="BI3" s="422"/>
      <c r="BJ3" s="422"/>
      <c r="BK3" s="422"/>
      <c r="BL3" s="422"/>
      <c r="BM3" s="422"/>
      <c r="BN3" s="422"/>
      <c r="BO3" s="422"/>
      <c r="BP3" s="422"/>
      <c r="BQ3" s="422"/>
      <c r="BR3" s="422"/>
      <c r="BS3" s="422"/>
      <c r="BT3" s="422"/>
      <c r="BU3" s="422"/>
      <c r="BV3" s="422"/>
      <c r="BW3" s="422"/>
      <c r="BX3" s="422"/>
      <c r="BY3" s="422"/>
      <c r="BZ3" s="422"/>
      <c r="CA3" s="422"/>
      <c r="CB3" s="422"/>
      <c r="CC3" s="422"/>
      <c r="CD3" s="422"/>
      <c r="CE3" s="422"/>
      <c r="CF3" s="422"/>
      <c r="CG3" s="422"/>
      <c r="CH3" s="422"/>
      <c r="CI3" s="422"/>
      <c r="CJ3" s="422"/>
      <c r="CK3" s="422"/>
      <c r="CL3" s="422"/>
      <c r="CM3" s="422"/>
      <c r="CN3" s="422"/>
      <c r="CO3" s="422"/>
      <c r="CP3" s="422"/>
      <c r="CQ3" s="422"/>
      <c r="CR3" s="422"/>
      <c r="CS3" s="422"/>
      <c r="CT3" s="422"/>
      <c r="CU3" s="422"/>
      <c r="CV3" s="422"/>
      <c r="CW3" s="422"/>
      <c r="CX3" s="422"/>
      <c r="CY3" s="422"/>
      <c r="CZ3" s="422"/>
      <c r="DA3" s="422"/>
      <c r="DB3" s="422"/>
      <c r="DC3" s="422"/>
      <c r="DD3" s="422"/>
      <c r="DE3" s="422"/>
      <c r="DF3" s="422"/>
      <c r="DG3" s="422"/>
      <c r="DH3" s="423"/>
      <c r="DI3" s="424" t="s">
        <v>117</v>
      </c>
      <c r="DJ3" s="425"/>
      <c r="DK3" s="425"/>
      <c r="DL3" s="425"/>
      <c r="DM3" s="425"/>
      <c r="DN3" s="425"/>
      <c r="DO3" s="425"/>
      <c r="DP3" s="425"/>
      <c r="DQ3" s="425"/>
      <c r="DR3" s="425"/>
      <c r="DS3" s="425"/>
      <c r="DT3" s="425"/>
      <c r="DU3" s="425"/>
      <c r="DV3" s="425"/>
      <c r="DW3" s="425"/>
      <c r="DX3" s="425"/>
      <c r="DY3" s="425"/>
      <c r="DZ3" s="425"/>
      <c r="EA3" s="425"/>
      <c r="EB3" s="425"/>
      <c r="EC3" s="425"/>
      <c r="ED3" s="425"/>
      <c r="EE3" s="425"/>
      <c r="EF3" s="425"/>
      <c r="EG3" s="425"/>
      <c r="EH3" s="425"/>
      <c r="EI3" s="425"/>
      <c r="EJ3" s="425"/>
      <c r="EK3" s="425"/>
      <c r="EL3" s="425"/>
      <c r="EM3" s="425"/>
      <c r="EN3" s="425"/>
      <c r="EO3" s="425"/>
      <c r="EP3" s="425"/>
      <c r="EQ3" s="425"/>
      <c r="ER3" s="425"/>
      <c r="ES3" s="425"/>
      <c r="ET3" s="425"/>
      <c r="EU3" s="425"/>
      <c r="EV3" s="425"/>
      <c r="EW3" s="425"/>
      <c r="EX3" s="425"/>
      <c r="EY3" s="425"/>
      <c r="EZ3" s="425"/>
      <c r="FA3" s="425"/>
      <c r="FB3" s="425"/>
      <c r="FC3" s="425"/>
      <c r="FD3" s="425"/>
      <c r="FE3" s="425"/>
      <c r="FF3" s="425"/>
      <c r="FG3" s="425"/>
      <c r="FH3" s="425"/>
      <c r="FI3" s="425"/>
      <c r="FJ3" s="425"/>
      <c r="FK3" s="425"/>
      <c r="FL3" s="425"/>
      <c r="FM3" s="425"/>
      <c r="FN3" s="425"/>
      <c r="FO3" s="425"/>
      <c r="FP3" s="425"/>
      <c r="FQ3" s="425"/>
      <c r="FR3" s="425"/>
      <c r="FS3" s="425"/>
      <c r="FT3" s="425"/>
      <c r="FU3" s="425"/>
      <c r="FV3" s="425"/>
      <c r="FW3" s="425"/>
      <c r="FX3" s="425"/>
      <c r="FY3" s="425"/>
      <c r="FZ3" s="425"/>
      <c r="GA3" s="425"/>
      <c r="GB3" s="425"/>
      <c r="GC3" s="425"/>
      <c r="GD3" s="425"/>
      <c r="GE3" s="425"/>
      <c r="GF3" s="425"/>
      <c r="GG3" s="425"/>
      <c r="GH3" s="425"/>
      <c r="GI3" s="425"/>
      <c r="GJ3" s="425"/>
      <c r="GK3" s="425"/>
      <c r="GL3" s="425"/>
      <c r="GM3" s="425"/>
      <c r="GN3" s="425"/>
      <c r="GO3" s="425"/>
      <c r="GP3" s="425"/>
      <c r="GQ3" s="425"/>
      <c r="GR3" s="425"/>
      <c r="GS3" s="425"/>
      <c r="GT3" s="425"/>
      <c r="GU3" s="425"/>
      <c r="GV3" s="425"/>
      <c r="GW3" s="425"/>
      <c r="GX3" s="425"/>
      <c r="GY3" s="425"/>
      <c r="GZ3" s="425"/>
      <c r="HA3" s="425"/>
      <c r="HB3" s="425"/>
      <c r="HC3" s="425"/>
      <c r="HD3" s="425"/>
      <c r="HE3" s="425"/>
      <c r="HF3" s="425"/>
      <c r="HG3" s="425"/>
      <c r="HH3" s="425"/>
      <c r="HI3" s="425"/>
      <c r="HJ3" s="425"/>
      <c r="HK3" s="425"/>
      <c r="HL3" s="425"/>
      <c r="HM3" s="425"/>
      <c r="HN3" s="426"/>
      <c r="HO3" s="563" t="s">
        <v>60</v>
      </c>
      <c r="HP3" s="564"/>
      <c r="HQ3" s="564"/>
      <c r="HR3" s="564"/>
      <c r="HS3" s="564"/>
      <c r="HT3" s="564"/>
      <c r="HU3" s="564"/>
      <c r="HV3" s="564"/>
      <c r="HW3" s="564"/>
      <c r="HX3" s="564"/>
      <c r="HY3" s="565"/>
    </row>
    <row r="4" spans="2:233" ht="21" customHeight="1" thickBot="1" x14ac:dyDescent="0.25">
      <c r="B4" s="570"/>
      <c r="C4" s="518"/>
      <c r="D4" s="512"/>
      <c r="E4" s="512"/>
      <c r="F4" s="512"/>
      <c r="G4" s="512"/>
      <c r="H4" s="512"/>
      <c r="I4" s="512"/>
      <c r="J4" s="512"/>
      <c r="K4" s="512"/>
      <c r="L4" s="512"/>
      <c r="M4" s="578"/>
      <c r="N4" s="573" t="s">
        <v>57</v>
      </c>
      <c r="O4" s="574"/>
      <c r="P4" s="574"/>
      <c r="Q4" s="574"/>
      <c r="R4" s="574"/>
      <c r="S4" s="574"/>
      <c r="T4" s="574"/>
      <c r="U4" s="574"/>
      <c r="V4" s="574"/>
      <c r="W4" s="574"/>
      <c r="X4" s="575"/>
      <c r="Y4" s="573" t="s">
        <v>58</v>
      </c>
      <c r="Z4" s="574"/>
      <c r="AA4" s="574"/>
      <c r="AB4" s="574"/>
      <c r="AC4" s="574"/>
      <c r="AD4" s="574"/>
      <c r="AE4" s="574"/>
      <c r="AF4" s="574"/>
      <c r="AG4" s="574"/>
      <c r="AH4" s="574"/>
      <c r="AI4" s="575"/>
      <c r="AJ4" s="573" t="s">
        <v>59</v>
      </c>
      <c r="AK4" s="574"/>
      <c r="AL4" s="574"/>
      <c r="AM4" s="574"/>
      <c r="AN4" s="574"/>
      <c r="AO4" s="574"/>
      <c r="AP4" s="574"/>
      <c r="AQ4" s="574"/>
      <c r="AR4" s="574"/>
      <c r="AS4" s="574"/>
      <c r="AT4" s="575"/>
      <c r="AU4" s="573" t="s">
        <v>145</v>
      </c>
      <c r="AV4" s="574"/>
      <c r="AW4" s="574"/>
      <c r="AX4" s="574"/>
      <c r="AY4" s="574"/>
      <c r="AZ4" s="574"/>
      <c r="BA4" s="574"/>
      <c r="BB4" s="574"/>
      <c r="BC4" s="574"/>
      <c r="BD4" s="574"/>
      <c r="BE4" s="575"/>
      <c r="BF4" s="573" t="s">
        <v>116</v>
      </c>
      <c r="BG4" s="574"/>
      <c r="BH4" s="574"/>
      <c r="BI4" s="574"/>
      <c r="BJ4" s="574"/>
      <c r="BK4" s="574"/>
      <c r="BL4" s="574"/>
      <c r="BM4" s="574"/>
      <c r="BN4" s="574"/>
      <c r="BO4" s="574"/>
      <c r="BP4" s="575"/>
      <c r="BQ4" s="573" t="s">
        <v>77</v>
      </c>
      <c r="BR4" s="574"/>
      <c r="BS4" s="574"/>
      <c r="BT4" s="574"/>
      <c r="BU4" s="574"/>
      <c r="BV4" s="574"/>
      <c r="BW4" s="574"/>
      <c r="BX4" s="574"/>
      <c r="BY4" s="574"/>
      <c r="BZ4" s="574"/>
      <c r="CA4" s="575"/>
      <c r="CB4" s="573" t="s">
        <v>78</v>
      </c>
      <c r="CC4" s="574"/>
      <c r="CD4" s="574"/>
      <c r="CE4" s="574"/>
      <c r="CF4" s="574"/>
      <c r="CG4" s="574"/>
      <c r="CH4" s="574"/>
      <c r="CI4" s="574"/>
      <c r="CJ4" s="574"/>
      <c r="CK4" s="574"/>
      <c r="CL4" s="575"/>
      <c r="CM4" s="573" t="s">
        <v>79</v>
      </c>
      <c r="CN4" s="574"/>
      <c r="CO4" s="574"/>
      <c r="CP4" s="574"/>
      <c r="CQ4" s="574"/>
      <c r="CR4" s="574"/>
      <c r="CS4" s="574"/>
      <c r="CT4" s="574"/>
      <c r="CU4" s="574"/>
      <c r="CV4" s="574"/>
      <c r="CW4" s="575"/>
      <c r="CX4" s="573" t="s">
        <v>146</v>
      </c>
      <c r="CY4" s="574"/>
      <c r="CZ4" s="574"/>
      <c r="DA4" s="574"/>
      <c r="DB4" s="574"/>
      <c r="DC4" s="574"/>
      <c r="DD4" s="574"/>
      <c r="DE4" s="574"/>
      <c r="DF4" s="574"/>
      <c r="DG4" s="574"/>
      <c r="DH4" s="575"/>
      <c r="DI4" s="518"/>
      <c r="DJ4" s="512"/>
      <c r="DK4" s="512"/>
      <c r="DL4" s="512"/>
      <c r="DM4" s="512"/>
      <c r="DN4" s="512"/>
      <c r="DO4" s="512"/>
      <c r="DP4" s="512"/>
      <c r="DQ4" s="512"/>
      <c r="DR4" s="512"/>
      <c r="DS4" s="513"/>
      <c r="DT4" s="573" t="s">
        <v>57</v>
      </c>
      <c r="DU4" s="574"/>
      <c r="DV4" s="574"/>
      <c r="DW4" s="574"/>
      <c r="DX4" s="574"/>
      <c r="DY4" s="574"/>
      <c r="DZ4" s="574"/>
      <c r="EA4" s="574"/>
      <c r="EB4" s="574"/>
      <c r="EC4" s="574"/>
      <c r="ED4" s="575"/>
      <c r="EE4" s="573" t="s">
        <v>58</v>
      </c>
      <c r="EF4" s="574"/>
      <c r="EG4" s="574"/>
      <c r="EH4" s="574"/>
      <c r="EI4" s="574"/>
      <c r="EJ4" s="574"/>
      <c r="EK4" s="574"/>
      <c r="EL4" s="574"/>
      <c r="EM4" s="574"/>
      <c r="EN4" s="574"/>
      <c r="EO4" s="575"/>
      <c r="EP4" s="573" t="s">
        <v>59</v>
      </c>
      <c r="EQ4" s="574"/>
      <c r="ER4" s="574"/>
      <c r="ES4" s="574"/>
      <c r="ET4" s="574"/>
      <c r="EU4" s="574"/>
      <c r="EV4" s="574"/>
      <c r="EW4" s="574"/>
      <c r="EX4" s="574"/>
      <c r="EY4" s="574"/>
      <c r="EZ4" s="575"/>
      <c r="FA4" s="573" t="s">
        <v>145</v>
      </c>
      <c r="FB4" s="574"/>
      <c r="FC4" s="574"/>
      <c r="FD4" s="574"/>
      <c r="FE4" s="574"/>
      <c r="FF4" s="574"/>
      <c r="FG4" s="574"/>
      <c r="FH4" s="574"/>
      <c r="FI4" s="574"/>
      <c r="FJ4" s="574"/>
      <c r="FK4" s="575"/>
      <c r="FL4" s="573" t="s">
        <v>116</v>
      </c>
      <c r="FM4" s="574"/>
      <c r="FN4" s="574"/>
      <c r="FO4" s="574"/>
      <c r="FP4" s="574"/>
      <c r="FQ4" s="574"/>
      <c r="FR4" s="574"/>
      <c r="FS4" s="574"/>
      <c r="FT4" s="574"/>
      <c r="FU4" s="574"/>
      <c r="FV4" s="575"/>
      <c r="FW4" s="573" t="s">
        <v>77</v>
      </c>
      <c r="FX4" s="574"/>
      <c r="FY4" s="574"/>
      <c r="FZ4" s="574"/>
      <c r="GA4" s="574"/>
      <c r="GB4" s="574"/>
      <c r="GC4" s="574"/>
      <c r="GD4" s="574"/>
      <c r="GE4" s="574"/>
      <c r="GF4" s="574"/>
      <c r="GG4" s="575"/>
      <c r="GH4" s="573" t="s">
        <v>78</v>
      </c>
      <c r="GI4" s="574"/>
      <c r="GJ4" s="574"/>
      <c r="GK4" s="574"/>
      <c r="GL4" s="574"/>
      <c r="GM4" s="574"/>
      <c r="GN4" s="574"/>
      <c r="GO4" s="574"/>
      <c r="GP4" s="574"/>
      <c r="GQ4" s="574"/>
      <c r="GR4" s="575"/>
      <c r="GS4" s="573" t="s">
        <v>79</v>
      </c>
      <c r="GT4" s="574"/>
      <c r="GU4" s="574"/>
      <c r="GV4" s="574"/>
      <c r="GW4" s="574"/>
      <c r="GX4" s="574"/>
      <c r="GY4" s="574"/>
      <c r="GZ4" s="574"/>
      <c r="HA4" s="574"/>
      <c r="HB4" s="574"/>
      <c r="HC4" s="575"/>
      <c r="HD4" s="573" t="s">
        <v>146</v>
      </c>
      <c r="HE4" s="574"/>
      <c r="HF4" s="574"/>
      <c r="HG4" s="574"/>
      <c r="HH4" s="574"/>
      <c r="HI4" s="574"/>
      <c r="HJ4" s="574"/>
      <c r="HK4" s="574"/>
      <c r="HL4" s="574"/>
      <c r="HM4" s="574"/>
      <c r="HN4" s="575"/>
      <c r="HO4" s="566"/>
      <c r="HP4" s="567"/>
      <c r="HQ4" s="567"/>
      <c r="HR4" s="567"/>
      <c r="HS4" s="567"/>
      <c r="HT4" s="567"/>
      <c r="HU4" s="567"/>
      <c r="HV4" s="567"/>
      <c r="HW4" s="567"/>
      <c r="HX4" s="567"/>
      <c r="HY4" s="568"/>
    </row>
    <row r="5" spans="2:233" ht="21" customHeight="1" x14ac:dyDescent="0.2">
      <c r="B5" s="570"/>
      <c r="C5" s="502" t="s">
        <v>61</v>
      </c>
      <c r="D5" s="503"/>
      <c r="E5" s="504"/>
      <c r="F5" s="531" t="s">
        <v>62</v>
      </c>
      <c r="G5" s="503"/>
      <c r="H5" s="503"/>
      <c r="I5" s="503"/>
      <c r="J5" s="503"/>
      <c r="K5" s="503"/>
      <c r="L5" s="532"/>
      <c r="M5" s="571" t="s">
        <v>52</v>
      </c>
      <c r="N5" s="518" t="s">
        <v>61</v>
      </c>
      <c r="O5" s="512"/>
      <c r="P5" s="513"/>
      <c r="Q5" s="534" t="s">
        <v>62</v>
      </c>
      <c r="R5" s="512"/>
      <c r="S5" s="512"/>
      <c r="T5" s="512"/>
      <c r="U5" s="512"/>
      <c r="V5" s="512"/>
      <c r="W5" s="535"/>
      <c r="X5" s="435" t="s">
        <v>52</v>
      </c>
      <c r="Y5" s="518" t="s">
        <v>61</v>
      </c>
      <c r="Z5" s="512"/>
      <c r="AA5" s="513"/>
      <c r="AB5" s="534" t="s">
        <v>62</v>
      </c>
      <c r="AC5" s="512"/>
      <c r="AD5" s="512"/>
      <c r="AE5" s="512"/>
      <c r="AF5" s="512"/>
      <c r="AG5" s="512"/>
      <c r="AH5" s="535"/>
      <c r="AI5" s="435" t="s">
        <v>52</v>
      </c>
      <c r="AJ5" s="518" t="s">
        <v>61</v>
      </c>
      <c r="AK5" s="512"/>
      <c r="AL5" s="513"/>
      <c r="AM5" s="534" t="s">
        <v>62</v>
      </c>
      <c r="AN5" s="512"/>
      <c r="AO5" s="512"/>
      <c r="AP5" s="512"/>
      <c r="AQ5" s="512"/>
      <c r="AR5" s="512"/>
      <c r="AS5" s="535"/>
      <c r="AT5" s="435" t="s">
        <v>52</v>
      </c>
      <c r="AU5" s="518" t="s">
        <v>61</v>
      </c>
      <c r="AV5" s="512"/>
      <c r="AW5" s="513"/>
      <c r="AX5" s="534" t="s">
        <v>62</v>
      </c>
      <c r="AY5" s="512"/>
      <c r="AZ5" s="512"/>
      <c r="BA5" s="512"/>
      <c r="BB5" s="512"/>
      <c r="BC5" s="512"/>
      <c r="BD5" s="535"/>
      <c r="BE5" s="435" t="s">
        <v>52</v>
      </c>
      <c r="BF5" s="518" t="s">
        <v>61</v>
      </c>
      <c r="BG5" s="512"/>
      <c r="BH5" s="513"/>
      <c r="BI5" s="534" t="s">
        <v>62</v>
      </c>
      <c r="BJ5" s="512"/>
      <c r="BK5" s="512"/>
      <c r="BL5" s="512"/>
      <c r="BM5" s="512"/>
      <c r="BN5" s="512"/>
      <c r="BO5" s="535"/>
      <c r="BP5" s="435" t="s">
        <v>52</v>
      </c>
      <c r="BQ5" s="518" t="s">
        <v>61</v>
      </c>
      <c r="BR5" s="512"/>
      <c r="BS5" s="513"/>
      <c r="BT5" s="534" t="s">
        <v>62</v>
      </c>
      <c r="BU5" s="512"/>
      <c r="BV5" s="512"/>
      <c r="BW5" s="512"/>
      <c r="BX5" s="512"/>
      <c r="BY5" s="512"/>
      <c r="BZ5" s="535"/>
      <c r="CA5" s="435" t="s">
        <v>52</v>
      </c>
      <c r="CB5" s="518" t="s">
        <v>61</v>
      </c>
      <c r="CC5" s="512"/>
      <c r="CD5" s="513"/>
      <c r="CE5" s="534" t="s">
        <v>62</v>
      </c>
      <c r="CF5" s="512"/>
      <c r="CG5" s="512"/>
      <c r="CH5" s="512"/>
      <c r="CI5" s="512"/>
      <c r="CJ5" s="512"/>
      <c r="CK5" s="535"/>
      <c r="CL5" s="435" t="s">
        <v>52</v>
      </c>
      <c r="CM5" s="518" t="s">
        <v>61</v>
      </c>
      <c r="CN5" s="512"/>
      <c r="CO5" s="513"/>
      <c r="CP5" s="534" t="s">
        <v>62</v>
      </c>
      <c r="CQ5" s="512"/>
      <c r="CR5" s="512"/>
      <c r="CS5" s="512"/>
      <c r="CT5" s="512"/>
      <c r="CU5" s="512"/>
      <c r="CV5" s="535"/>
      <c r="CW5" s="435" t="s">
        <v>52</v>
      </c>
      <c r="CX5" s="518" t="s">
        <v>61</v>
      </c>
      <c r="CY5" s="512"/>
      <c r="CZ5" s="513"/>
      <c r="DA5" s="534" t="s">
        <v>62</v>
      </c>
      <c r="DB5" s="512"/>
      <c r="DC5" s="512"/>
      <c r="DD5" s="512"/>
      <c r="DE5" s="512"/>
      <c r="DF5" s="512"/>
      <c r="DG5" s="535"/>
      <c r="DH5" s="435" t="s">
        <v>52</v>
      </c>
      <c r="DI5" s="502" t="s">
        <v>61</v>
      </c>
      <c r="DJ5" s="503"/>
      <c r="DK5" s="504"/>
      <c r="DL5" s="531" t="s">
        <v>62</v>
      </c>
      <c r="DM5" s="503"/>
      <c r="DN5" s="503"/>
      <c r="DO5" s="503"/>
      <c r="DP5" s="503"/>
      <c r="DQ5" s="503"/>
      <c r="DR5" s="532"/>
      <c r="DS5" s="506" t="s">
        <v>52</v>
      </c>
      <c r="DT5" s="518" t="s">
        <v>61</v>
      </c>
      <c r="DU5" s="512"/>
      <c r="DV5" s="513"/>
      <c r="DW5" s="534" t="s">
        <v>62</v>
      </c>
      <c r="DX5" s="512"/>
      <c r="DY5" s="512"/>
      <c r="DZ5" s="512"/>
      <c r="EA5" s="512"/>
      <c r="EB5" s="512"/>
      <c r="EC5" s="535"/>
      <c r="ED5" s="435" t="s">
        <v>52</v>
      </c>
      <c r="EE5" s="518" t="s">
        <v>61</v>
      </c>
      <c r="EF5" s="512"/>
      <c r="EG5" s="513"/>
      <c r="EH5" s="534" t="s">
        <v>62</v>
      </c>
      <c r="EI5" s="512"/>
      <c r="EJ5" s="512"/>
      <c r="EK5" s="512"/>
      <c r="EL5" s="512"/>
      <c r="EM5" s="512"/>
      <c r="EN5" s="535"/>
      <c r="EO5" s="435" t="s">
        <v>52</v>
      </c>
      <c r="EP5" s="518" t="s">
        <v>61</v>
      </c>
      <c r="EQ5" s="512"/>
      <c r="ER5" s="513"/>
      <c r="ES5" s="534" t="s">
        <v>62</v>
      </c>
      <c r="ET5" s="512"/>
      <c r="EU5" s="512"/>
      <c r="EV5" s="512"/>
      <c r="EW5" s="512"/>
      <c r="EX5" s="512"/>
      <c r="EY5" s="535"/>
      <c r="EZ5" s="435" t="s">
        <v>52</v>
      </c>
      <c r="FA5" s="518" t="s">
        <v>61</v>
      </c>
      <c r="FB5" s="512"/>
      <c r="FC5" s="513"/>
      <c r="FD5" s="534" t="s">
        <v>62</v>
      </c>
      <c r="FE5" s="512"/>
      <c r="FF5" s="512"/>
      <c r="FG5" s="512"/>
      <c r="FH5" s="512"/>
      <c r="FI5" s="512"/>
      <c r="FJ5" s="535"/>
      <c r="FK5" s="435" t="s">
        <v>52</v>
      </c>
      <c r="FL5" s="518" t="s">
        <v>61</v>
      </c>
      <c r="FM5" s="512"/>
      <c r="FN5" s="513"/>
      <c r="FO5" s="534" t="s">
        <v>62</v>
      </c>
      <c r="FP5" s="512"/>
      <c r="FQ5" s="512"/>
      <c r="FR5" s="512"/>
      <c r="FS5" s="512"/>
      <c r="FT5" s="512"/>
      <c r="FU5" s="535"/>
      <c r="FV5" s="435" t="s">
        <v>52</v>
      </c>
      <c r="FW5" s="518" t="s">
        <v>61</v>
      </c>
      <c r="FX5" s="512"/>
      <c r="FY5" s="513"/>
      <c r="FZ5" s="534" t="s">
        <v>62</v>
      </c>
      <c r="GA5" s="512"/>
      <c r="GB5" s="512"/>
      <c r="GC5" s="512"/>
      <c r="GD5" s="512"/>
      <c r="GE5" s="512"/>
      <c r="GF5" s="535"/>
      <c r="GG5" s="435" t="s">
        <v>52</v>
      </c>
      <c r="GH5" s="518" t="s">
        <v>61</v>
      </c>
      <c r="GI5" s="512"/>
      <c r="GJ5" s="513"/>
      <c r="GK5" s="534" t="s">
        <v>62</v>
      </c>
      <c r="GL5" s="512"/>
      <c r="GM5" s="512"/>
      <c r="GN5" s="512"/>
      <c r="GO5" s="512"/>
      <c r="GP5" s="512"/>
      <c r="GQ5" s="535"/>
      <c r="GR5" s="435" t="s">
        <v>52</v>
      </c>
      <c r="GS5" s="518" t="s">
        <v>61</v>
      </c>
      <c r="GT5" s="512"/>
      <c r="GU5" s="513"/>
      <c r="GV5" s="534" t="s">
        <v>62</v>
      </c>
      <c r="GW5" s="512"/>
      <c r="GX5" s="512"/>
      <c r="GY5" s="512"/>
      <c r="GZ5" s="512"/>
      <c r="HA5" s="512"/>
      <c r="HB5" s="535"/>
      <c r="HC5" s="435" t="s">
        <v>52</v>
      </c>
      <c r="HD5" s="518" t="s">
        <v>61</v>
      </c>
      <c r="HE5" s="512"/>
      <c r="HF5" s="513"/>
      <c r="HG5" s="534" t="s">
        <v>62</v>
      </c>
      <c r="HH5" s="512"/>
      <c r="HI5" s="512"/>
      <c r="HJ5" s="512"/>
      <c r="HK5" s="512"/>
      <c r="HL5" s="512"/>
      <c r="HM5" s="535"/>
      <c r="HN5" s="435" t="s">
        <v>52</v>
      </c>
      <c r="HO5" s="518" t="s">
        <v>61</v>
      </c>
      <c r="HP5" s="512"/>
      <c r="HQ5" s="513"/>
      <c r="HR5" s="534" t="s">
        <v>62</v>
      </c>
      <c r="HS5" s="512"/>
      <c r="HT5" s="512"/>
      <c r="HU5" s="512"/>
      <c r="HV5" s="512"/>
      <c r="HW5" s="512"/>
      <c r="HX5" s="535"/>
      <c r="HY5" s="435" t="s">
        <v>52</v>
      </c>
    </row>
    <row r="6" spans="2:233" ht="30" customHeight="1" thickBot="1" x14ac:dyDescent="0.25">
      <c r="B6" s="577"/>
      <c r="C6" s="59" t="s">
        <v>118</v>
      </c>
      <c r="D6" s="60" t="s">
        <v>44</v>
      </c>
      <c r="E6" s="236" t="s">
        <v>45</v>
      </c>
      <c r="F6" s="62" t="s">
        <v>83</v>
      </c>
      <c r="G6" s="60" t="s">
        <v>47</v>
      </c>
      <c r="H6" s="60" t="s">
        <v>48</v>
      </c>
      <c r="I6" s="60" t="s">
        <v>49</v>
      </c>
      <c r="J6" s="60" t="s">
        <v>50</v>
      </c>
      <c r="K6" s="60" t="s">
        <v>51</v>
      </c>
      <c r="L6" s="61" t="s">
        <v>45</v>
      </c>
      <c r="M6" s="551"/>
      <c r="N6" s="59" t="s">
        <v>118</v>
      </c>
      <c r="O6" s="60" t="s">
        <v>44</v>
      </c>
      <c r="P6" s="236" t="s">
        <v>45</v>
      </c>
      <c r="Q6" s="62" t="s">
        <v>83</v>
      </c>
      <c r="R6" s="60" t="s">
        <v>47</v>
      </c>
      <c r="S6" s="60" t="s">
        <v>48</v>
      </c>
      <c r="T6" s="60" t="s">
        <v>49</v>
      </c>
      <c r="U6" s="60" t="s">
        <v>50</v>
      </c>
      <c r="V6" s="60" t="s">
        <v>51</v>
      </c>
      <c r="W6" s="61" t="s">
        <v>45</v>
      </c>
      <c r="X6" s="551"/>
      <c r="Y6" s="59" t="s">
        <v>118</v>
      </c>
      <c r="Z6" s="60" t="s">
        <v>44</v>
      </c>
      <c r="AA6" s="236" t="s">
        <v>45</v>
      </c>
      <c r="AB6" s="62" t="s">
        <v>83</v>
      </c>
      <c r="AC6" s="60" t="s">
        <v>47</v>
      </c>
      <c r="AD6" s="60" t="s">
        <v>48</v>
      </c>
      <c r="AE6" s="60" t="s">
        <v>49</v>
      </c>
      <c r="AF6" s="60" t="s">
        <v>50</v>
      </c>
      <c r="AG6" s="60" t="s">
        <v>51</v>
      </c>
      <c r="AH6" s="61" t="s">
        <v>45</v>
      </c>
      <c r="AI6" s="551"/>
      <c r="AJ6" s="59" t="s">
        <v>118</v>
      </c>
      <c r="AK6" s="60" t="s">
        <v>44</v>
      </c>
      <c r="AL6" s="236" t="s">
        <v>45</v>
      </c>
      <c r="AM6" s="62" t="s">
        <v>83</v>
      </c>
      <c r="AN6" s="60" t="s">
        <v>47</v>
      </c>
      <c r="AO6" s="60" t="s">
        <v>48</v>
      </c>
      <c r="AP6" s="60" t="s">
        <v>49</v>
      </c>
      <c r="AQ6" s="60" t="s">
        <v>50</v>
      </c>
      <c r="AR6" s="60" t="s">
        <v>51</v>
      </c>
      <c r="AS6" s="61" t="s">
        <v>45</v>
      </c>
      <c r="AT6" s="551"/>
      <c r="AU6" s="59" t="s">
        <v>118</v>
      </c>
      <c r="AV6" s="60" t="s">
        <v>44</v>
      </c>
      <c r="AW6" s="236" t="s">
        <v>45</v>
      </c>
      <c r="AX6" s="62" t="s">
        <v>83</v>
      </c>
      <c r="AY6" s="60" t="s">
        <v>47</v>
      </c>
      <c r="AZ6" s="60" t="s">
        <v>48</v>
      </c>
      <c r="BA6" s="60" t="s">
        <v>49</v>
      </c>
      <c r="BB6" s="60" t="s">
        <v>50</v>
      </c>
      <c r="BC6" s="60" t="s">
        <v>51</v>
      </c>
      <c r="BD6" s="61" t="s">
        <v>45</v>
      </c>
      <c r="BE6" s="551"/>
      <c r="BF6" s="59" t="s">
        <v>118</v>
      </c>
      <c r="BG6" s="60" t="s">
        <v>44</v>
      </c>
      <c r="BH6" s="236" t="s">
        <v>45</v>
      </c>
      <c r="BI6" s="62" t="s">
        <v>83</v>
      </c>
      <c r="BJ6" s="60" t="s">
        <v>47</v>
      </c>
      <c r="BK6" s="60" t="s">
        <v>48</v>
      </c>
      <c r="BL6" s="60" t="s">
        <v>49</v>
      </c>
      <c r="BM6" s="60" t="s">
        <v>50</v>
      </c>
      <c r="BN6" s="60" t="s">
        <v>51</v>
      </c>
      <c r="BO6" s="61" t="s">
        <v>45</v>
      </c>
      <c r="BP6" s="551"/>
      <c r="BQ6" s="59" t="s">
        <v>118</v>
      </c>
      <c r="BR6" s="60" t="s">
        <v>44</v>
      </c>
      <c r="BS6" s="236" t="s">
        <v>45</v>
      </c>
      <c r="BT6" s="62" t="s">
        <v>83</v>
      </c>
      <c r="BU6" s="60" t="s">
        <v>47</v>
      </c>
      <c r="BV6" s="60" t="s">
        <v>48</v>
      </c>
      <c r="BW6" s="60" t="s">
        <v>49</v>
      </c>
      <c r="BX6" s="60" t="s">
        <v>50</v>
      </c>
      <c r="BY6" s="60" t="s">
        <v>51</v>
      </c>
      <c r="BZ6" s="61" t="s">
        <v>45</v>
      </c>
      <c r="CA6" s="551"/>
      <c r="CB6" s="59" t="s">
        <v>118</v>
      </c>
      <c r="CC6" s="60" t="s">
        <v>44</v>
      </c>
      <c r="CD6" s="236" t="s">
        <v>45</v>
      </c>
      <c r="CE6" s="62" t="s">
        <v>83</v>
      </c>
      <c r="CF6" s="60" t="s">
        <v>47</v>
      </c>
      <c r="CG6" s="60" t="s">
        <v>48</v>
      </c>
      <c r="CH6" s="60" t="s">
        <v>49</v>
      </c>
      <c r="CI6" s="60" t="s">
        <v>50</v>
      </c>
      <c r="CJ6" s="60" t="s">
        <v>51</v>
      </c>
      <c r="CK6" s="61" t="s">
        <v>45</v>
      </c>
      <c r="CL6" s="551"/>
      <c r="CM6" s="59" t="s">
        <v>118</v>
      </c>
      <c r="CN6" s="60" t="s">
        <v>44</v>
      </c>
      <c r="CO6" s="236" t="s">
        <v>45</v>
      </c>
      <c r="CP6" s="62" t="s">
        <v>83</v>
      </c>
      <c r="CQ6" s="60" t="s">
        <v>47</v>
      </c>
      <c r="CR6" s="60" t="s">
        <v>48</v>
      </c>
      <c r="CS6" s="60" t="s">
        <v>49</v>
      </c>
      <c r="CT6" s="60" t="s">
        <v>50</v>
      </c>
      <c r="CU6" s="60" t="s">
        <v>51</v>
      </c>
      <c r="CV6" s="61" t="s">
        <v>45</v>
      </c>
      <c r="CW6" s="551"/>
      <c r="CX6" s="59" t="s">
        <v>118</v>
      </c>
      <c r="CY6" s="60" t="s">
        <v>44</v>
      </c>
      <c r="CZ6" s="236" t="s">
        <v>45</v>
      </c>
      <c r="DA6" s="62" t="s">
        <v>83</v>
      </c>
      <c r="DB6" s="60" t="s">
        <v>47</v>
      </c>
      <c r="DC6" s="60" t="s">
        <v>48</v>
      </c>
      <c r="DD6" s="60" t="s">
        <v>49</v>
      </c>
      <c r="DE6" s="60" t="s">
        <v>50</v>
      </c>
      <c r="DF6" s="60" t="s">
        <v>51</v>
      </c>
      <c r="DG6" s="61" t="s">
        <v>45</v>
      </c>
      <c r="DH6" s="551"/>
      <c r="DI6" s="59" t="s">
        <v>118</v>
      </c>
      <c r="DJ6" s="60" t="s">
        <v>44</v>
      </c>
      <c r="DK6" s="236" t="s">
        <v>45</v>
      </c>
      <c r="DL6" s="62" t="s">
        <v>83</v>
      </c>
      <c r="DM6" s="60" t="s">
        <v>47</v>
      </c>
      <c r="DN6" s="60" t="s">
        <v>48</v>
      </c>
      <c r="DO6" s="60" t="s">
        <v>49</v>
      </c>
      <c r="DP6" s="60" t="s">
        <v>50</v>
      </c>
      <c r="DQ6" s="60" t="s">
        <v>51</v>
      </c>
      <c r="DR6" s="61" t="s">
        <v>45</v>
      </c>
      <c r="DS6" s="549"/>
      <c r="DT6" s="59" t="s">
        <v>118</v>
      </c>
      <c r="DU6" s="60" t="s">
        <v>44</v>
      </c>
      <c r="DV6" s="236" t="s">
        <v>45</v>
      </c>
      <c r="DW6" s="62" t="s">
        <v>83</v>
      </c>
      <c r="DX6" s="60" t="s">
        <v>47</v>
      </c>
      <c r="DY6" s="60" t="s">
        <v>48</v>
      </c>
      <c r="DZ6" s="60" t="s">
        <v>49</v>
      </c>
      <c r="EA6" s="60" t="s">
        <v>50</v>
      </c>
      <c r="EB6" s="60" t="s">
        <v>51</v>
      </c>
      <c r="EC6" s="61" t="s">
        <v>45</v>
      </c>
      <c r="ED6" s="551"/>
      <c r="EE6" s="59" t="s">
        <v>118</v>
      </c>
      <c r="EF6" s="60" t="s">
        <v>44</v>
      </c>
      <c r="EG6" s="236" t="s">
        <v>45</v>
      </c>
      <c r="EH6" s="62" t="s">
        <v>83</v>
      </c>
      <c r="EI6" s="60" t="s">
        <v>47</v>
      </c>
      <c r="EJ6" s="60" t="s">
        <v>48</v>
      </c>
      <c r="EK6" s="60" t="s">
        <v>49</v>
      </c>
      <c r="EL6" s="60" t="s">
        <v>50</v>
      </c>
      <c r="EM6" s="60" t="s">
        <v>51</v>
      </c>
      <c r="EN6" s="61" t="s">
        <v>45</v>
      </c>
      <c r="EO6" s="551"/>
      <c r="EP6" s="59" t="s">
        <v>118</v>
      </c>
      <c r="EQ6" s="60" t="s">
        <v>44</v>
      </c>
      <c r="ER6" s="236" t="s">
        <v>45</v>
      </c>
      <c r="ES6" s="62" t="s">
        <v>83</v>
      </c>
      <c r="ET6" s="60" t="s">
        <v>47</v>
      </c>
      <c r="EU6" s="60" t="s">
        <v>48</v>
      </c>
      <c r="EV6" s="60" t="s">
        <v>49</v>
      </c>
      <c r="EW6" s="60" t="s">
        <v>50</v>
      </c>
      <c r="EX6" s="60" t="s">
        <v>51</v>
      </c>
      <c r="EY6" s="61" t="s">
        <v>45</v>
      </c>
      <c r="EZ6" s="551"/>
      <c r="FA6" s="59" t="s">
        <v>118</v>
      </c>
      <c r="FB6" s="60" t="s">
        <v>44</v>
      </c>
      <c r="FC6" s="236" t="s">
        <v>45</v>
      </c>
      <c r="FD6" s="62" t="s">
        <v>83</v>
      </c>
      <c r="FE6" s="60" t="s">
        <v>47</v>
      </c>
      <c r="FF6" s="60" t="s">
        <v>48</v>
      </c>
      <c r="FG6" s="60" t="s">
        <v>49</v>
      </c>
      <c r="FH6" s="60" t="s">
        <v>50</v>
      </c>
      <c r="FI6" s="60" t="s">
        <v>51</v>
      </c>
      <c r="FJ6" s="61" t="s">
        <v>45</v>
      </c>
      <c r="FK6" s="551"/>
      <c r="FL6" s="59" t="s">
        <v>118</v>
      </c>
      <c r="FM6" s="60" t="s">
        <v>44</v>
      </c>
      <c r="FN6" s="236" t="s">
        <v>45</v>
      </c>
      <c r="FO6" s="62" t="s">
        <v>83</v>
      </c>
      <c r="FP6" s="60" t="s">
        <v>47</v>
      </c>
      <c r="FQ6" s="60" t="s">
        <v>48</v>
      </c>
      <c r="FR6" s="60" t="s">
        <v>49</v>
      </c>
      <c r="FS6" s="60" t="s">
        <v>50</v>
      </c>
      <c r="FT6" s="60" t="s">
        <v>51</v>
      </c>
      <c r="FU6" s="61" t="s">
        <v>45</v>
      </c>
      <c r="FV6" s="551"/>
      <c r="FW6" s="59" t="s">
        <v>118</v>
      </c>
      <c r="FX6" s="60" t="s">
        <v>44</v>
      </c>
      <c r="FY6" s="236" t="s">
        <v>45</v>
      </c>
      <c r="FZ6" s="62" t="s">
        <v>83</v>
      </c>
      <c r="GA6" s="60" t="s">
        <v>47</v>
      </c>
      <c r="GB6" s="60" t="s">
        <v>48</v>
      </c>
      <c r="GC6" s="60" t="s">
        <v>49</v>
      </c>
      <c r="GD6" s="60" t="s">
        <v>50</v>
      </c>
      <c r="GE6" s="60" t="s">
        <v>51</v>
      </c>
      <c r="GF6" s="61" t="s">
        <v>45</v>
      </c>
      <c r="GG6" s="551"/>
      <c r="GH6" s="59" t="s">
        <v>118</v>
      </c>
      <c r="GI6" s="60" t="s">
        <v>44</v>
      </c>
      <c r="GJ6" s="236" t="s">
        <v>45</v>
      </c>
      <c r="GK6" s="62" t="s">
        <v>83</v>
      </c>
      <c r="GL6" s="60" t="s">
        <v>47</v>
      </c>
      <c r="GM6" s="60" t="s">
        <v>48</v>
      </c>
      <c r="GN6" s="60" t="s">
        <v>49</v>
      </c>
      <c r="GO6" s="60" t="s">
        <v>50</v>
      </c>
      <c r="GP6" s="60" t="s">
        <v>51</v>
      </c>
      <c r="GQ6" s="61" t="s">
        <v>45</v>
      </c>
      <c r="GR6" s="551"/>
      <c r="GS6" s="59" t="s">
        <v>118</v>
      </c>
      <c r="GT6" s="60" t="s">
        <v>44</v>
      </c>
      <c r="GU6" s="236" t="s">
        <v>45</v>
      </c>
      <c r="GV6" s="62" t="s">
        <v>83</v>
      </c>
      <c r="GW6" s="60" t="s">
        <v>47</v>
      </c>
      <c r="GX6" s="60" t="s">
        <v>48</v>
      </c>
      <c r="GY6" s="60" t="s">
        <v>49</v>
      </c>
      <c r="GZ6" s="60" t="s">
        <v>50</v>
      </c>
      <c r="HA6" s="60" t="s">
        <v>51</v>
      </c>
      <c r="HB6" s="61" t="s">
        <v>45</v>
      </c>
      <c r="HC6" s="551"/>
      <c r="HD6" s="59" t="s">
        <v>118</v>
      </c>
      <c r="HE6" s="60" t="s">
        <v>44</v>
      </c>
      <c r="HF6" s="236" t="s">
        <v>45</v>
      </c>
      <c r="HG6" s="62" t="s">
        <v>83</v>
      </c>
      <c r="HH6" s="60" t="s">
        <v>47</v>
      </c>
      <c r="HI6" s="60" t="s">
        <v>48</v>
      </c>
      <c r="HJ6" s="60" t="s">
        <v>49</v>
      </c>
      <c r="HK6" s="60" t="s">
        <v>50</v>
      </c>
      <c r="HL6" s="60" t="s">
        <v>51</v>
      </c>
      <c r="HM6" s="61" t="s">
        <v>45</v>
      </c>
      <c r="HN6" s="551"/>
      <c r="HO6" s="59" t="s">
        <v>118</v>
      </c>
      <c r="HP6" s="60" t="s">
        <v>44</v>
      </c>
      <c r="HQ6" s="236" t="s">
        <v>45</v>
      </c>
      <c r="HR6" s="62" t="s">
        <v>83</v>
      </c>
      <c r="HS6" s="60" t="s">
        <v>47</v>
      </c>
      <c r="HT6" s="60" t="s">
        <v>48</v>
      </c>
      <c r="HU6" s="60" t="s">
        <v>49</v>
      </c>
      <c r="HV6" s="60" t="s">
        <v>50</v>
      </c>
      <c r="HW6" s="60" t="s">
        <v>51</v>
      </c>
      <c r="HX6" s="61" t="s">
        <v>45</v>
      </c>
      <c r="HY6" s="551"/>
    </row>
    <row r="7" spans="2:233" s="280" customFormat="1" ht="21" customHeight="1" x14ac:dyDescent="0.2">
      <c r="B7" s="70" t="s">
        <v>4</v>
      </c>
      <c r="C7" s="38">
        <v>4435</v>
      </c>
      <c r="D7" s="39">
        <v>102711</v>
      </c>
      <c r="E7" s="40">
        <v>107146</v>
      </c>
      <c r="F7" s="41">
        <v>0</v>
      </c>
      <c r="G7" s="39">
        <v>15976650</v>
      </c>
      <c r="H7" s="39">
        <v>37764040</v>
      </c>
      <c r="I7" s="39">
        <v>113976403</v>
      </c>
      <c r="J7" s="39">
        <v>152151901</v>
      </c>
      <c r="K7" s="39">
        <v>88028931</v>
      </c>
      <c r="L7" s="42">
        <v>407897925</v>
      </c>
      <c r="M7" s="43">
        <v>408005071</v>
      </c>
      <c r="N7" s="38">
        <v>0</v>
      </c>
      <c r="O7" s="39">
        <v>0</v>
      </c>
      <c r="P7" s="40">
        <v>0</v>
      </c>
      <c r="Q7" s="388">
        <v>0</v>
      </c>
      <c r="R7" s="39">
        <v>4740720</v>
      </c>
      <c r="S7" s="39">
        <v>14976508</v>
      </c>
      <c r="T7" s="39">
        <v>78719977</v>
      </c>
      <c r="U7" s="39">
        <v>112174709</v>
      </c>
      <c r="V7" s="39">
        <v>67784520</v>
      </c>
      <c r="W7" s="42">
        <v>278396434</v>
      </c>
      <c r="X7" s="43">
        <v>278396434</v>
      </c>
      <c r="Y7" s="38">
        <v>0</v>
      </c>
      <c r="Z7" s="39">
        <v>0</v>
      </c>
      <c r="AA7" s="40">
        <v>0</v>
      </c>
      <c r="AB7" s="388">
        <v>0</v>
      </c>
      <c r="AC7" s="39">
        <v>9407384</v>
      </c>
      <c r="AD7" s="39">
        <v>19016875</v>
      </c>
      <c r="AE7" s="39">
        <v>25184892</v>
      </c>
      <c r="AF7" s="39">
        <v>29277484</v>
      </c>
      <c r="AG7" s="39">
        <v>13128704</v>
      </c>
      <c r="AH7" s="42">
        <v>96015339</v>
      </c>
      <c r="AI7" s="43">
        <v>96015339</v>
      </c>
      <c r="AJ7" s="38">
        <v>0</v>
      </c>
      <c r="AK7" s="39">
        <v>0</v>
      </c>
      <c r="AL7" s="40">
        <v>0</v>
      </c>
      <c r="AM7" s="388">
        <v>0</v>
      </c>
      <c r="AN7" s="39">
        <v>0</v>
      </c>
      <c r="AO7" s="39">
        <v>0</v>
      </c>
      <c r="AP7" s="39">
        <v>0</v>
      </c>
      <c r="AQ7" s="39">
        <v>0</v>
      </c>
      <c r="AR7" s="39">
        <v>0</v>
      </c>
      <c r="AS7" s="42">
        <v>0</v>
      </c>
      <c r="AT7" s="43">
        <v>0</v>
      </c>
      <c r="AU7" s="38">
        <v>0</v>
      </c>
      <c r="AV7" s="39">
        <v>0</v>
      </c>
      <c r="AW7" s="40">
        <v>0</v>
      </c>
      <c r="AX7" s="388">
        <v>0</v>
      </c>
      <c r="AY7" s="39">
        <v>142830</v>
      </c>
      <c r="AZ7" s="39">
        <v>229435</v>
      </c>
      <c r="BA7" s="39">
        <v>308015</v>
      </c>
      <c r="BB7" s="39">
        <v>2314075</v>
      </c>
      <c r="BC7" s="39">
        <v>2646490</v>
      </c>
      <c r="BD7" s="42">
        <v>5640845</v>
      </c>
      <c r="BE7" s="43">
        <v>5640845</v>
      </c>
      <c r="BF7" s="38">
        <v>0</v>
      </c>
      <c r="BG7" s="39">
        <v>0</v>
      </c>
      <c r="BH7" s="40">
        <v>0</v>
      </c>
      <c r="BI7" s="388">
        <v>0</v>
      </c>
      <c r="BJ7" s="39">
        <v>65850</v>
      </c>
      <c r="BK7" s="39">
        <v>176550</v>
      </c>
      <c r="BL7" s="39">
        <v>1380565</v>
      </c>
      <c r="BM7" s="39">
        <v>1924615</v>
      </c>
      <c r="BN7" s="39">
        <v>1101850</v>
      </c>
      <c r="BO7" s="42">
        <v>4649430</v>
      </c>
      <c r="BP7" s="43">
        <v>4649430</v>
      </c>
      <c r="BQ7" s="38">
        <v>4435</v>
      </c>
      <c r="BR7" s="39">
        <v>102711</v>
      </c>
      <c r="BS7" s="40">
        <v>107146</v>
      </c>
      <c r="BT7" s="41">
        <v>0</v>
      </c>
      <c r="BU7" s="39">
        <v>1525191</v>
      </c>
      <c r="BV7" s="39">
        <v>3151475</v>
      </c>
      <c r="BW7" s="39">
        <v>8048422</v>
      </c>
      <c r="BX7" s="39">
        <v>6099193</v>
      </c>
      <c r="BY7" s="39">
        <v>3151574</v>
      </c>
      <c r="BZ7" s="42">
        <v>21975855</v>
      </c>
      <c r="CA7" s="43">
        <v>22083001</v>
      </c>
      <c r="CB7" s="38">
        <v>0</v>
      </c>
      <c r="CC7" s="39">
        <v>0</v>
      </c>
      <c r="CD7" s="40">
        <v>0</v>
      </c>
      <c r="CE7" s="41">
        <v>0</v>
      </c>
      <c r="CF7" s="39">
        <v>94675</v>
      </c>
      <c r="CG7" s="39">
        <v>213197</v>
      </c>
      <c r="CH7" s="39">
        <v>334532</v>
      </c>
      <c r="CI7" s="39">
        <v>361825</v>
      </c>
      <c r="CJ7" s="39">
        <v>215793</v>
      </c>
      <c r="CK7" s="42">
        <v>1220022</v>
      </c>
      <c r="CL7" s="43">
        <v>1220022</v>
      </c>
      <c r="CM7" s="38">
        <v>0</v>
      </c>
      <c r="CN7" s="39">
        <v>0</v>
      </c>
      <c r="CO7" s="40">
        <v>0</v>
      </c>
      <c r="CP7" s="41">
        <v>0</v>
      </c>
      <c r="CQ7" s="39">
        <v>0</v>
      </c>
      <c r="CR7" s="39">
        <v>0</v>
      </c>
      <c r="CS7" s="39">
        <v>0</v>
      </c>
      <c r="CT7" s="39">
        <v>0</v>
      </c>
      <c r="CU7" s="39">
        <v>0</v>
      </c>
      <c r="CV7" s="42">
        <v>0</v>
      </c>
      <c r="CW7" s="43">
        <v>0</v>
      </c>
      <c r="CX7" s="38">
        <v>0</v>
      </c>
      <c r="CY7" s="39">
        <v>0</v>
      </c>
      <c r="CZ7" s="40">
        <v>0</v>
      </c>
      <c r="DA7" s="388">
        <v>0</v>
      </c>
      <c r="DB7" s="39">
        <v>0</v>
      </c>
      <c r="DC7" s="39">
        <v>0</v>
      </c>
      <c r="DD7" s="39">
        <v>0</v>
      </c>
      <c r="DE7" s="39">
        <v>0</v>
      </c>
      <c r="DF7" s="39">
        <v>0</v>
      </c>
      <c r="DG7" s="42">
        <v>0</v>
      </c>
      <c r="DH7" s="43">
        <v>0</v>
      </c>
      <c r="DI7" s="38">
        <v>9843</v>
      </c>
      <c r="DJ7" s="39">
        <v>156027</v>
      </c>
      <c r="DK7" s="40">
        <v>165870</v>
      </c>
      <c r="DL7" s="41">
        <v>0</v>
      </c>
      <c r="DM7" s="39">
        <v>10956112</v>
      </c>
      <c r="DN7" s="39">
        <v>32091445</v>
      </c>
      <c r="DO7" s="39">
        <v>130369832</v>
      </c>
      <c r="DP7" s="39">
        <v>164044635</v>
      </c>
      <c r="DQ7" s="39">
        <v>95300800</v>
      </c>
      <c r="DR7" s="42">
        <v>432762824</v>
      </c>
      <c r="DS7" s="44">
        <v>432928694</v>
      </c>
      <c r="DT7" s="38">
        <v>0</v>
      </c>
      <c r="DU7" s="39">
        <v>0</v>
      </c>
      <c r="DV7" s="40">
        <v>0</v>
      </c>
      <c r="DW7" s="388">
        <v>0</v>
      </c>
      <c r="DX7" s="39">
        <v>6202174</v>
      </c>
      <c r="DY7" s="39">
        <v>21159252</v>
      </c>
      <c r="DZ7" s="39">
        <v>108350119</v>
      </c>
      <c r="EA7" s="39">
        <v>143550055</v>
      </c>
      <c r="EB7" s="39">
        <v>84442009</v>
      </c>
      <c r="EC7" s="42">
        <v>363703609</v>
      </c>
      <c r="ED7" s="43">
        <v>363703609</v>
      </c>
      <c r="EE7" s="38">
        <v>0</v>
      </c>
      <c r="EF7" s="39">
        <v>0</v>
      </c>
      <c r="EG7" s="40">
        <v>0</v>
      </c>
      <c r="EH7" s="388">
        <v>0</v>
      </c>
      <c r="EI7" s="39">
        <v>2178231</v>
      </c>
      <c r="EJ7" s="39">
        <v>5140273</v>
      </c>
      <c r="EK7" s="39">
        <v>6691396</v>
      </c>
      <c r="EL7" s="39">
        <v>6996624</v>
      </c>
      <c r="EM7" s="39">
        <v>3265858</v>
      </c>
      <c r="EN7" s="42">
        <v>24272382</v>
      </c>
      <c r="EO7" s="43">
        <v>24272382</v>
      </c>
      <c r="EP7" s="38">
        <v>0</v>
      </c>
      <c r="EQ7" s="39">
        <v>0</v>
      </c>
      <c r="ER7" s="40">
        <v>0</v>
      </c>
      <c r="ES7" s="388">
        <v>0</v>
      </c>
      <c r="ET7" s="39">
        <v>0</v>
      </c>
      <c r="EU7" s="39">
        <v>0</v>
      </c>
      <c r="EV7" s="39">
        <v>0</v>
      </c>
      <c r="EW7" s="39">
        <v>0</v>
      </c>
      <c r="EX7" s="39">
        <v>0</v>
      </c>
      <c r="EY7" s="42">
        <v>0</v>
      </c>
      <c r="EZ7" s="43">
        <v>0</v>
      </c>
      <c r="FA7" s="38">
        <v>0</v>
      </c>
      <c r="FB7" s="39">
        <v>0</v>
      </c>
      <c r="FC7" s="40">
        <v>0</v>
      </c>
      <c r="FD7" s="388">
        <v>0</v>
      </c>
      <c r="FE7" s="39">
        <v>33405</v>
      </c>
      <c r="FF7" s="39">
        <v>28117</v>
      </c>
      <c r="FG7" s="39">
        <v>53164</v>
      </c>
      <c r="FH7" s="39">
        <v>400562</v>
      </c>
      <c r="FI7" s="39">
        <v>601951</v>
      </c>
      <c r="FJ7" s="42">
        <v>1117199</v>
      </c>
      <c r="FK7" s="43">
        <v>1117199</v>
      </c>
      <c r="FL7" s="38">
        <v>0</v>
      </c>
      <c r="FM7" s="39">
        <v>0</v>
      </c>
      <c r="FN7" s="40">
        <v>0</v>
      </c>
      <c r="FO7" s="388">
        <v>0</v>
      </c>
      <c r="FP7" s="39">
        <v>92040</v>
      </c>
      <c r="FQ7" s="39">
        <v>300840</v>
      </c>
      <c r="FR7" s="39">
        <v>2260517</v>
      </c>
      <c r="FS7" s="39">
        <v>3301518</v>
      </c>
      <c r="FT7" s="39">
        <v>1802739</v>
      </c>
      <c r="FU7" s="42">
        <v>7757654</v>
      </c>
      <c r="FV7" s="43">
        <v>7757654</v>
      </c>
      <c r="FW7" s="38">
        <v>9843</v>
      </c>
      <c r="FX7" s="39">
        <v>156027</v>
      </c>
      <c r="FY7" s="40">
        <v>165870</v>
      </c>
      <c r="FZ7" s="41">
        <v>0</v>
      </c>
      <c r="GA7" s="39">
        <v>2401227</v>
      </c>
      <c r="GB7" s="39">
        <v>5341501</v>
      </c>
      <c r="GC7" s="39">
        <v>12749969</v>
      </c>
      <c r="GD7" s="39">
        <v>9614195</v>
      </c>
      <c r="GE7" s="39">
        <v>5014592</v>
      </c>
      <c r="GF7" s="42">
        <v>35121484</v>
      </c>
      <c r="GG7" s="43">
        <v>35287354</v>
      </c>
      <c r="GH7" s="38">
        <v>0</v>
      </c>
      <c r="GI7" s="39">
        <v>0</v>
      </c>
      <c r="GJ7" s="40">
        <v>0</v>
      </c>
      <c r="GK7" s="41">
        <v>0</v>
      </c>
      <c r="GL7" s="39">
        <v>49035</v>
      </c>
      <c r="GM7" s="39">
        <v>121462</v>
      </c>
      <c r="GN7" s="39">
        <v>264667</v>
      </c>
      <c r="GO7" s="39">
        <v>181681</v>
      </c>
      <c r="GP7" s="39">
        <v>173651</v>
      </c>
      <c r="GQ7" s="42">
        <v>790496</v>
      </c>
      <c r="GR7" s="43">
        <v>790496</v>
      </c>
      <c r="GS7" s="38">
        <v>0</v>
      </c>
      <c r="GT7" s="39">
        <v>0</v>
      </c>
      <c r="GU7" s="40">
        <v>0</v>
      </c>
      <c r="GV7" s="41">
        <v>0</v>
      </c>
      <c r="GW7" s="39">
        <v>0</v>
      </c>
      <c r="GX7" s="39">
        <v>0</v>
      </c>
      <c r="GY7" s="39">
        <v>0</v>
      </c>
      <c r="GZ7" s="39">
        <v>0</v>
      </c>
      <c r="HA7" s="39">
        <v>0</v>
      </c>
      <c r="HB7" s="42">
        <v>0</v>
      </c>
      <c r="HC7" s="43">
        <v>0</v>
      </c>
      <c r="HD7" s="38">
        <v>0</v>
      </c>
      <c r="HE7" s="39">
        <v>0</v>
      </c>
      <c r="HF7" s="40">
        <v>0</v>
      </c>
      <c r="HG7" s="388">
        <v>0</v>
      </c>
      <c r="HH7" s="39">
        <v>0</v>
      </c>
      <c r="HI7" s="39">
        <v>0</v>
      </c>
      <c r="HJ7" s="39">
        <v>0</v>
      </c>
      <c r="HK7" s="39">
        <v>0</v>
      </c>
      <c r="HL7" s="39">
        <v>0</v>
      </c>
      <c r="HM7" s="42">
        <v>0</v>
      </c>
      <c r="HN7" s="43">
        <v>0</v>
      </c>
      <c r="HO7" s="38">
        <v>14278</v>
      </c>
      <c r="HP7" s="39">
        <v>258738</v>
      </c>
      <c r="HQ7" s="40">
        <v>273016</v>
      </c>
      <c r="HR7" s="41">
        <v>0</v>
      </c>
      <c r="HS7" s="39">
        <v>26932762</v>
      </c>
      <c r="HT7" s="39">
        <v>69855485</v>
      </c>
      <c r="HU7" s="39">
        <v>244346235</v>
      </c>
      <c r="HV7" s="39">
        <v>316196536</v>
      </c>
      <c r="HW7" s="39">
        <v>183329731</v>
      </c>
      <c r="HX7" s="42">
        <v>840660749</v>
      </c>
      <c r="HY7" s="43">
        <v>840933765</v>
      </c>
    </row>
    <row r="8" spans="2:233" s="280" customFormat="1" ht="21" customHeight="1" x14ac:dyDescent="0.2">
      <c r="B8" s="81" t="s">
        <v>5</v>
      </c>
      <c r="C8" s="45">
        <v>290</v>
      </c>
      <c r="D8" s="46">
        <v>55015</v>
      </c>
      <c r="E8" s="47">
        <v>55305</v>
      </c>
      <c r="F8" s="48">
        <v>0</v>
      </c>
      <c r="G8" s="46">
        <v>6638289</v>
      </c>
      <c r="H8" s="46">
        <v>20388281</v>
      </c>
      <c r="I8" s="46">
        <v>50996322</v>
      </c>
      <c r="J8" s="46">
        <v>63745040</v>
      </c>
      <c r="K8" s="46">
        <v>37874506</v>
      </c>
      <c r="L8" s="49">
        <v>179642438</v>
      </c>
      <c r="M8" s="50">
        <v>179697743</v>
      </c>
      <c r="N8" s="45">
        <v>0</v>
      </c>
      <c r="O8" s="46">
        <v>0</v>
      </c>
      <c r="P8" s="47">
        <v>0</v>
      </c>
      <c r="Q8" s="389">
        <v>0</v>
      </c>
      <c r="R8" s="46">
        <v>2848300</v>
      </c>
      <c r="S8" s="46">
        <v>10299900</v>
      </c>
      <c r="T8" s="46">
        <v>35969416</v>
      </c>
      <c r="U8" s="46">
        <v>48079756</v>
      </c>
      <c r="V8" s="46">
        <v>29472343</v>
      </c>
      <c r="W8" s="49">
        <v>126669715</v>
      </c>
      <c r="X8" s="50">
        <v>126669715</v>
      </c>
      <c r="Y8" s="45">
        <v>0</v>
      </c>
      <c r="Z8" s="46">
        <v>0</v>
      </c>
      <c r="AA8" s="47">
        <v>0</v>
      </c>
      <c r="AB8" s="389">
        <v>0</v>
      </c>
      <c r="AC8" s="46">
        <v>3196830</v>
      </c>
      <c r="AD8" s="46">
        <v>8540900</v>
      </c>
      <c r="AE8" s="46">
        <v>11598348</v>
      </c>
      <c r="AF8" s="46">
        <v>12440912</v>
      </c>
      <c r="AG8" s="46">
        <v>6148325</v>
      </c>
      <c r="AH8" s="49">
        <v>41925315</v>
      </c>
      <c r="AI8" s="50">
        <v>41925315</v>
      </c>
      <c r="AJ8" s="45">
        <v>0</v>
      </c>
      <c r="AK8" s="46">
        <v>0</v>
      </c>
      <c r="AL8" s="47">
        <v>0</v>
      </c>
      <c r="AM8" s="389">
        <v>0</v>
      </c>
      <c r="AN8" s="46">
        <v>0</v>
      </c>
      <c r="AO8" s="46">
        <v>0</v>
      </c>
      <c r="AP8" s="46">
        <v>0</v>
      </c>
      <c r="AQ8" s="46">
        <v>0</v>
      </c>
      <c r="AR8" s="46">
        <v>0</v>
      </c>
      <c r="AS8" s="49">
        <v>0</v>
      </c>
      <c r="AT8" s="50">
        <v>0</v>
      </c>
      <c r="AU8" s="45">
        <v>0</v>
      </c>
      <c r="AV8" s="46">
        <v>0</v>
      </c>
      <c r="AW8" s="47">
        <v>0</v>
      </c>
      <c r="AX8" s="389">
        <v>0</v>
      </c>
      <c r="AY8" s="46">
        <v>23850</v>
      </c>
      <c r="AZ8" s="46">
        <v>0</v>
      </c>
      <c r="BA8" s="46">
        <v>32460</v>
      </c>
      <c r="BB8" s="46">
        <v>425900</v>
      </c>
      <c r="BC8" s="46">
        <v>550540</v>
      </c>
      <c r="BD8" s="49">
        <v>1032750</v>
      </c>
      <c r="BE8" s="50">
        <v>1032750</v>
      </c>
      <c r="BF8" s="45">
        <v>0</v>
      </c>
      <c r="BG8" s="46">
        <v>0</v>
      </c>
      <c r="BH8" s="47">
        <v>0</v>
      </c>
      <c r="BI8" s="389">
        <v>0</v>
      </c>
      <c r="BJ8" s="46">
        <v>34200</v>
      </c>
      <c r="BK8" s="46">
        <v>134850</v>
      </c>
      <c r="BL8" s="46">
        <v>185065</v>
      </c>
      <c r="BM8" s="46">
        <v>177925</v>
      </c>
      <c r="BN8" s="46">
        <v>227245</v>
      </c>
      <c r="BO8" s="49">
        <v>759285</v>
      </c>
      <c r="BP8" s="50">
        <v>759285</v>
      </c>
      <c r="BQ8" s="45">
        <v>290</v>
      </c>
      <c r="BR8" s="46">
        <v>55015</v>
      </c>
      <c r="BS8" s="47">
        <v>55305</v>
      </c>
      <c r="BT8" s="48">
        <v>0</v>
      </c>
      <c r="BU8" s="46">
        <v>510638</v>
      </c>
      <c r="BV8" s="46">
        <v>1310449</v>
      </c>
      <c r="BW8" s="46">
        <v>3009337</v>
      </c>
      <c r="BX8" s="46">
        <v>2448766</v>
      </c>
      <c r="BY8" s="46">
        <v>1382907</v>
      </c>
      <c r="BZ8" s="49">
        <v>8662097</v>
      </c>
      <c r="CA8" s="50">
        <v>8717402</v>
      </c>
      <c r="CB8" s="45">
        <v>0</v>
      </c>
      <c r="CC8" s="46">
        <v>0</v>
      </c>
      <c r="CD8" s="47">
        <v>0</v>
      </c>
      <c r="CE8" s="48">
        <v>0</v>
      </c>
      <c r="CF8" s="46">
        <v>24471</v>
      </c>
      <c r="CG8" s="46">
        <v>102182</v>
      </c>
      <c r="CH8" s="46">
        <v>201696</v>
      </c>
      <c r="CI8" s="46">
        <v>171781</v>
      </c>
      <c r="CJ8" s="46">
        <v>93146</v>
      </c>
      <c r="CK8" s="49">
        <v>593276</v>
      </c>
      <c r="CL8" s="50">
        <v>593276</v>
      </c>
      <c r="CM8" s="45">
        <v>0</v>
      </c>
      <c r="CN8" s="46">
        <v>0</v>
      </c>
      <c r="CO8" s="47">
        <v>0</v>
      </c>
      <c r="CP8" s="48">
        <v>0</v>
      </c>
      <c r="CQ8" s="46">
        <v>0</v>
      </c>
      <c r="CR8" s="46">
        <v>0</v>
      </c>
      <c r="CS8" s="46">
        <v>0</v>
      </c>
      <c r="CT8" s="46">
        <v>0</v>
      </c>
      <c r="CU8" s="46">
        <v>0</v>
      </c>
      <c r="CV8" s="49">
        <v>0</v>
      </c>
      <c r="CW8" s="50">
        <v>0</v>
      </c>
      <c r="CX8" s="45">
        <v>0</v>
      </c>
      <c r="CY8" s="46">
        <v>0</v>
      </c>
      <c r="CZ8" s="47">
        <v>0</v>
      </c>
      <c r="DA8" s="389">
        <v>0</v>
      </c>
      <c r="DB8" s="46">
        <v>0</v>
      </c>
      <c r="DC8" s="46">
        <v>0</v>
      </c>
      <c r="DD8" s="46">
        <v>0</v>
      </c>
      <c r="DE8" s="46">
        <v>0</v>
      </c>
      <c r="DF8" s="46">
        <v>0</v>
      </c>
      <c r="DG8" s="49">
        <v>0</v>
      </c>
      <c r="DH8" s="50">
        <v>0</v>
      </c>
      <c r="DI8" s="45">
        <v>4176</v>
      </c>
      <c r="DJ8" s="46">
        <v>74934</v>
      </c>
      <c r="DK8" s="47">
        <v>79110</v>
      </c>
      <c r="DL8" s="48">
        <v>0</v>
      </c>
      <c r="DM8" s="46">
        <v>6066397</v>
      </c>
      <c r="DN8" s="46">
        <v>20592067</v>
      </c>
      <c r="DO8" s="46">
        <v>60334810</v>
      </c>
      <c r="DP8" s="46">
        <v>70724457</v>
      </c>
      <c r="DQ8" s="46">
        <v>42195381</v>
      </c>
      <c r="DR8" s="49">
        <v>199913112</v>
      </c>
      <c r="DS8" s="51">
        <v>199992222</v>
      </c>
      <c r="DT8" s="45">
        <v>0</v>
      </c>
      <c r="DU8" s="46">
        <v>0</v>
      </c>
      <c r="DV8" s="47">
        <v>0</v>
      </c>
      <c r="DW8" s="389">
        <v>0</v>
      </c>
      <c r="DX8" s="46">
        <v>4001744</v>
      </c>
      <c r="DY8" s="46">
        <v>14869136</v>
      </c>
      <c r="DZ8" s="46">
        <v>50957972</v>
      </c>
      <c r="EA8" s="46">
        <v>62562621</v>
      </c>
      <c r="EB8" s="46">
        <v>37411051</v>
      </c>
      <c r="EC8" s="49">
        <v>169802524</v>
      </c>
      <c r="ED8" s="50">
        <v>169802524</v>
      </c>
      <c r="EE8" s="45">
        <v>0</v>
      </c>
      <c r="EF8" s="46">
        <v>0</v>
      </c>
      <c r="EG8" s="47">
        <v>0</v>
      </c>
      <c r="EH8" s="389">
        <v>0</v>
      </c>
      <c r="EI8" s="46">
        <v>1161723</v>
      </c>
      <c r="EJ8" s="46">
        <v>3246562</v>
      </c>
      <c r="EK8" s="46">
        <v>3899202</v>
      </c>
      <c r="EL8" s="46">
        <v>3719446</v>
      </c>
      <c r="EM8" s="46">
        <v>1932717</v>
      </c>
      <c r="EN8" s="49">
        <v>13959650</v>
      </c>
      <c r="EO8" s="50">
        <v>13959650</v>
      </c>
      <c r="EP8" s="45">
        <v>0</v>
      </c>
      <c r="EQ8" s="46">
        <v>0</v>
      </c>
      <c r="ER8" s="47">
        <v>0</v>
      </c>
      <c r="ES8" s="389">
        <v>0</v>
      </c>
      <c r="ET8" s="46">
        <v>0</v>
      </c>
      <c r="EU8" s="46">
        <v>0</v>
      </c>
      <c r="EV8" s="46">
        <v>0</v>
      </c>
      <c r="EW8" s="46">
        <v>0</v>
      </c>
      <c r="EX8" s="46">
        <v>0</v>
      </c>
      <c r="EY8" s="49">
        <v>0</v>
      </c>
      <c r="EZ8" s="50">
        <v>0</v>
      </c>
      <c r="FA8" s="45">
        <v>0</v>
      </c>
      <c r="FB8" s="46">
        <v>0</v>
      </c>
      <c r="FC8" s="47">
        <v>0</v>
      </c>
      <c r="FD8" s="389">
        <v>0</v>
      </c>
      <c r="FE8" s="46">
        <v>210</v>
      </c>
      <c r="FF8" s="46">
        <v>0</v>
      </c>
      <c r="FG8" s="46">
        <v>11580</v>
      </c>
      <c r="FH8" s="46">
        <v>83490</v>
      </c>
      <c r="FI8" s="46">
        <v>217590</v>
      </c>
      <c r="FJ8" s="49">
        <v>312870</v>
      </c>
      <c r="FK8" s="50">
        <v>312870</v>
      </c>
      <c r="FL8" s="45">
        <v>0</v>
      </c>
      <c r="FM8" s="46">
        <v>0</v>
      </c>
      <c r="FN8" s="47">
        <v>0</v>
      </c>
      <c r="FO8" s="389">
        <v>0</v>
      </c>
      <c r="FP8" s="46">
        <v>56460</v>
      </c>
      <c r="FQ8" s="46">
        <v>133800</v>
      </c>
      <c r="FR8" s="46">
        <v>260234</v>
      </c>
      <c r="FS8" s="46">
        <v>452040</v>
      </c>
      <c r="FT8" s="46">
        <v>349812</v>
      </c>
      <c r="FU8" s="49">
        <v>1252346</v>
      </c>
      <c r="FV8" s="50">
        <v>1252346</v>
      </c>
      <c r="FW8" s="45">
        <v>4176</v>
      </c>
      <c r="FX8" s="46">
        <v>74934</v>
      </c>
      <c r="FY8" s="47">
        <v>79110</v>
      </c>
      <c r="FZ8" s="48">
        <v>0</v>
      </c>
      <c r="GA8" s="46">
        <v>820330</v>
      </c>
      <c r="GB8" s="46">
        <v>2290697</v>
      </c>
      <c r="GC8" s="46">
        <v>5022731</v>
      </c>
      <c r="GD8" s="46">
        <v>3830787</v>
      </c>
      <c r="GE8" s="46">
        <v>2227222</v>
      </c>
      <c r="GF8" s="49">
        <v>14191767</v>
      </c>
      <c r="GG8" s="50">
        <v>14270877</v>
      </c>
      <c r="GH8" s="45">
        <v>0</v>
      </c>
      <c r="GI8" s="46">
        <v>0</v>
      </c>
      <c r="GJ8" s="47">
        <v>0</v>
      </c>
      <c r="GK8" s="48">
        <v>0</v>
      </c>
      <c r="GL8" s="46">
        <v>25930</v>
      </c>
      <c r="GM8" s="46">
        <v>51872</v>
      </c>
      <c r="GN8" s="46">
        <v>183091</v>
      </c>
      <c r="GO8" s="46">
        <v>76073</v>
      </c>
      <c r="GP8" s="46">
        <v>56989</v>
      </c>
      <c r="GQ8" s="49">
        <v>393955</v>
      </c>
      <c r="GR8" s="50">
        <v>393955</v>
      </c>
      <c r="GS8" s="45">
        <v>0</v>
      </c>
      <c r="GT8" s="46">
        <v>0</v>
      </c>
      <c r="GU8" s="47">
        <v>0</v>
      </c>
      <c r="GV8" s="48">
        <v>0</v>
      </c>
      <c r="GW8" s="46">
        <v>0</v>
      </c>
      <c r="GX8" s="46">
        <v>0</v>
      </c>
      <c r="GY8" s="46">
        <v>0</v>
      </c>
      <c r="GZ8" s="46">
        <v>0</v>
      </c>
      <c r="HA8" s="46">
        <v>0</v>
      </c>
      <c r="HB8" s="49">
        <v>0</v>
      </c>
      <c r="HC8" s="50">
        <v>0</v>
      </c>
      <c r="HD8" s="45">
        <v>0</v>
      </c>
      <c r="HE8" s="46">
        <v>0</v>
      </c>
      <c r="HF8" s="47">
        <v>0</v>
      </c>
      <c r="HG8" s="389">
        <v>0</v>
      </c>
      <c r="HH8" s="46">
        <v>0</v>
      </c>
      <c r="HI8" s="46">
        <v>0</v>
      </c>
      <c r="HJ8" s="46">
        <v>0</v>
      </c>
      <c r="HK8" s="46">
        <v>0</v>
      </c>
      <c r="HL8" s="46">
        <v>0</v>
      </c>
      <c r="HM8" s="49">
        <v>0</v>
      </c>
      <c r="HN8" s="50">
        <v>0</v>
      </c>
      <c r="HO8" s="45">
        <v>4466</v>
      </c>
      <c r="HP8" s="46">
        <v>129949</v>
      </c>
      <c r="HQ8" s="47">
        <v>134415</v>
      </c>
      <c r="HR8" s="48">
        <v>0</v>
      </c>
      <c r="HS8" s="46">
        <v>12704686</v>
      </c>
      <c r="HT8" s="46">
        <v>40980348</v>
      </c>
      <c r="HU8" s="46">
        <v>111331132</v>
      </c>
      <c r="HV8" s="46">
        <v>134469497</v>
      </c>
      <c r="HW8" s="46">
        <v>80069887</v>
      </c>
      <c r="HX8" s="49">
        <v>379555550</v>
      </c>
      <c r="HY8" s="50">
        <v>379689965</v>
      </c>
    </row>
    <row r="9" spans="2:233" ht="21" customHeight="1" x14ac:dyDescent="0.2">
      <c r="B9" s="92" t="s">
        <v>6</v>
      </c>
      <c r="C9" s="21">
        <v>0</v>
      </c>
      <c r="D9" s="22">
        <v>7235</v>
      </c>
      <c r="E9" s="23">
        <v>7235</v>
      </c>
      <c r="F9" s="24">
        <v>0</v>
      </c>
      <c r="G9" s="22">
        <v>2692537</v>
      </c>
      <c r="H9" s="22">
        <v>4116927</v>
      </c>
      <c r="I9" s="22">
        <v>14941924</v>
      </c>
      <c r="J9" s="22">
        <v>20658016</v>
      </c>
      <c r="K9" s="22">
        <v>12089787</v>
      </c>
      <c r="L9" s="25">
        <v>54499191</v>
      </c>
      <c r="M9" s="26">
        <v>54506426</v>
      </c>
      <c r="N9" s="21">
        <v>0</v>
      </c>
      <c r="O9" s="22">
        <v>0</v>
      </c>
      <c r="P9" s="23">
        <v>0</v>
      </c>
      <c r="Q9" s="390">
        <v>0</v>
      </c>
      <c r="R9" s="22">
        <v>872540</v>
      </c>
      <c r="S9" s="22">
        <v>1890680</v>
      </c>
      <c r="T9" s="22">
        <v>10312835</v>
      </c>
      <c r="U9" s="22">
        <v>15303075</v>
      </c>
      <c r="V9" s="22">
        <v>9226005</v>
      </c>
      <c r="W9" s="25">
        <v>37605135</v>
      </c>
      <c r="X9" s="26">
        <v>37605135</v>
      </c>
      <c r="Y9" s="21">
        <v>0</v>
      </c>
      <c r="Z9" s="22">
        <v>0</v>
      </c>
      <c r="AA9" s="23">
        <v>0</v>
      </c>
      <c r="AB9" s="390">
        <v>0</v>
      </c>
      <c r="AC9" s="22">
        <v>1596180</v>
      </c>
      <c r="AD9" s="22">
        <v>1775270</v>
      </c>
      <c r="AE9" s="22">
        <v>3268290</v>
      </c>
      <c r="AF9" s="22">
        <v>3638460</v>
      </c>
      <c r="AG9" s="22">
        <v>1983195</v>
      </c>
      <c r="AH9" s="25">
        <v>12261395</v>
      </c>
      <c r="AI9" s="26">
        <v>12261395</v>
      </c>
      <c r="AJ9" s="21">
        <v>0</v>
      </c>
      <c r="AK9" s="22">
        <v>0</v>
      </c>
      <c r="AL9" s="23">
        <v>0</v>
      </c>
      <c r="AM9" s="390">
        <v>0</v>
      </c>
      <c r="AN9" s="22">
        <v>0</v>
      </c>
      <c r="AO9" s="22">
        <v>0</v>
      </c>
      <c r="AP9" s="22">
        <v>0</v>
      </c>
      <c r="AQ9" s="22">
        <v>0</v>
      </c>
      <c r="AR9" s="22">
        <v>0</v>
      </c>
      <c r="AS9" s="25">
        <v>0</v>
      </c>
      <c r="AT9" s="26">
        <v>0</v>
      </c>
      <c r="AU9" s="21">
        <v>0</v>
      </c>
      <c r="AV9" s="22">
        <v>0</v>
      </c>
      <c r="AW9" s="23">
        <v>0</v>
      </c>
      <c r="AX9" s="390">
        <v>0</v>
      </c>
      <c r="AY9" s="22">
        <v>0</v>
      </c>
      <c r="AZ9" s="22">
        <v>0</v>
      </c>
      <c r="BA9" s="22">
        <v>17490</v>
      </c>
      <c r="BB9" s="22">
        <v>342185</v>
      </c>
      <c r="BC9" s="22">
        <v>250095</v>
      </c>
      <c r="BD9" s="25">
        <v>609770</v>
      </c>
      <c r="BE9" s="26">
        <v>609770</v>
      </c>
      <c r="BF9" s="21">
        <v>0</v>
      </c>
      <c r="BG9" s="22">
        <v>0</v>
      </c>
      <c r="BH9" s="23">
        <v>0</v>
      </c>
      <c r="BI9" s="390">
        <v>0</v>
      </c>
      <c r="BJ9" s="22">
        <v>31650</v>
      </c>
      <c r="BK9" s="22">
        <v>39150</v>
      </c>
      <c r="BL9" s="22">
        <v>416700</v>
      </c>
      <c r="BM9" s="22">
        <v>498625</v>
      </c>
      <c r="BN9" s="22">
        <v>281600</v>
      </c>
      <c r="BO9" s="25">
        <v>1267725</v>
      </c>
      <c r="BP9" s="26">
        <v>1267725</v>
      </c>
      <c r="BQ9" s="21">
        <v>0</v>
      </c>
      <c r="BR9" s="22">
        <v>7235</v>
      </c>
      <c r="BS9" s="23">
        <v>7235</v>
      </c>
      <c r="BT9" s="24">
        <v>0</v>
      </c>
      <c r="BU9" s="22">
        <v>186837</v>
      </c>
      <c r="BV9" s="22">
        <v>357350</v>
      </c>
      <c r="BW9" s="22">
        <v>874558</v>
      </c>
      <c r="BX9" s="22">
        <v>798747</v>
      </c>
      <c r="BY9" s="22">
        <v>295675</v>
      </c>
      <c r="BZ9" s="25">
        <v>2513167</v>
      </c>
      <c r="CA9" s="26">
        <v>2520402</v>
      </c>
      <c r="CB9" s="21">
        <v>0</v>
      </c>
      <c r="CC9" s="22">
        <v>0</v>
      </c>
      <c r="CD9" s="23">
        <v>0</v>
      </c>
      <c r="CE9" s="24">
        <v>0</v>
      </c>
      <c r="CF9" s="22">
        <v>5330</v>
      </c>
      <c r="CG9" s="22">
        <v>54477</v>
      </c>
      <c r="CH9" s="22">
        <v>52051</v>
      </c>
      <c r="CI9" s="22">
        <v>76924</v>
      </c>
      <c r="CJ9" s="22">
        <v>53217</v>
      </c>
      <c r="CK9" s="25">
        <v>241999</v>
      </c>
      <c r="CL9" s="26">
        <v>241999</v>
      </c>
      <c r="CM9" s="21">
        <v>0</v>
      </c>
      <c r="CN9" s="22">
        <v>0</v>
      </c>
      <c r="CO9" s="23">
        <v>0</v>
      </c>
      <c r="CP9" s="24">
        <v>0</v>
      </c>
      <c r="CQ9" s="22">
        <v>0</v>
      </c>
      <c r="CR9" s="22">
        <v>0</v>
      </c>
      <c r="CS9" s="22">
        <v>0</v>
      </c>
      <c r="CT9" s="22">
        <v>0</v>
      </c>
      <c r="CU9" s="22">
        <v>0</v>
      </c>
      <c r="CV9" s="25">
        <v>0</v>
      </c>
      <c r="CW9" s="26">
        <v>0</v>
      </c>
      <c r="CX9" s="21">
        <v>0</v>
      </c>
      <c r="CY9" s="22">
        <v>0</v>
      </c>
      <c r="CZ9" s="23">
        <v>0</v>
      </c>
      <c r="DA9" s="390">
        <v>0</v>
      </c>
      <c r="DB9" s="22">
        <v>0</v>
      </c>
      <c r="DC9" s="22">
        <v>0</v>
      </c>
      <c r="DD9" s="22">
        <v>0</v>
      </c>
      <c r="DE9" s="22">
        <v>0</v>
      </c>
      <c r="DF9" s="22">
        <v>0</v>
      </c>
      <c r="DG9" s="25">
        <v>0</v>
      </c>
      <c r="DH9" s="26">
        <v>0</v>
      </c>
      <c r="DI9" s="21">
        <v>0</v>
      </c>
      <c r="DJ9" s="22">
        <v>11092</v>
      </c>
      <c r="DK9" s="23">
        <v>11092</v>
      </c>
      <c r="DL9" s="24">
        <v>0</v>
      </c>
      <c r="DM9" s="22">
        <v>1544995</v>
      </c>
      <c r="DN9" s="22">
        <v>3262207</v>
      </c>
      <c r="DO9" s="22">
        <v>13991727</v>
      </c>
      <c r="DP9" s="22">
        <v>19001272</v>
      </c>
      <c r="DQ9" s="22">
        <v>11430444</v>
      </c>
      <c r="DR9" s="25">
        <v>49230645</v>
      </c>
      <c r="DS9" s="27">
        <v>49241737</v>
      </c>
      <c r="DT9" s="21">
        <v>0</v>
      </c>
      <c r="DU9" s="22">
        <v>0</v>
      </c>
      <c r="DV9" s="23">
        <v>0</v>
      </c>
      <c r="DW9" s="390">
        <v>0</v>
      </c>
      <c r="DX9" s="22">
        <v>895322</v>
      </c>
      <c r="DY9" s="22">
        <v>2029868</v>
      </c>
      <c r="DZ9" s="22">
        <v>11373830</v>
      </c>
      <c r="EA9" s="22">
        <v>15827454</v>
      </c>
      <c r="EB9" s="22">
        <v>9889641</v>
      </c>
      <c r="EC9" s="25">
        <v>40016115</v>
      </c>
      <c r="ED9" s="26">
        <v>40016115</v>
      </c>
      <c r="EE9" s="21">
        <v>0</v>
      </c>
      <c r="EF9" s="22">
        <v>0</v>
      </c>
      <c r="EG9" s="23">
        <v>0</v>
      </c>
      <c r="EH9" s="390">
        <v>0</v>
      </c>
      <c r="EI9" s="22">
        <v>353683</v>
      </c>
      <c r="EJ9" s="22">
        <v>471698</v>
      </c>
      <c r="EK9" s="22">
        <v>751234</v>
      </c>
      <c r="EL9" s="22">
        <v>1031626</v>
      </c>
      <c r="EM9" s="22">
        <v>520606</v>
      </c>
      <c r="EN9" s="25">
        <v>3128847</v>
      </c>
      <c r="EO9" s="26">
        <v>3128847</v>
      </c>
      <c r="EP9" s="21">
        <v>0</v>
      </c>
      <c r="EQ9" s="22">
        <v>0</v>
      </c>
      <c r="ER9" s="23">
        <v>0</v>
      </c>
      <c r="ES9" s="390">
        <v>0</v>
      </c>
      <c r="ET9" s="22">
        <v>0</v>
      </c>
      <c r="EU9" s="22">
        <v>0</v>
      </c>
      <c r="EV9" s="22">
        <v>0</v>
      </c>
      <c r="EW9" s="22">
        <v>0</v>
      </c>
      <c r="EX9" s="22">
        <v>0</v>
      </c>
      <c r="EY9" s="25">
        <v>0</v>
      </c>
      <c r="EZ9" s="26">
        <v>0</v>
      </c>
      <c r="FA9" s="21">
        <v>0</v>
      </c>
      <c r="FB9" s="22">
        <v>0</v>
      </c>
      <c r="FC9" s="23">
        <v>0</v>
      </c>
      <c r="FD9" s="390">
        <v>0</v>
      </c>
      <c r="FE9" s="22">
        <v>0</v>
      </c>
      <c r="FF9" s="22">
        <v>0</v>
      </c>
      <c r="FG9" s="22">
        <v>154</v>
      </c>
      <c r="FH9" s="22">
        <v>77048</v>
      </c>
      <c r="FI9" s="22">
        <v>29608</v>
      </c>
      <c r="FJ9" s="25">
        <v>106810</v>
      </c>
      <c r="FK9" s="26">
        <v>106810</v>
      </c>
      <c r="FL9" s="21">
        <v>0</v>
      </c>
      <c r="FM9" s="22">
        <v>0</v>
      </c>
      <c r="FN9" s="23">
        <v>0</v>
      </c>
      <c r="FO9" s="390">
        <v>0</v>
      </c>
      <c r="FP9" s="22">
        <v>35580</v>
      </c>
      <c r="FQ9" s="22">
        <v>146160</v>
      </c>
      <c r="FR9" s="22">
        <v>597690</v>
      </c>
      <c r="FS9" s="22">
        <v>875377</v>
      </c>
      <c r="FT9" s="22">
        <v>491303</v>
      </c>
      <c r="FU9" s="25">
        <v>2146110</v>
      </c>
      <c r="FV9" s="26">
        <v>2146110</v>
      </c>
      <c r="FW9" s="21">
        <v>0</v>
      </c>
      <c r="FX9" s="22">
        <v>11092</v>
      </c>
      <c r="FY9" s="23">
        <v>11092</v>
      </c>
      <c r="FZ9" s="24">
        <v>0</v>
      </c>
      <c r="GA9" s="22">
        <v>254038</v>
      </c>
      <c r="GB9" s="22">
        <v>569974</v>
      </c>
      <c r="GC9" s="22">
        <v>1219342</v>
      </c>
      <c r="GD9" s="22">
        <v>1118764</v>
      </c>
      <c r="GE9" s="22">
        <v>424360</v>
      </c>
      <c r="GF9" s="25">
        <v>3586478</v>
      </c>
      <c r="GG9" s="26">
        <v>3597570</v>
      </c>
      <c r="GH9" s="21">
        <v>0</v>
      </c>
      <c r="GI9" s="22">
        <v>0</v>
      </c>
      <c r="GJ9" s="23">
        <v>0</v>
      </c>
      <c r="GK9" s="24">
        <v>0</v>
      </c>
      <c r="GL9" s="22">
        <v>6372</v>
      </c>
      <c r="GM9" s="22">
        <v>44507</v>
      </c>
      <c r="GN9" s="22">
        <v>49477</v>
      </c>
      <c r="GO9" s="22">
        <v>71003</v>
      </c>
      <c r="GP9" s="22">
        <v>74926</v>
      </c>
      <c r="GQ9" s="25">
        <v>246285</v>
      </c>
      <c r="GR9" s="26">
        <v>246285</v>
      </c>
      <c r="GS9" s="21">
        <v>0</v>
      </c>
      <c r="GT9" s="22">
        <v>0</v>
      </c>
      <c r="GU9" s="23">
        <v>0</v>
      </c>
      <c r="GV9" s="24">
        <v>0</v>
      </c>
      <c r="GW9" s="22">
        <v>0</v>
      </c>
      <c r="GX9" s="22">
        <v>0</v>
      </c>
      <c r="GY9" s="22">
        <v>0</v>
      </c>
      <c r="GZ9" s="22">
        <v>0</v>
      </c>
      <c r="HA9" s="22">
        <v>0</v>
      </c>
      <c r="HB9" s="25">
        <v>0</v>
      </c>
      <c r="HC9" s="26">
        <v>0</v>
      </c>
      <c r="HD9" s="21">
        <v>0</v>
      </c>
      <c r="HE9" s="22">
        <v>0</v>
      </c>
      <c r="HF9" s="23">
        <v>0</v>
      </c>
      <c r="HG9" s="390">
        <v>0</v>
      </c>
      <c r="HH9" s="22">
        <v>0</v>
      </c>
      <c r="HI9" s="22">
        <v>0</v>
      </c>
      <c r="HJ9" s="22">
        <v>0</v>
      </c>
      <c r="HK9" s="22">
        <v>0</v>
      </c>
      <c r="HL9" s="22">
        <v>0</v>
      </c>
      <c r="HM9" s="25">
        <v>0</v>
      </c>
      <c r="HN9" s="26">
        <v>0</v>
      </c>
      <c r="HO9" s="21">
        <v>0</v>
      </c>
      <c r="HP9" s="22">
        <v>18327</v>
      </c>
      <c r="HQ9" s="23">
        <v>18327</v>
      </c>
      <c r="HR9" s="24">
        <v>0</v>
      </c>
      <c r="HS9" s="22">
        <v>4237532</v>
      </c>
      <c r="HT9" s="22">
        <v>7379134</v>
      </c>
      <c r="HU9" s="22">
        <v>28933651</v>
      </c>
      <c r="HV9" s="22">
        <v>39659288</v>
      </c>
      <c r="HW9" s="22">
        <v>23520231</v>
      </c>
      <c r="HX9" s="25">
        <v>103729836</v>
      </c>
      <c r="HY9" s="26">
        <v>103748163</v>
      </c>
    </row>
    <row r="10" spans="2:233" ht="21" customHeight="1" x14ac:dyDescent="0.2">
      <c r="B10" s="92" t="s">
        <v>14</v>
      </c>
      <c r="C10" s="21">
        <v>0</v>
      </c>
      <c r="D10" s="22">
        <v>10426</v>
      </c>
      <c r="E10" s="23">
        <v>10426</v>
      </c>
      <c r="F10" s="24">
        <v>0</v>
      </c>
      <c r="G10" s="22">
        <v>655841</v>
      </c>
      <c r="H10" s="22">
        <v>1543156</v>
      </c>
      <c r="I10" s="22">
        <v>7783490</v>
      </c>
      <c r="J10" s="22">
        <v>12190026</v>
      </c>
      <c r="K10" s="22">
        <v>6792738</v>
      </c>
      <c r="L10" s="25">
        <v>28965251</v>
      </c>
      <c r="M10" s="26">
        <v>28975677</v>
      </c>
      <c r="N10" s="21">
        <v>0</v>
      </c>
      <c r="O10" s="22">
        <v>0</v>
      </c>
      <c r="P10" s="23">
        <v>0</v>
      </c>
      <c r="Q10" s="390">
        <v>0</v>
      </c>
      <c r="R10" s="22">
        <v>76650</v>
      </c>
      <c r="S10" s="22">
        <v>286460</v>
      </c>
      <c r="T10" s="22">
        <v>5601595</v>
      </c>
      <c r="U10" s="22">
        <v>8234097</v>
      </c>
      <c r="V10" s="22">
        <v>5363561</v>
      </c>
      <c r="W10" s="25">
        <v>19562363</v>
      </c>
      <c r="X10" s="26">
        <v>19562363</v>
      </c>
      <c r="Y10" s="21">
        <v>0</v>
      </c>
      <c r="Z10" s="22">
        <v>0</v>
      </c>
      <c r="AA10" s="23">
        <v>0</v>
      </c>
      <c r="AB10" s="390">
        <v>0</v>
      </c>
      <c r="AC10" s="22">
        <v>494195</v>
      </c>
      <c r="AD10" s="22">
        <v>995740</v>
      </c>
      <c r="AE10" s="22">
        <v>1437107</v>
      </c>
      <c r="AF10" s="22">
        <v>2382994</v>
      </c>
      <c r="AG10" s="22">
        <v>632688</v>
      </c>
      <c r="AH10" s="25">
        <v>5942724</v>
      </c>
      <c r="AI10" s="26">
        <v>5942724</v>
      </c>
      <c r="AJ10" s="21">
        <v>0</v>
      </c>
      <c r="AK10" s="22">
        <v>0</v>
      </c>
      <c r="AL10" s="23">
        <v>0</v>
      </c>
      <c r="AM10" s="390">
        <v>0</v>
      </c>
      <c r="AN10" s="22">
        <v>0</v>
      </c>
      <c r="AO10" s="22">
        <v>0</v>
      </c>
      <c r="AP10" s="22">
        <v>0</v>
      </c>
      <c r="AQ10" s="22">
        <v>0</v>
      </c>
      <c r="AR10" s="22">
        <v>0</v>
      </c>
      <c r="AS10" s="25">
        <v>0</v>
      </c>
      <c r="AT10" s="26">
        <v>0</v>
      </c>
      <c r="AU10" s="21">
        <v>0</v>
      </c>
      <c r="AV10" s="22">
        <v>0</v>
      </c>
      <c r="AW10" s="23">
        <v>0</v>
      </c>
      <c r="AX10" s="390">
        <v>0</v>
      </c>
      <c r="AY10" s="22">
        <v>34350</v>
      </c>
      <c r="AZ10" s="22">
        <v>0</v>
      </c>
      <c r="BA10" s="22">
        <v>34200</v>
      </c>
      <c r="BB10" s="22">
        <v>797405</v>
      </c>
      <c r="BC10" s="22">
        <v>468070</v>
      </c>
      <c r="BD10" s="25">
        <v>1334025</v>
      </c>
      <c r="BE10" s="26">
        <v>1334025</v>
      </c>
      <c r="BF10" s="21">
        <v>0</v>
      </c>
      <c r="BG10" s="22">
        <v>0</v>
      </c>
      <c r="BH10" s="23">
        <v>0</v>
      </c>
      <c r="BI10" s="390">
        <v>0</v>
      </c>
      <c r="BJ10" s="22">
        <v>0</v>
      </c>
      <c r="BK10" s="22">
        <v>0</v>
      </c>
      <c r="BL10" s="22">
        <v>63065</v>
      </c>
      <c r="BM10" s="22">
        <v>70185</v>
      </c>
      <c r="BN10" s="22">
        <v>59665</v>
      </c>
      <c r="BO10" s="25">
        <v>192915</v>
      </c>
      <c r="BP10" s="26">
        <v>192915</v>
      </c>
      <c r="BQ10" s="21">
        <v>0</v>
      </c>
      <c r="BR10" s="22">
        <v>10426</v>
      </c>
      <c r="BS10" s="23">
        <v>10426</v>
      </c>
      <c r="BT10" s="24">
        <v>0</v>
      </c>
      <c r="BU10" s="22">
        <v>50646</v>
      </c>
      <c r="BV10" s="22">
        <v>260956</v>
      </c>
      <c r="BW10" s="22">
        <v>627992</v>
      </c>
      <c r="BX10" s="22">
        <v>702025</v>
      </c>
      <c r="BY10" s="22">
        <v>268118</v>
      </c>
      <c r="BZ10" s="25">
        <v>1909737</v>
      </c>
      <c r="CA10" s="26">
        <v>1920163</v>
      </c>
      <c r="CB10" s="21">
        <v>0</v>
      </c>
      <c r="CC10" s="22">
        <v>0</v>
      </c>
      <c r="CD10" s="23">
        <v>0</v>
      </c>
      <c r="CE10" s="24">
        <v>0</v>
      </c>
      <c r="CF10" s="22">
        <v>0</v>
      </c>
      <c r="CG10" s="22">
        <v>0</v>
      </c>
      <c r="CH10" s="22">
        <v>19531</v>
      </c>
      <c r="CI10" s="22">
        <v>3320</v>
      </c>
      <c r="CJ10" s="22">
        <v>636</v>
      </c>
      <c r="CK10" s="25">
        <v>23487</v>
      </c>
      <c r="CL10" s="26">
        <v>23487</v>
      </c>
      <c r="CM10" s="21">
        <v>0</v>
      </c>
      <c r="CN10" s="22">
        <v>0</v>
      </c>
      <c r="CO10" s="23">
        <v>0</v>
      </c>
      <c r="CP10" s="24">
        <v>0</v>
      </c>
      <c r="CQ10" s="22">
        <v>0</v>
      </c>
      <c r="CR10" s="22">
        <v>0</v>
      </c>
      <c r="CS10" s="22">
        <v>0</v>
      </c>
      <c r="CT10" s="22">
        <v>0</v>
      </c>
      <c r="CU10" s="22">
        <v>0</v>
      </c>
      <c r="CV10" s="25">
        <v>0</v>
      </c>
      <c r="CW10" s="26">
        <v>0</v>
      </c>
      <c r="CX10" s="21">
        <v>0</v>
      </c>
      <c r="CY10" s="22">
        <v>0</v>
      </c>
      <c r="CZ10" s="23">
        <v>0</v>
      </c>
      <c r="DA10" s="390">
        <v>0</v>
      </c>
      <c r="DB10" s="22">
        <v>0</v>
      </c>
      <c r="DC10" s="22">
        <v>0</v>
      </c>
      <c r="DD10" s="22">
        <v>0</v>
      </c>
      <c r="DE10" s="22">
        <v>0</v>
      </c>
      <c r="DF10" s="22">
        <v>0</v>
      </c>
      <c r="DG10" s="25">
        <v>0</v>
      </c>
      <c r="DH10" s="26">
        <v>0</v>
      </c>
      <c r="DI10" s="21">
        <v>0</v>
      </c>
      <c r="DJ10" s="22">
        <v>17712</v>
      </c>
      <c r="DK10" s="23">
        <v>17712</v>
      </c>
      <c r="DL10" s="24">
        <v>0</v>
      </c>
      <c r="DM10" s="22">
        <v>364300</v>
      </c>
      <c r="DN10" s="22">
        <v>1175216</v>
      </c>
      <c r="DO10" s="22">
        <v>9884680</v>
      </c>
      <c r="DP10" s="22">
        <v>13093036</v>
      </c>
      <c r="DQ10" s="22">
        <v>7069608</v>
      </c>
      <c r="DR10" s="25">
        <v>31586840</v>
      </c>
      <c r="DS10" s="27">
        <v>31604552</v>
      </c>
      <c r="DT10" s="21">
        <v>0</v>
      </c>
      <c r="DU10" s="22">
        <v>0</v>
      </c>
      <c r="DV10" s="23">
        <v>0</v>
      </c>
      <c r="DW10" s="390">
        <v>0</v>
      </c>
      <c r="DX10" s="22">
        <v>89760</v>
      </c>
      <c r="DY10" s="22">
        <v>479478</v>
      </c>
      <c r="DZ10" s="22">
        <v>8381606</v>
      </c>
      <c r="EA10" s="22">
        <v>11434578</v>
      </c>
      <c r="EB10" s="22">
        <v>6219187</v>
      </c>
      <c r="EC10" s="25">
        <v>26604609</v>
      </c>
      <c r="ED10" s="26">
        <v>26604609</v>
      </c>
      <c r="EE10" s="21">
        <v>0</v>
      </c>
      <c r="EF10" s="22">
        <v>0</v>
      </c>
      <c r="EG10" s="23">
        <v>0</v>
      </c>
      <c r="EH10" s="390">
        <v>0</v>
      </c>
      <c r="EI10" s="22">
        <v>149477</v>
      </c>
      <c r="EJ10" s="22">
        <v>273606</v>
      </c>
      <c r="EK10" s="22">
        <v>267773</v>
      </c>
      <c r="EL10" s="22">
        <v>480254</v>
      </c>
      <c r="EM10" s="22">
        <v>90665</v>
      </c>
      <c r="EN10" s="25">
        <v>1261775</v>
      </c>
      <c r="EO10" s="26">
        <v>1261775</v>
      </c>
      <c r="EP10" s="21">
        <v>0</v>
      </c>
      <c r="EQ10" s="22">
        <v>0</v>
      </c>
      <c r="ER10" s="23">
        <v>0</v>
      </c>
      <c r="ES10" s="390">
        <v>0</v>
      </c>
      <c r="ET10" s="22">
        <v>0</v>
      </c>
      <c r="EU10" s="22">
        <v>0</v>
      </c>
      <c r="EV10" s="22">
        <v>0</v>
      </c>
      <c r="EW10" s="22">
        <v>0</v>
      </c>
      <c r="EX10" s="22">
        <v>0</v>
      </c>
      <c r="EY10" s="25">
        <v>0</v>
      </c>
      <c r="EZ10" s="26">
        <v>0</v>
      </c>
      <c r="FA10" s="21">
        <v>0</v>
      </c>
      <c r="FB10" s="22">
        <v>0</v>
      </c>
      <c r="FC10" s="23">
        <v>0</v>
      </c>
      <c r="FD10" s="390">
        <v>0</v>
      </c>
      <c r="FE10" s="22">
        <v>13110</v>
      </c>
      <c r="FF10" s="22">
        <v>0</v>
      </c>
      <c r="FG10" s="22">
        <v>420</v>
      </c>
      <c r="FH10" s="22">
        <v>124857</v>
      </c>
      <c r="FI10" s="22">
        <v>139389</v>
      </c>
      <c r="FJ10" s="25">
        <v>277776</v>
      </c>
      <c r="FK10" s="26">
        <v>277776</v>
      </c>
      <c r="FL10" s="21">
        <v>0</v>
      </c>
      <c r="FM10" s="22">
        <v>0</v>
      </c>
      <c r="FN10" s="23">
        <v>0</v>
      </c>
      <c r="FO10" s="390">
        <v>0</v>
      </c>
      <c r="FP10" s="22">
        <v>0</v>
      </c>
      <c r="FQ10" s="22">
        <v>0</v>
      </c>
      <c r="FR10" s="22">
        <v>119100</v>
      </c>
      <c r="FS10" s="22">
        <v>148050</v>
      </c>
      <c r="FT10" s="22">
        <v>91260</v>
      </c>
      <c r="FU10" s="25">
        <v>358410</v>
      </c>
      <c r="FV10" s="26">
        <v>358410</v>
      </c>
      <c r="FW10" s="21">
        <v>0</v>
      </c>
      <c r="FX10" s="22">
        <v>17712</v>
      </c>
      <c r="FY10" s="23">
        <v>17712</v>
      </c>
      <c r="FZ10" s="24">
        <v>0</v>
      </c>
      <c r="GA10" s="22">
        <v>111953</v>
      </c>
      <c r="GB10" s="22">
        <v>422132</v>
      </c>
      <c r="GC10" s="22">
        <v>1110552</v>
      </c>
      <c r="GD10" s="22">
        <v>901714</v>
      </c>
      <c r="GE10" s="22">
        <v>527977</v>
      </c>
      <c r="GF10" s="25">
        <v>3074328</v>
      </c>
      <c r="GG10" s="26">
        <v>3092040</v>
      </c>
      <c r="GH10" s="21">
        <v>0</v>
      </c>
      <c r="GI10" s="22">
        <v>0</v>
      </c>
      <c r="GJ10" s="23">
        <v>0</v>
      </c>
      <c r="GK10" s="24">
        <v>0</v>
      </c>
      <c r="GL10" s="22">
        <v>0</v>
      </c>
      <c r="GM10" s="22">
        <v>0</v>
      </c>
      <c r="GN10" s="22">
        <v>5229</v>
      </c>
      <c r="GO10" s="22">
        <v>3583</v>
      </c>
      <c r="GP10" s="22">
        <v>1130</v>
      </c>
      <c r="GQ10" s="25">
        <v>9942</v>
      </c>
      <c r="GR10" s="26">
        <v>9942</v>
      </c>
      <c r="GS10" s="21">
        <v>0</v>
      </c>
      <c r="GT10" s="22">
        <v>0</v>
      </c>
      <c r="GU10" s="23">
        <v>0</v>
      </c>
      <c r="GV10" s="24">
        <v>0</v>
      </c>
      <c r="GW10" s="22">
        <v>0</v>
      </c>
      <c r="GX10" s="22">
        <v>0</v>
      </c>
      <c r="GY10" s="22">
        <v>0</v>
      </c>
      <c r="GZ10" s="22">
        <v>0</v>
      </c>
      <c r="HA10" s="22">
        <v>0</v>
      </c>
      <c r="HB10" s="25">
        <v>0</v>
      </c>
      <c r="HC10" s="26">
        <v>0</v>
      </c>
      <c r="HD10" s="21">
        <v>0</v>
      </c>
      <c r="HE10" s="22">
        <v>0</v>
      </c>
      <c r="HF10" s="23">
        <v>0</v>
      </c>
      <c r="HG10" s="390">
        <v>0</v>
      </c>
      <c r="HH10" s="22">
        <v>0</v>
      </c>
      <c r="HI10" s="22">
        <v>0</v>
      </c>
      <c r="HJ10" s="22">
        <v>0</v>
      </c>
      <c r="HK10" s="22">
        <v>0</v>
      </c>
      <c r="HL10" s="22">
        <v>0</v>
      </c>
      <c r="HM10" s="25">
        <v>0</v>
      </c>
      <c r="HN10" s="26">
        <v>0</v>
      </c>
      <c r="HO10" s="21">
        <v>0</v>
      </c>
      <c r="HP10" s="22">
        <v>28138</v>
      </c>
      <c r="HQ10" s="23">
        <v>28138</v>
      </c>
      <c r="HR10" s="24">
        <v>0</v>
      </c>
      <c r="HS10" s="22">
        <v>1020141</v>
      </c>
      <c r="HT10" s="22">
        <v>2718372</v>
      </c>
      <c r="HU10" s="22">
        <v>17668170</v>
      </c>
      <c r="HV10" s="22">
        <v>25283062</v>
      </c>
      <c r="HW10" s="22">
        <v>13862346</v>
      </c>
      <c r="HX10" s="25">
        <v>60552091</v>
      </c>
      <c r="HY10" s="26">
        <v>60580229</v>
      </c>
    </row>
    <row r="11" spans="2:233" ht="21" customHeight="1" x14ac:dyDescent="0.2">
      <c r="B11" s="92" t="s">
        <v>7</v>
      </c>
      <c r="C11" s="21">
        <v>290</v>
      </c>
      <c r="D11" s="22">
        <v>4485</v>
      </c>
      <c r="E11" s="23">
        <v>4775</v>
      </c>
      <c r="F11" s="24">
        <v>0</v>
      </c>
      <c r="G11" s="22">
        <v>2078093</v>
      </c>
      <c r="H11" s="22">
        <v>2041235</v>
      </c>
      <c r="I11" s="22">
        <v>6580871</v>
      </c>
      <c r="J11" s="22">
        <v>8121551</v>
      </c>
      <c r="K11" s="22">
        <v>3866063</v>
      </c>
      <c r="L11" s="25">
        <v>22687813</v>
      </c>
      <c r="M11" s="26">
        <v>22692588</v>
      </c>
      <c r="N11" s="21">
        <v>0</v>
      </c>
      <c r="O11" s="22">
        <v>0</v>
      </c>
      <c r="P11" s="23">
        <v>0</v>
      </c>
      <c r="Q11" s="390">
        <v>0</v>
      </c>
      <c r="R11" s="22">
        <v>258600</v>
      </c>
      <c r="S11" s="22">
        <v>514715</v>
      </c>
      <c r="T11" s="22">
        <v>4928557</v>
      </c>
      <c r="U11" s="22">
        <v>6632930</v>
      </c>
      <c r="V11" s="22">
        <v>3238225</v>
      </c>
      <c r="W11" s="25">
        <v>15573027</v>
      </c>
      <c r="X11" s="26">
        <v>15573027</v>
      </c>
      <c r="Y11" s="21">
        <v>0</v>
      </c>
      <c r="Z11" s="22">
        <v>0</v>
      </c>
      <c r="AA11" s="23">
        <v>0</v>
      </c>
      <c r="AB11" s="390">
        <v>0</v>
      </c>
      <c r="AC11" s="22">
        <v>1658559</v>
      </c>
      <c r="AD11" s="22">
        <v>1326985</v>
      </c>
      <c r="AE11" s="22">
        <v>1268746</v>
      </c>
      <c r="AF11" s="22">
        <v>1307748</v>
      </c>
      <c r="AG11" s="22">
        <v>404340</v>
      </c>
      <c r="AH11" s="25">
        <v>5966378</v>
      </c>
      <c r="AI11" s="26">
        <v>5966378</v>
      </c>
      <c r="AJ11" s="21">
        <v>0</v>
      </c>
      <c r="AK11" s="22">
        <v>0</v>
      </c>
      <c r="AL11" s="23">
        <v>0</v>
      </c>
      <c r="AM11" s="390">
        <v>0</v>
      </c>
      <c r="AN11" s="22">
        <v>0</v>
      </c>
      <c r="AO11" s="22">
        <v>0</v>
      </c>
      <c r="AP11" s="22">
        <v>0</v>
      </c>
      <c r="AQ11" s="22">
        <v>0</v>
      </c>
      <c r="AR11" s="22">
        <v>0</v>
      </c>
      <c r="AS11" s="25">
        <v>0</v>
      </c>
      <c r="AT11" s="26">
        <v>0</v>
      </c>
      <c r="AU11" s="21">
        <v>0</v>
      </c>
      <c r="AV11" s="22">
        <v>0</v>
      </c>
      <c r="AW11" s="23">
        <v>0</v>
      </c>
      <c r="AX11" s="390">
        <v>0</v>
      </c>
      <c r="AY11" s="22">
        <v>0</v>
      </c>
      <c r="AZ11" s="22">
        <v>0</v>
      </c>
      <c r="BA11" s="22">
        <v>2550</v>
      </c>
      <c r="BB11" s="22">
        <v>58050</v>
      </c>
      <c r="BC11" s="22">
        <v>39450</v>
      </c>
      <c r="BD11" s="25">
        <v>100050</v>
      </c>
      <c r="BE11" s="26">
        <v>100050</v>
      </c>
      <c r="BF11" s="21">
        <v>0</v>
      </c>
      <c r="BG11" s="22">
        <v>0</v>
      </c>
      <c r="BH11" s="23">
        <v>0</v>
      </c>
      <c r="BI11" s="390">
        <v>0</v>
      </c>
      <c r="BJ11" s="22">
        <v>0</v>
      </c>
      <c r="BK11" s="22">
        <v>0</v>
      </c>
      <c r="BL11" s="22">
        <v>0</v>
      </c>
      <c r="BM11" s="22">
        <v>0</v>
      </c>
      <c r="BN11" s="22">
        <v>0</v>
      </c>
      <c r="BO11" s="25">
        <v>0</v>
      </c>
      <c r="BP11" s="26">
        <v>0</v>
      </c>
      <c r="BQ11" s="21">
        <v>290</v>
      </c>
      <c r="BR11" s="22">
        <v>4485</v>
      </c>
      <c r="BS11" s="23">
        <v>4775</v>
      </c>
      <c r="BT11" s="24">
        <v>0</v>
      </c>
      <c r="BU11" s="22">
        <v>127859</v>
      </c>
      <c r="BV11" s="22">
        <v>196345</v>
      </c>
      <c r="BW11" s="22">
        <v>374798</v>
      </c>
      <c r="BX11" s="22">
        <v>117442</v>
      </c>
      <c r="BY11" s="22">
        <v>159073</v>
      </c>
      <c r="BZ11" s="25">
        <v>975517</v>
      </c>
      <c r="CA11" s="26">
        <v>980292</v>
      </c>
      <c r="CB11" s="21">
        <v>0</v>
      </c>
      <c r="CC11" s="22">
        <v>0</v>
      </c>
      <c r="CD11" s="23">
        <v>0</v>
      </c>
      <c r="CE11" s="24">
        <v>0</v>
      </c>
      <c r="CF11" s="22">
        <v>33075</v>
      </c>
      <c r="CG11" s="22">
        <v>3190</v>
      </c>
      <c r="CH11" s="22">
        <v>6220</v>
      </c>
      <c r="CI11" s="22">
        <v>5381</v>
      </c>
      <c r="CJ11" s="22">
        <v>24975</v>
      </c>
      <c r="CK11" s="25">
        <v>72841</v>
      </c>
      <c r="CL11" s="26">
        <v>72841</v>
      </c>
      <c r="CM11" s="21">
        <v>0</v>
      </c>
      <c r="CN11" s="22">
        <v>0</v>
      </c>
      <c r="CO11" s="23">
        <v>0</v>
      </c>
      <c r="CP11" s="24">
        <v>0</v>
      </c>
      <c r="CQ11" s="22">
        <v>0</v>
      </c>
      <c r="CR11" s="22">
        <v>0</v>
      </c>
      <c r="CS11" s="22">
        <v>0</v>
      </c>
      <c r="CT11" s="22">
        <v>0</v>
      </c>
      <c r="CU11" s="22">
        <v>0</v>
      </c>
      <c r="CV11" s="25">
        <v>0</v>
      </c>
      <c r="CW11" s="26">
        <v>0</v>
      </c>
      <c r="CX11" s="21">
        <v>0</v>
      </c>
      <c r="CY11" s="22">
        <v>0</v>
      </c>
      <c r="CZ11" s="23">
        <v>0</v>
      </c>
      <c r="DA11" s="390">
        <v>0</v>
      </c>
      <c r="DB11" s="22">
        <v>0</v>
      </c>
      <c r="DC11" s="22">
        <v>0</v>
      </c>
      <c r="DD11" s="22">
        <v>0</v>
      </c>
      <c r="DE11" s="22">
        <v>0</v>
      </c>
      <c r="DF11" s="22">
        <v>0</v>
      </c>
      <c r="DG11" s="25">
        <v>0</v>
      </c>
      <c r="DH11" s="26">
        <v>0</v>
      </c>
      <c r="DI11" s="21">
        <v>1053</v>
      </c>
      <c r="DJ11" s="22">
        <v>7235</v>
      </c>
      <c r="DK11" s="23">
        <v>8288</v>
      </c>
      <c r="DL11" s="24">
        <v>0</v>
      </c>
      <c r="DM11" s="22">
        <v>761978</v>
      </c>
      <c r="DN11" s="22">
        <v>992290</v>
      </c>
      <c r="DO11" s="22">
        <v>7094086</v>
      </c>
      <c r="DP11" s="22">
        <v>8371711</v>
      </c>
      <c r="DQ11" s="22">
        <v>4681201</v>
      </c>
      <c r="DR11" s="25">
        <v>21901266</v>
      </c>
      <c r="DS11" s="27">
        <v>21909554</v>
      </c>
      <c r="DT11" s="21">
        <v>0</v>
      </c>
      <c r="DU11" s="22">
        <v>0</v>
      </c>
      <c r="DV11" s="23">
        <v>0</v>
      </c>
      <c r="DW11" s="390">
        <v>0</v>
      </c>
      <c r="DX11" s="22">
        <v>290970</v>
      </c>
      <c r="DY11" s="22">
        <v>515280</v>
      </c>
      <c r="DZ11" s="22">
        <v>6172486</v>
      </c>
      <c r="EA11" s="22">
        <v>7846305</v>
      </c>
      <c r="EB11" s="22">
        <v>4397324</v>
      </c>
      <c r="EC11" s="25">
        <v>19222365</v>
      </c>
      <c r="ED11" s="26">
        <v>19222365</v>
      </c>
      <c r="EE11" s="21">
        <v>0</v>
      </c>
      <c r="EF11" s="22">
        <v>0</v>
      </c>
      <c r="EG11" s="23">
        <v>0</v>
      </c>
      <c r="EH11" s="390">
        <v>0</v>
      </c>
      <c r="EI11" s="22">
        <v>204787</v>
      </c>
      <c r="EJ11" s="22">
        <v>148393</v>
      </c>
      <c r="EK11" s="22">
        <v>282337</v>
      </c>
      <c r="EL11" s="22">
        <v>200143</v>
      </c>
      <c r="EM11" s="22">
        <v>74295</v>
      </c>
      <c r="EN11" s="25">
        <v>909955</v>
      </c>
      <c r="EO11" s="26">
        <v>909955</v>
      </c>
      <c r="EP11" s="21">
        <v>0</v>
      </c>
      <c r="EQ11" s="22">
        <v>0</v>
      </c>
      <c r="ER11" s="23">
        <v>0</v>
      </c>
      <c r="ES11" s="390">
        <v>0</v>
      </c>
      <c r="ET11" s="22">
        <v>0</v>
      </c>
      <c r="EU11" s="22">
        <v>0</v>
      </c>
      <c r="EV11" s="22">
        <v>0</v>
      </c>
      <c r="EW11" s="22">
        <v>0</v>
      </c>
      <c r="EX11" s="22">
        <v>0</v>
      </c>
      <c r="EY11" s="25">
        <v>0</v>
      </c>
      <c r="EZ11" s="26">
        <v>0</v>
      </c>
      <c r="FA11" s="21">
        <v>0</v>
      </c>
      <c r="FB11" s="22">
        <v>0</v>
      </c>
      <c r="FC11" s="23">
        <v>0</v>
      </c>
      <c r="FD11" s="390">
        <v>0</v>
      </c>
      <c r="FE11" s="22">
        <v>0</v>
      </c>
      <c r="FF11" s="22">
        <v>0</v>
      </c>
      <c r="FG11" s="22">
        <v>210</v>
      </c>
      <c r="FH11" s="22">
        <v>630</v>
      </c>
      <c r="FI11" s="22">
        <v>13530</v>
      </c>
      <c r="FJ11" s="25">
        <v>14370</v>
      </c>
      <c r="FK11" s="26">
        <v>14370</v>
      </c>
      <c r="FL11" s="21">
        <v>0</v>
      </c>
      <c r="FM11" s="22">
        <v>0</v>
      </c>
      <c r="FN11" s="23">
        <v>0</v>
      </c>
      <c r="FO11" s="390">
        <v>0</v>
      </c>
      <c r="FP11" s="22">
        <v>0</v>
      </c>
      <c r="FQ11" s="22">
        <v>0</v>
      </c>
      <c r="FR11" s="22">
        <v>0</v>
      </c>
      <c r="FS11" s="22">
        <v>0</v>
      </c>
      <c r="FT11" s="22">
        <v>0</v>
      </c>
      <c r="FU11" s="25">
        <v>0</v>
      </c>
      <c r="FV11" s="26">
        <v>0</v>
      </c>
      <c r="FW11" s="21">
        <v>1053</v>
      </c>
      <c r="FX11" s="22">
        <v>7235</v>
      </c>
      <c r="FY11" s="23">
        <v>8288</v>
      </c>
      <c r="FZ11" s="24">
        <v>0</v>
      </c>
      <c r="GA11" s="22">
        <v>253548</v>
      </c>
      <c r="GB11" s="22">
        <v>320383</v>
      </c>
      <c r="GC11" s="22">
        <v>633536</v>
      </c>
      <c r="GD11" s="22">
        <v>323598</v>
      </c>
      <c r="GE11" s="22">
        <v>195842</v>
      </c>
      <c r="GF11" s="25">
        <v>1726907</v>
      </c>
      <c r="GG11" s="26">
        <v>1735195</v>
      </c>
      <c r="GH11" s="21">
        <v>0</v>
      </c>
      <c r="GI11" s="22">
        <v>0</v>
      </c>
      <c r="GJ11" s="23">
        <v>0</v>
      </c>
      <c r="GK11" s="24">
        <v>0</v>
      </c>
      <c r="GL11" s="22">
        <v>12673</v>
      </c>
      <c r="GM11" s="22">
        <v>8234</v>
      </c>
      <c r="GN11" s="22">
        <v>5517</v>
      </c>
      <c r="GO11" s="22">
        <v>1035</v>
      </c>
      <c r="GP11" s="22">
        <v>210</v>
      </c>
      <c r="GQ11" s="25">
        <v>27669</v>
      </c>
      <c r="GR11" s="26">
        <v>27669</v>
      </c>
      <c r="GS11" s="21">
        <v>0</v>
      </c>
      <c r="GT11" s="22">
        <v>0</v>
      </c>
      <c r="GU11" s="23">
        <v>0</v>
      </c>
      <c r="GV11" s="24">
        <v>0</v>
      </c>
      <c r="GW11" s="22">
        <v>0</v>
      </c>
      <c r="GX11" s="22">
        <v>0</v>
      </c>
      <c r="GY11" s="22">
        <v>0</v>
      </c>
      <c r="GZ11" s="22">
        <v>0</v>
      </c>
      <c r="HA11" s="22">
        <v>0</v>
      </c>
      <c r="HB11" s="25">
        <v>0</v>
      </c>
      <c r="HC11" s="26">
        <v>0</v>
      </c>
      <c r="HD11" s="21">
        <v>0</v>
      </c>
      <c r="HE11" s="22">
        <v>0</v>
      </c>
      <c r="HF11" s="23">
        <v>0</v>
      </c>
      <c r="HG11" s="390">
        <v>0</v>
      </c>
      <c r="HH11" s="22">
        <v>0</v>
      </c>
      <c r="HI11" s="22">
        <v>0</v>
      </c>
      <c r="HJ11" s="22">
        <v>0</v>
      </c>
      <c r="HK11" s="22">
        <v>0</v>
      </c>
      <c r="HL11" s="22">
        <v>0</v>
      </c>
      <c r="HM11" s="25">
        <v>0</v>
      </c>
      <c r="HN11" s="26">
        <v>0</v>
      </c>
      <c r="HO11" s="21">
        <v>1343</v>
      </c>
      <c r="HP11" s="22">
        <v>11720</v>
      </c>
      <c r="HQ11" s="23">
        <v>13063</v>
      </c>
      <c r="HR11" s="24">
        <v>0</v>
      </c>
      <c r="HS11" s="22">
        <v>2840071</v>
      </c>
      <c r="HT11" s="22">
        <v>3033525</v>
      </c>
      <c r="HU11" s="22">
        <v>13674957</v>
      </c>
      <c r="HV11" s="22">
        <v>16493262</v>
      </c>
      <c r="HW11" s="22">
        <v>8547264</v>
      </c>
      <c r="HX11" s="25">
        <v>44589079</v>
      </c>
      <c r="HY11" s="26">
        <v>44602142</v>
      </c>
    </row>
    <row r="12" spans="2:233" ht="21" customHeight="1" x14ac:dyDescent="0.2">
      <c r="B12" s="92" t="s">
        <v>8</v>
      </c>
      <c r="C12" s="21">
        <v>0</v>
      </c>
      <c r="D12" s="22">
        <v>725</v>
      </c>
      <c r="E12" s="23">
        <v>725</v>
      </c>
      <c r="F12" s="24">
        <v>0</v>
      </c>
      <c r="G12" s="22">
        <v>416351</v>
      </c>
      <c r="H12" s="22">
        <v>1100146</v>
      </c>
      <c r="I12" s="22">
        <v>4113474</v>
      </c>
      <c r="J12" s="22">
        <v>4664384</v>
      </c>
      <c r="K12" s="22">
        <v>2409502</v>
      </c>
      <c r="L12" s="25">
        <v>12703857</v>
      </c>
      <c r="M12" s="26">
        <v>12704582</v>
      </c>
      <c r="N12" s="21">
        <v>0</v>
      </c>
      <c r="O12" s="22">
        <v>0</v>
      </c>
      <c r="P12" s="23">
        <v>0</v>
      </c>
      <c r="Q12" s="390">
        <v>0</v>
      </c>
      <c r="R12" s="22">
        <v>153450</v>
      </c>
      <c r="S12" s="22">
        <v>487785</v>
      </c>
      <c r="T12" s="22">
        <v>2821866</v>
      </c>
      <c r="U12" s="22">
        <v>3249675</v>
      </c>
      <c r="V12" s="22">
        <v>1816381</v>
      </c>
      <c r="W12" s="25">
        <v>8529157</v>
      </c>
      <c r="X12" s="26">
        <v>8529157</v>
      </c>
      <c r="Y12" s="21">
        <v>0</v>
      </c>
      <c r="Z12" s="22">
        <v>0</v>
      </c>
      <c r="AA12" s="23">
        <v>0</v>
      </c>
      <c r="AB12" s="390">
        <v>0</v>
      </c>
      <c r="AC12" s="22">
        <v>179075</v>
      </c>
      <c r="AD12" s="22">
        <v>439595</v>
      </c>
      <c r="AE12" s="22">
        <v>682180</v>
      </c>
      <c r="AF12" s="22">
        <v>886295</v>
      </c>
      <c r="AG12" s="22">
        <v>412800</v>
      </c>
      <c r="AH12" s="25">
        <v>2599945</v>
      </c>
      <c r="AI12" s="26">
        <v>2599945</v>
      </c>
      <c r="AJ12" s="21">
        <v>0</v>
      </c>
      <c r="AK12" s="22">
        <v>0</v>
      </c>
      <c r="AL12" s="23">
        <v>0</v>
      </c>
      <c r="AM12" s="390">
        <v>0</v>
      </c>
      <c r="AN12" s="22">
        <v>0</v>
      </c>
      <c r="AO12" s="22">
        <v>0</v>
      </c>
      <c r="AP12" s="22">
        <v>0</v>
      </c>
      <c r="AQ12" s="22">
        <v>0</v>
      </c>
      <c r="AR12" s="22">
        <v>0</v>
      </c>
      <c r="AS12" s="25">
        <v>0</v>
      </c>
      <c r="AT12" s="26">
        <v>0</v>
      </c>
      <c r="AU12" s="21">
        <v>0</v>
      </c>
      <c r="AV12" s="22">
        <v>0</v>
      </c>
      <c r="AW12" s="23">
        <v>0</v>
      </c>
      <c r="AX12" s="390">
        <v>0</v>
      </c>
      <c r="AY12" s="22">
        <v>0</v>
      </c>
      <c r="AZ12" s="22">
        <v>0</v>
      </c>
      <c r="BA12" s="22">
        <v>31650</v>
      </c>
      <c r="BB12" s="22">
        <v>7950</v>
      </c>
      <c r="BC12" s="22">
        <v>41660</v>
      </c>
      <c r="BD12" s="25">
        <v>81260</v>
      </c>
      <c r="BE12" s="26">
        <v>81260</v>
      </c>
      <c r="BF12" s="21">
        <v>0</v>
      </c>
      <c r="BG12" s="22">
        <v>0</v>
      </c>
      <c r="BH12" s="23">
        <v>0</v>
      </c>
      <c r="BI12" s="390">
        <v>0</v>
      </c>
      <c r="BJ12" s="22">
        <v>0</v>
      </c>
      <c r="BK12" s="22">
        <v>0</v>
      </c>
      <c r="BL12" s="22">
        <v>94225</v>
      </c>
      <c r="BM12" s="22">
        <v>235075</v>
      </c>
      <c r="BN12" s="22">
        <v>5100</v>
      </c>
      <c r="BO12" s="25">
        <v>334400</v>
      </c>
      <c r="BP12" s="26">
        <v>334400</v>
      </c>
      <c r="BQ12" s="21">
        <v>0</v>
      </c>
      <c r="BR12" s="22">
        <v>725</v>
      </c>
      <c r="BS12" s="23">
        <v>725</v>
      </c>
      <c r="BT12" s="24">
        <v>0</v>
      </c>
      <c r="BU12" s="22">
        <v>83826</v>
      </c>
      <c r="BV12" s="22">
        <v>162726</v>
      </c>
      <c r="BW12" s="22">
        <v>483553</v>
      </c>
      <c r="BX12" s="22">
        <v>264765</v>
      </c>
      <c r="BY12" s="22">
        <v>132580</v>
      </c>
      <c r="BZ12" s="25">
        <v>1127450</v>
      </c>
      <c r="CA12" s="26">
        <v>1128175</v>
      </c>
      <c r="CB12" s="21">
        <v>0</v>
      </c>
      <c r="CC12" s="22">
        <v>0</v>
      </c>
      <c r="CD12" s="23">
        <v>0</v>
      </c>
      <c r="CE12" s="24">
        <v>0</v>
      </c>
      <c r="CF12" s="22">
        <v>0</v>
      </c>
      <c r="CG12" s="22">
        <v>10040</v>
      </c>
      <c r="CH12" s="22">
        <v>0</v>
      </c>
      <c r="CI12" s="22">
        <v>20624</v>
      </c>
      <c r="CJ12" s="22">
        <v>981</v>
      </c>
      <c r="CK12" s="25">
        <v>31645</v>
      </c>
      <c r="CL12" s="26">
        <v>31645</v>
      </c>
      <c r="CM12" s="21">
        <v>0</v>
      </c>
      <c r="CN12" s="22">
        <v>0</v>
      </c>
      <c r="CO12" s="23">
        <v>0</v>
      </c>
      <c r="CP12" s="24">
        <v>0</v>
      </c>
      <c r="CQ12" s="22">
        <v>0</v>
      </c>
      <c r="CR12" s="22">
        <v>0</v>
      </c>
      <c r="CS12" s="22">
        <v>0</v>
      </c>
      <c r="CT12" s="22">
        <v>0</v>
      </c>
      <c r="CU12" s="22">
        <v>0</v>
      </c>
      <c r="CV12" s="25">
        <v>0</v>
      </c>
      <c r="CW12" s="26">
        <v>0</v>
      </c>
      <c r="CX12" s="21">
        <v>0</v>
      </c>
      <c r="CY12" s="22">
        <v>0</v>
      </c>
      <c r="CZ12" s="23">
        <v>0</v>
      </c>
      <c r="DA12" s="390">
        <v>0</v>
      </c>
      <c r="DB12" s="22">
        <v>0</v>
      </c>
      <c r="DC12" s="22">
        <v>0</v>
      </c>
      <c r="DD12" s="22">
        <v>0</v>
      </c>
      <c r="DE12" s="22">
        <v>0</v>
      </c>
      <c r="DF12" s="22">
        <v>0</v>
      </c>
      <c r="DG12" s="25">
        <v>0</v>
      </c>
      <c r="DH12" s="26">
        <v>0</v>
      </c>
      <c r="DI12" s="21">
        <v>0</v>
      </c>
      <c r="DJ12" s="22">
        <v>7656</v>
      </c>
      <c r="DK12" s="23">
        <v>7656</v>
      </c>
      <c r="DL12" s="24">
        <v>0</v>
      </c>
      <c r="DM12" s="22">
        <v>346681</v>
      </c>
      <c r="DN12" s="22">
        <v>1182750</v>
      </c>
      <c r="DO12" s="22">
        <v>5379767</v>
      </c>
      <c r="DP12" s="22">
        <v>5493352</v>
      </c>
      <c r="DQ12" s="22">
        <v>3016258</v>
      </c>
      <c r="DR12" s="25">
        <v>15418808</v>
      </c>
      <c r="DS12" s="27">
        <v>15426464</v>
      </c>
      <c r="DT12" s="21">
        <v>0</v>
      </c>
      <c r="DU12" s="22">
        <v>0</v>
      </c>
      <c r="DV12" s="23">
        <v>0</v>
      </c>
      <c r="DW12" s="390">
        <v>0</v>
      </c>
      <c r="DX12" s="22">
        <v>152280</v>
      </c>
      <c r="DY12" s="22">
        <v>816482</v>
      </c>
      <c r="DZ12" s="22">
        <v>4330284</v>
      </c>
      <c r="EA12" s="22">
        <v>4389466</v>
      </c>
      <c r="EB12" s="22">
        <v>2764842</v>
      </c>
      <c r="EC12" s="25">
        <v>12453354</v>
      </c>
      <c r="ED12" s="26">
        <v>12453354</v>
      </c>
      <c r="EE12" s="21">
        <v>0</v>
      </c>
      <c r="EF12" s="22">
        <v>0</v>
      </c>
      <c r="EG12" s="23">
        <v>0</v>
      </c>
      <c r="EH12" s="390">
        <v>0</v>
      </c>
      <c r="EI12" s="22">
        <v>22831</v>
      </c>
      <c r="EJ12" s="22">
        <v>57690</v>
      </c>
      <c r="EK12" s="22">
        <v>117668</v>
      </c>
      <c r="EL12" s="22">
        <v>155597</v>
      </c>
      <c r="EM12" s="22">
        <v>29912</v>
      </c>
      <c r="EN12" s="25">
        <v>383698</v>
      </c>
      <c r="EO12" s="26">
        <v>383698</v>
      </c>
      <c r="EP12" s="21">
        <v>0</v>
      </c>
      <c r="EQ12" s="22">
        <v>0</v>
      </c>
      <c r="ER12" s="23">
        <v>0</v>
      </c>
      <c r="ES12" s="390">
        <v>0</v>
      </c>
      <c r="ET12" s="22">
        <v>0</v>
      </c>
      <c r="EU12" s="22">
        <v>0</v>
      </c>
      <c r="EV12" s="22">
        <v>0</v>
      </c>
      <c r="EW12" s="22">
        <v>0</v>
      </c>
      <c r="EX12" s="22">
        <v>0</v>
      </c>
      <c r="EY12" s="25">
        <v>0</v>
      </c>
      <c r="EZ12" s="26">
        <v>0</v>
      </c>
      <c r="FA12" s="21">
        <v>0</v>
      </c>
      <c r="FB12" s="22">
        <v>0</v>
      </c>
      <c r="FC12" s="23">
        <v>0</v>
      </c>
      <c r="FD12" s="390">
        <v>0</v>
      </c>
      <c r="FE12" s="22">
        <v>0</v>
      </c>
      <c r="FF12" s="22">
        <v>0</v>
      </c>
      <c r="FG12" s="22">
        <v>210</v>
      </c>
      <c r="FH12" s="22">
        <v>77</v>
      </c>
      <c r="FI12" s="22">
        <v>13530</v>
      </c>
      <c r="FJ12" s="25">
        <v>13817</v>
      </c>
      <c r="FK12" s="26">
        <v>13817</v>
      </c>
      <c r="FL12" s="21">
        <v>0</v>
      </c>
      <c r="FM12" s="22">
        <v>0</v>
      </c>
      <c r="FN12" s="23">
        <v>0</v>
      </c>
      <c r="FO12" s="390">
        <v>0</v>
      </c>
      <c r="FP12" s="22">
        <v>0</v>
      </c>
      <c r="FQ12" s="22">
        <v>0</v>
      </c>
      <c r="FR12" s="22">
        <v>202620</v>
      </c>
      <c r="FS12" s="22">
        <v>390792</v>
      </c>
      <c r="FT12" s="22">
        <v>41760</v>
      </c>
      <c r="FU12" s="25">
        <v>635172</v>
      </c>
      <c r="FV12" s="26">
        <v>635172</v>
      </c>
      <c r="FW12" s="21">
        <v>0</v>
      </c>
      <c r="FX12" s="22">
        <v>7656</v>
      </c>
      <c r="FY12" s="23">
        <v>7656</v>
      </c>
      <c r="FZ12" s="24">
        <v>0</v>
      </c>
      <c r="GA12" s="22">
        <v>171570</v>
      </c>
      <c r="GB12" s="22">
        <v>308494</v>
      </c>
      <c r="GC12" s="22">
        <v>728985</v>
      </c>
      <c r="GD12" s="22">
        <v>555308</v>
      </c>
      <c r="GE12" s="22">
        <v>166193</v>
      </c>
      <c r="GF12" s="25">
        <v>1930550</v>
      </c>
      <c r="GG12" s="26">
        <v>1938206</v>
      </c>
      <c r="GH12" s="21">
        <v>0</v>
      </c>
      <c r="GI12" s="22">
        <v>0</v>
      </c>
      <c r="GJ12" s="23">
        <v>0</v>
      </c>
      <c r="GK12" s="24">
        <v>0</v>
      </c>
      <c r="GL12" s="22">
        <v>0</v>
      </c>
      <c r="GM12" s="22">
        <v>84</v>
      </c>
      <c r="GN12" s="22">
        <v>0</v>
      </c>
      <c r="GO12" s="22">
        <v>2112</v>
      </c>
      <c r="GP12" s="22">
        <v>21</v>
      </c>
      <c r="GQ12" s="25">
        <v>2217</v>
      </c>
      <c r="GR12" s="26">
        <v>2217</v>
      </c>
      <c r="GS12" s="21">
        <v>0</v>
      </c>
      <c r="GT12" s="22">
        <v>0</v>
      </c>
      <c r="GU12" s="23">
        <v>0</v>
      </c>
      <c r="GV12" s="24">
        <v>0</v>
      </c>
      <c r="GW12" s="22">
        <v>0</v>
      </c>
      <c r="GX12" s="22">
        <v>0</v>
      </c>
      <c r="GY12" s="22">
        <v>0</v>
      </c>
      <c r="GZ12" s="22">
        <v>0</v>
      </c>
      <c r="HA12" s="22">
        <v>0</v>
      </c>
      <c r="HB12" s="25">
        <v>0</v>
      </c>
      <c r="HC12" s="26">
        <v>0</v>
      </c>
      <c r="HD12" s="21">
        <v>0</v>
      </c>
      <c r="HE12" s="22">
        <v>0</v>
      </c>
      <c r="HF12" s="23">
        <v>0</v>
      </c>
      <c r="HG12" s="390">
        <v>0</v>
      </c>
      <c r="HH12" s="22">
        <v>0</v>
      </c>
      <c r="HI12" s="22">
        <v>0</v>
      </c>
      <c r="HJ12" s="22">
        <v>0</v>
      </c>
      <c r="HK12" s="22">
        <v>0</v>
      </c>
      <c r="HL12" s="22">
        <v>0</v>
      </c>
      <c r="HM12" s="25">
        <v>0</v>
      </c>
      <c r="HN12" s="26">
        <v>0</v>
      </c>
      <c r="HO12" s="21">
        <v>0</v>
      </c>
      <c r="HP12" s="22">
        <v>8381</v>
      </c>
      <c r="HQ12" s="23">
        <v>8381</v>
      </c>
      <c r="HR12" s="24">
        <v>0</v>
      </c>
      <c r="HS12" s="22">
        <v>763032</v>
      </c>
      <c r="HT12" s="22">
        <v>2282896</v>
      </c>
      <c r="HU12" s="22">
        <v>9493241</v>
      </c>
      <c r="HV12" s="22">
        <v>10157736</v>
      </c>
      <c r="HW12" s="22">
        <v>5425760</v>
      </c>
      <c r="HX12" s="25">
        <v>28122665</v>
      </c>
      <c r="HY12" s="26">
        <v>28131046</v>
      </c>
    </row>
    <row r="13" spans="2:233" ht="21" customHeight="1" x14ac:dyDescent="0.2">
      <c r="B13" s="92" t="s">
        <v>9</v>
      </c>
      <c r="C13" s="21">
        <v>0</v>
      </c>
      <c r="D13" s="22">
        <v>0</v>
      </c>
      <c r="E13" s="23">
        <v>0</v>
      </c>
      <c r="F13" s="24">
        <v>0</v>
      </c>
      <c r="G13" s="22">
        <v>101538</v>
      </c>
      <c r="H13" s="22">
        <v>154500</v>
      </c>
      <c r="I13" s="22">
        <v>1955582</v>
      </c>
      <c r="J13" s="22">
        <v>2248495</v>
      </c>
      <c r="K13" s="22">
        <v>1598825</v>
      </c>
      <c r="L13" s="25">
        <v>6058940</v>
      </c>
      <c r="M13" s="26">
        <v>6058940</v>
      </c>
      <c r="N13" s="21">
        <v>0</v>
      </c>
      <c r="O13" s="22">
        <v>0</v>
      </c>
      <c r="P13" s="23">
        <v>0</v>
      </c>
      <c r="Q13" s="390">
        <v>0</v>
      </c>
      <c r="R13" s="22">
        <v>31650</v>
      </c>
      <c r="S13" s="22">
        <v>41850</v>
      </c>
      <c r="T13" s="22">
        <v>1323745</v>
      </c>
      <c r="U13" s="22">
        <v>1639700</v>
      </c>
      <c r="V13" s="22">
        <v>1240870</v>
      </c>
      <c r="W13" s="25">
        <v>4277815</v>
      </c>
      <c r="X13" s="26">
        <v>4277815</v>
      </c>
      <c r="Y13" s="21">
        <v>0</v>
      </c>
      <c r="Z13" s="22">
        <v>0</v>
      </c>
      <c r="AA13" s="23">
        <v>0</v>
      </c>
      <c r="AB13" s="390">
        <v>0</v>
      </c>
      <c r="AC13" s="22">
        <v>48140</v>
      </c>
      <c r="AD13" s="22">
        <v>70735</v>
      </c>
      <c r="AE13" s="22">
        <v>517647</v>
      </c>
      <c r="AF13" s="22">
        <v>525920</v>
      </c>
      <c r="AG13" s="22">
        <v>277315</v>
      </c>
      <c r="AH13" s="25">
        <v>1439757</v>
      </c>
      <c r="AI13" s="26">
        <v>1439757</v>
      </c>
      <c r="AJ13" s="21">
        <v>0</v>
      </c>
      <c r="AK13" s="22">
        <v>0</v>
      </c>
      <c r="AL13" s="23">
        <v>0</v>
      </c>
      <c r="AM13" s="390">
        <v>0</v>
      </c>
      <c r="AN13" s="22">
        <v>0</v>
      </c>
      <c r="AO13" s="22">
        <v>0</v>
      </c>
      <c r="AP13" s="22">
        <v>0</v>
      </c>
      <c r="AQ13" s="22">
        <v>0</v>
      </c>
      <c r="AR13" s="22">
        <v>0</v>
      </c>
      <c r="AS13" s="25">
        <v>0</v>
      </c>
      <c r="AT13" s="26">
        <v>0</v>
      </c>
      <c r="AU13" s="21">
        <v>0</v>
      </c>
      <c r="AV13" s="22">
        <v>0</v>
      </c>
      <c r="AW13" s="23">
        <v>0</v>
      </c>
      <c r="AX13" s="390">
        <v>0</v>
      </c>
      <c r="AY13" s="22">
        <v>0</v>
      </c>
      <c r="AZ13" s="22">
        <v>0</v>
      </c>
      <c r="BA13" s="22">
        <v>0</v>
      </c>
      <c r="BB13" s="22">
        <v>0</v>
      </c>
      <c r="BC13" s="22">
        <v>7650</v>
      </c>
      <c r="BD13" s="25">
        <v>7650</v>
      </c>
      <c r="BE13" s="26">
        <v>7650</v>
      </c>
      <c r="BF13" s="21">
        <v>0</v>
      </c>
      <c r="BG13" s="22">
        <v>0</v>
      </c>
      <c r="BH13" s="23">
        <v>0</v>
      </c>
      <c r="BI13" s="390">
        <v>0</v>
      </c>
      <c r="BJ13" s="22">
        <v>0</v>
      </c>
      <c r="BK13" s="22">
        <v>0</v>
      </c>
      <c r="BL13" s="22">
        <v>0</v>
      </c>
      <c r="BM13" s="22">
        <v>0</v>
      </c>
      <c r="BN13" s="22">
        <v>23850</v>
      </c>
      <c r="BO13" s="25">
        <v>23850</v>
      </c>
      <c r="BP13" s="26">
        <v>23850</v>
      </c>
      <c r="BQ13" s="21">
        <v>0</v>
      </c>
      <c r="BR13" s="22">
        <v>0</v>
      </c>
      <c r="BS13" s="23">
        <v>0</v>
      </c>
      <c r="BT13" s="24">
        <v>0</v>
      </c>
      <c r="BU13" s="22">
        <v>18220</v>
      </c>
      <c r="BV13" s="22">
        <v>33180</v>
      </c>
      <c r="BW13" s="22">
        <v>110222</v>
      </c>
      <c r="BX13" s="22">
        <v>82875</v>
      </c>
      <c r="BY13" s="22">
        <v>48125</v>
      </c>
      <c r="BZ13" s="25">
        <v>292622</v>
      </c>
      <c r="CA13" s="26">
        <v>292622</v>
      </c>
      <c r="CB13" s="21">
        <v>0</v>
      </c>
      <c r="CC13" s="22">
        <v>0</v>
      </c>
      <c r="CD13" s="23">
        <v>0</v>
      </c>
      <c r="CE13" s="24">
        <v>0</v>
      </c>
      <c r="CF13" s="22">
        <v>3528</v>
      </c>
      <c r="CG13" s="22">
        <v>8735</v>
      </c>
      <c r="CH13" s="22">
        <v>3968</v>
      </c>
      <c r="CI13" s="22">
        <v>0</v>
      </c>
      <c r="CJ13" s="22">
        <v>1015</v>
      </c>
      <c r="CK13" s="25">
        <v>17246</v>
      </c>
      <c r="CL13" s="26">
        <v>17246</v>
      </c>
      <c r="CM13" s="21">
        <v>0</v>
      </c>
      <c r="CN13" s="22">
        <v>0</v>
      </c>
      <c r="CO13" s="23">
        <v>0</v>
      </c>
      <c r="CP13" s="24">
        <v>0</v>
      </c>
      <c r="CQ13" s="22">
        <v>0</v>
      </c>
      <c r="CR13" s="22">
        <v>0</v>
      </c>
      <c r="CS13" s="22">
        <v>0</v>
      </c>
      <c r="CT13" s="22">
        <v>0</v>
      </c>
      <c r="CU13" s="22">
        <v>0</v>
      </c>
      <c r="CV13" s="25">
        <v>0</v>
      </c>
      <c r="CW13" s="26">
        <v>0</v>
      </c>
      <c r="CX13" s="21">
        <v>0</v>
      </c>
      <c r="CY13" s="22">
        <v>0</v>
      </c>
      <c r="CZ13" s="23">
        <v>0</v>
      </c>
      <c r="DA13" s="390">
        <v>0</v>
      </c>
      <c r="DB13" s="22">
        <v>0</v>
      </c>
      <c r="DC13" s="22">
        <v>0</v>
      </c>
      <c r="DD13" s="22">
        <v>0</v>
      </c>
      <c r="DE13" s="22">
        <v>0</v>
      </c>
      <c r="DF13" s="22">
        <v>0</v>
      </c>
      <c r="DG13" s="25">
        <v>0</v>
      </c>
      <c r="DH13" s="26">
        <v>0</v>
      </c>
      <c r="DI13" s="21">
        <v>0</v>
      </c>
      <c r="DJ13" s="22">
        <v>0</v>
      </c>
      <c r="DK13" s="23">
        <v>0</v>
      </c>
      <c r="DL13" s="24">
        <v>0</v>
      </c>
      <c r="DM13" s="22">
        <v>72016</v>
      </c>
      <c r="DN13" s="22">
        <v>211231</v>
      </c>
      <c r="DO13" s="22">
        <v>2233667</v>
      </c>
      <c r="DP13" s="22">
        <v>2618337</v>
      </c>
      <c r="DQ13" s="22">
        <v>1901278</v>
      </c>
      <c r="DR13" s="25">
        <v>7036529</v>
      </c>
      <c r="DS13" s="27">
        <v>7036529</v>
      </c>
      <c r="DT13" s="21">
        <v>0</v>
      </c>
      <c r="DU13" s="22">
        <v>0</v>
      </c>
      <c r="DV13" s="23">
        <v>0</v>
      </c>
      <c r="DW13" s="390">
        <v>0</v>
      </c>
      <c r="DX13" s="22">
        <v>35580</v>
      </c>
      <c r="DY13" s="22">
        <v>112770</v>
      </c>
      <c r="DZ13" s="22">
        <v>1946858</v>
      </c>
      <c r="EA13" s="22">
        <v>2337544</v>
      </c>
      <c r="EB13" s="22">
        <v>1702872</v>
      </c>
      <c r="EC13" s="25">
        <v>6135624</v>
      </c>
      <c r="ED13" s="26">
        <v>6135624</v>
      </c>
      <c r="EE13" s="21">
        <v>0</v>
      </c>
      <c r="EF13" s="22">
        <v>0</v>
      </c>
      <c r="EG13" s="23">
        <v>0</v>
      </c>
      <c r="EH13" s="390">
        <v>0</v>
      </c>
      <c r="EI13" s="22">
        <v>1575</v>
      </c>
      <c r="EJ13" s="22">
        <v>19126</v>
      </c>
      <c r="EK13" s="22">
        <v>71458</v>
      </c>
      <c r="EL13" s="22">
        <v>66276</v>
      </c>
      <c r="EM13" s="22">
        <v>89978</v>
      </c>
      <c r="EN13" s="25">
        <v>248413</v>
      </c>
      <c r="EO13" s="26">
        <v>248413</v>
      </c>
      <c r="EP13" s="21">
        <v>0</v>
      </c>
      <c r="EQ13" s="22">
        <v>0</v>
      </c>
      <c r="ER13" s="23">
        <v>0</v>
      </c>
      <c r="ES13" s="390">
        <v>0</v>
      </c>
      <c r="ET13" s="22">
        <v>0</v>
      </c>
      <c r="EU13" s="22">
        <v>0</v>
      </c>
      <c r="EV13" s="22">
        <v>0</v>
      </c>
      <c r="EW13" s="22">
        <v>0</v>
      </c>
      <c r="EX13" s="22">
        <v>0</v>
      </c>
      <c r="EY13" s="25">
        <v>0</v>
      </c>
      <c r="EZ13" s="26">
        <v>0</v>
      </c>
      <c r="FA13" s="21">
        <v>0</v>
      </c>
      <c r="FB13" s="22">
        <v>0</v>
      </c>
      <c r="FC13" s="23">
        <v>0</v>
      </c>
      <c r="FD13" s="390">
        <v>0</v>
      </c>
      <c r="FE13" s="22">
        <v>0</v>
      </c>
      <c r="FF13" s="22">
        <v>0</v>
      </c>
      <c r="FG13" s="22">
        <v>0</v>
      </c>
      <c r="FH13" s="22">
        <v>0</v>
      </c>
      <c r="FI13" s="22">
        <v>630</v>
      </c>
      <c r="FJ13" s="25">
        <v>630</v>
      </c>
      <c r="FK13" s="26">
        <v>630</v>
      </c>
      <c r="FL13" s="21">
        <v>0</v>
      </c>
      <c r="FM13" s="22">
        <v>0</v>
      </c>
      <c r="FN13" s="23">
        <v>0</v>
      </c>
      <c r="FO13" s="390">
        <v>0</v>
      </c>
      <c r="FP13" s="22">
        <v>0</v>
      </c>
      <c r="FQ13" s="22">
        <v>0</v>
      </c>
      <c r="FR13" s="22">
        <v>0</v>
      </c>
      <c r="FS13" s="22">
        <v>0</v>
      </c>
      <c r="FT13" s="22">
        <v>20880</v>
      </c>
      <c r="FU13" s="25">
        <v>20880</v>
      </c>
      <c r="FV13" s="26">
        <v>20880</v>
      </c>
      <c r="FW13" s="21">
        <v>0</v>
      </c>
      <c r="FX13" s="22">
        <v>0</v>
      </c>
      <c r="FY13" s="23">
        <v>0</v>
      </c>
      <c r="FZ13" s="24">
        <v>0</v>
      </c>
      <c r="GA13" s="22">
        <v>34749</v>
      </c>
      <c r="GB13" s="22">
        <v>79258</v>
      </c>
      <c r="GC13" s="22">
        <v>206015</v>
      </c>
      <c r="GD13" s="22">
        <v>214517</v>
      </c>
      <c r="GE13" s="22">
        <v>86862</v>
      </c>
      <c r="GF13" s="25">
        <v>621401</v>
      </c>
      <c r="GG13" s="26">
        <v>621401</v>
      </c>
      <c r="GH13" s="21">
        <v>0</v>
      </c>
      <c r="GI13" s="22">
        <v>0</v>
      </c>
      <c r="GJ13" s="23">
        <v>0</v>
      </c>
      <c r="GK13" s="24">
        <v>0</v>
      </c>
      <c r="GL13" s="22">
        <v>112</v>
      </c>
      <c r="GM13" s="22">
        <v>77</v>
      </c>
      <c r="GN13" s="22">
        <v>9336</v>
      </c>
      <c r="GO13" s="22">
        <v>0</v>
      </c>
      <c r="GP13" s="22">
        <v>56</v>
      </c>
      <c r="GQ13" s="25">
        <v>9581</v>
      </c>
      <c r="GR13" s="26">
        <v>9581</v>
      </c>
      <c r="GS13" s="21">
        <v>0</v>
      </c>
      <c r="GT13" s="22">
        <v>0</v>
      </c>
      <c r="GU13" s="23">
        <v>0</v>
      </c>
      <c r="GV13" s="24">
        <v>0</v>
      </c>
      <c r="GW13" s="22">
        <v>0</v>
      </c>
      <c r="GX13" s="22">
        <v>0</v>
      </c>
      <c r="GY13" s="22">
        <v>0</v>
      </c>
      <c r="GZ13" s="22">
        <v>0</v>
      </c>
      <c r="HA13" s="22">
        <v>0</v>
      </c>
      <c r="HB13" s="25">
        <v>0</v>
      </c>
      <c r="HC13" s="26">
        <v>0</v>
      </c>
      <c r="HD13" s="21">
        <v>0</v>
      </c>
      <c r="HE13" s="22">
        <v>0</v>
      </c>
      <c r="HF13" s="23">
        <v>0</v>
      </c>
      <c r="HG13" s="390">
        <v>0</v>
      </c>
      <c r="HH13" s="22">
        <v>0</v>
      </c>
      <c r="HI13" s="22">
        <v>0</v>
      </c>
      <c r="HJ13" s="22">
        <v>0</v>
      </c>
      <c r="HK13" s="22">
        <v>0</v>
      </c>
      <c r="HL13" s="22">
        <v>0</v>
      </c>
      <c r="HM13" s="25">
        <v>0</v>
      </c>
      <c r="HN13" s="26">
        <v>0</v>
      </c>
      <c r="HO13" s="21">
        <v>0</v>
      </c>
      <c r="HP13" s="22">
        <v>0</v>
      </c>
      <c r="HQ13" s="23">
        <v>0</v>
      </c>
      <c r="HR13" s="24">
        <v>0</v>
      </c>
      <c r="HS13" s="22">
        <v>173554</v>
      </c>
      <c r="HT13" s="22">
        <v>365731</v>
      </c>
      <c r="HU13" s="22">
        <v>4189249</v>
      </c>
      <c r="HV13" s="22">
        <v>4866832</v>
      </c>
      <c r="HW13" s="22">
        <v>3500103</v>
      </c>
      <c r="HX13" s="25">
        <v>13095469</v>
      </c>
      <c r="HY13" s="26">
        <v>13095469</v>
      </c>
    </row>
    <row r="14" spans="2:233" ht="21" customHeight="1" x14ac:dyDescent="0.2">
      <c r="B14" s="92" t="s">
        <v>10</v>
      </c>
      <c r="C14" s="21">
        <v>435</v>
      </c>
      <c r="D14" s="22">
        <v>10065</v>
      </c>
      <c r="E14" s="23">
        <v>10500</v>
      </c>
      <c r="F14" s="24">
        <v>0</v>
      </c>
      <c r="G14" s="22">
        <v>675582</v>
      </c>
      <c r="H14" s="22">
        <v>865850</v>
      </c>
      <c r="I14" s="22">
        <v>2710397</v>
      </c>
      <c r="J14" s="22">
        <v>4958781</v>
      </c>
      <c r="K14" s="22">
        <v>3250414</v>
      </c>
      <c r="L14" s="25">
        <v>12461024</v>
      </c>
      <c r="M14" s="26">
        <v>12471524</v>
      </c>
      <c r="N14" s="21">
        <v>0</v>
      </c>
      <c r="O14" s="22">
        <v>0</v>
      </c>
      <c r="P14" s="23">
        <v>0</v>
      </c>
      <c r="Q14" s="390">
        <v>0</v>
      </c>
      <c r="R14" s="22">
        <v>76200</v>
      </c>
      <c r="S14" s="22">
        <v>315600</v>
      </c>
      <c r="T14" s="22">
        <v>1908500</v>
      </c>
      <c r="U14" s="22">
        <v>3674145</v>
      </c>
      <c r="V14" s="22">
        <v>2462164</v>
      </c>
      <c r="W14" s="25">
        <v>8436609</v>
      </c>
      <c r="X14" s="26">
        <v>8436609</v>
      </c>
      <c r="Y14" s="21">
        <v>0</v>
      </c>
      <c r="Z14" s="22">
        <v>0</v>
      </c>
      <c r="AA14" s="23">
        <v>0</v>
      </c>
      <c r="AB14" s="390">
        <v>0</v>
      </c>
      <c r="AC14" s="22">
        <v>531000</v>
      </c>
      <c r="AD14" s="22">
        <v>434338</v>
      </c>
      <c r="AE14" s="22">
        <v>539898</v>
      </c>
      <c r="AF14" s="22">
        <v>898677</v>
      </c>
      <c r="AG14" s="22">
        <v>412540</v>
      </c>
      <c r="AH14" s="25">
        <v>2816453</v>
      </c>
      <c r="AI14" s="26">
        <v>2816453</v>
      </c>
      <c r="AJ14" s="21">
        <v>0</v>
      </c>
      <c r="AK14" s="22">
        <v>0</v>
      </c>
      <c r="AL14" s="23">
        <v>0</v>
      </c>
      <c r="AM14" s="390">
        <v>0</v>
      </c>
      <c r="AN14" s="22">
        <v>0</v>
      </c>
      <c r="AO14" s="22">
        <v>0</v>
      </c>
      <c r="AP14" s="22">
        <v>0</v>
      </c>
      <c r="AQ14" s="22">
        <v>0</v>
      </c>
      <c r="AR14" s="22">
        <v>0</v>
      </c>
      <c r="AS14" s="25">
        <v>0</v>
      </c>
      <c r="AT14" s="26">
        <v>0</v>
      </c>
      <c r="AU14" s="21">
        <v>0</v>
      </c>
      <c r="AV14" s="22">
        <v>0</v>
      </c>
      <c r="AW14" s="23">
        <v>0</v>
      </c>
      <c r="AX14" s="390">
        <v>0</v>
      </c>
      <c r="AY14" s="22">
        <v>0</v>
      </c>
      <c r="AZ14" s="22">
        <v>0</v>
      </c>
      <c r="BA14" s="22">
        <v>0</v>
      </c>
      <c r="BB14" s="22">
        <v>55500</v>
      </c>
      <c r="BC14" s="22">
        <v>144450</v>
      </c>
      <c r="BD14" s="25">
        <v>199950</v>
      </c>
      <c r="BE14" s="26">
        <v>199950</v>
      </c>
      <c r="BF14" s="21">
        <v>0</v>
      </c>
      <c r="BG14" s="22">
        <v>0</v>
      </c>
      <c r="BH14" s="23">
        <v>0</v>
      </c>
      <c r="BI14" s="390">
        <v>0</v>
      </c>
      <c r="BJ14" s="22">
        <v>0</v>
      </c>
      <c r="BK14" s="22">
        <v>0</v>
      </c>
      <c r="BL14" s="22">
        <v>0</v>
      </c>
      <c r="BM14" s="22">
        <v>34200</v>
      </c>
      <c r="BN14" s="22">
        <v>39215</v>
      </c>
      <c r="BO14" s="25">
        <v>73415</v>
      </c>
      <c r="BP14" s="26">
        <v>73415</v>
      </c>
      <c r="BQ14" s="21">
        <v>435</v>
      </c>
      <c r="BR14" s="22">
        <v>10065</v>
      </c>
      <c r="BS14" s="23">
        <v>10500</v>
      </c>
      <c r="BT14" s="24">
        <v>0</v>
      </c>
      <c r="BU14" s="22">
        <v>67077</v>
      </c>
      <c r="BV14" s="22">
        <v>115912</v>
      </c>
      <c r="BW14" s="22">
        <v>245183</v>
      </c>
      <c r="BX14" s="22">
        <v>292148</v>
      </c>
      <c r="BY14" s="22">
        <v>176062</v>
      </c>
      <c r="BZ14" s="25">
        <v>896382</v>
      </c>
      <c r="CA14" s="26">
        <v>906882</v>
      </c>
      <c r="CB14" s="21">
        <v>0</v>
      </c>
      <c r="CC14" s="22">
        <v>0</v>
      </c>
      <c r="CD14" s="23">
        <v>0</v>
      </c>
      <c r="CE14" s="24">
        <v>0</v>
      </c>
      <c r="CF14" s="22">
        <v>1305</v>
      </c>
      <c r="CG14" s="22">
        <v>0</v>
      </c>
      <c r="CH14" s="22">
        <v>16816</v>
      </c>
      <c r="CI14" s="22">
        <v>4111</v>
      </c>
      <c r="CJ14" s="22">
        <v>15983</v>
      </c>
      <c r="CK14" s="25">
        <v>38215</v>
      </c>
      <c r="CL14" s="26">
        <v>38215</v>
      </c>
      <c r="CM14" s="21">
        <v>0</v>
      </c>
      <c r="CN14" s="22">
        <v>0</v>
      </c>
      <c r="CO14" s="23">
        <v>0</v>
      </c>
      <c r="CP14" s="24">
        <v>0</v>
      </c>
      <c r="CQ14" s="22">
        <v>0</v>
      </c>
      <c r="CR14" s="22">
        <v>0</v>
      </c>
      <c r="CS14" s="22">
        <v>0</v>
      </c>
      <c r="CT14" s="22">
        <v>0</v>
      </c>
      <c r="CU14" s="22">
        <v>0</v>
      </c>
      <c r="CV14" s="25">
        <v>0</v>
      </c>
      <c r="CW14" s="26">
        <v>0</v>
      </c>
      <c r="CX14" s="21">
        <v>0</v>
      </c>
      <c r="CY14" s="22">
        <v>0</v>
      </c>
      <c r="CZ14" s="23">
        <v>0</v>
      </c>
      <c r="DA14" s="390">
        <v>0</v>
      </c>
      <c r="DB14" s="22">
        <v>0</v>
      </c>
      <c r="DC14" s="22">
        <v>0</v>
      </c>
      <c r="DD14" s="22">
        <v>0</v>
      </c>
      <c r="DE14" s="22">
        <v>0</v>
      </c>
      <c r="DF14" s="22">
        <v>0</v>
      </c>
      <c r="DG14" s="25">
        <v>0</v>
      </c>
      <c r="DH14" s="26">
        <v>0</v>
      </c>
      <c r="DI14" s="21">
        <v>1404</v>
      </c>
      <c r="DJ14" s="22">
        <v>12840</v>
      </c>
      <c r="DK14" s="23">
        <v>14244</v>
      </c>
      <c r="DL14" s="24">
        <v>0</v>
      </c>
      <c r="DM14" s="22">
        <v>306744</v>
      </c>
      <c r="DN14" s="22">
        <v>829163</v>
      </c>
      <c r="DO14" s="22">
        <v>3491254</v>
      </c>
      <c r="DP14" s="22">
        <v>6228157</v>
      </c>
      <c r="DQ14" s="22">
        <v>4126901</v>
      </c>
      <c r="DR14" s="25">
        <v>14982219</v>
      </c>
      <c r="DS14" s="27">
        <v>14996463</v>
      </c>
      <c r="DT14" s="21">
        <v>0</v>
      </c>
      <c r="DU14" s="22">
        <v>0</v>
      </c>
      <c r="DV14" s="23">
        <v>0</v>
      </c>
      <c r="DW14" s="390">
        <v>0</v>
      </c>
      <c r="DX14" s="22">
        <v>153600</v>
      </c>
      <c r="DY14" s="22">
        <v>504934</v>
      </c>
      <c r="DZ14" s="22">
        <v>2974338</v>
      </c>
      <c r="EA14" s="22">
        <v>5631605</v>
      </c>
      <c r="EB14" s="22">
        <v>3691704</v>
      </c>
      <c r="EC14" s="25">
        <v>12956181</v>
      </c>
      <c r="ED14" s="26">
        <v>12956181</v>
      </c>
      <c r="EE14" s="21">
        <v>0</v>
      </c>
      <c r="EF14" s="22">
        <v>0</v>
      </c>
      <c r="EG14" s="23">
        <v>0</v>
      </c>
      <c r="EH14" s="390">
        <v>0</v>
      </c>
      <c r="EI14" s="22">
        <v>40052</v>
      </c>
      <c r="EJ14" s="22">
        <v>114067</v>
      </c>
      <c r="EK14" s="22">
        <v>110150</v>
      </c>
      <c r="EL14" s="22">
        <v>86713</v>
      </c>
      <c r="EM14" s="22">
        <v>82093</v>
      </c>
      <c r="EN14" s="25">
        <v>433075</v>
      </c>
      <c r="EO14" s="26">
        <v>433075</v>
      </c>
      <c r="EP14" s="21">
        <v>0</v>
      </c>
      <c r="EQ14" s="22">
        <v>0</v>
      </c>
      <c r="ER14" s="23">
        <v>0</v>
      </c>
      <c r="ES14" s="390">
        <v>0</v>
      </c>
      <c r="ET14" s="22">
        <v>0</v>
      </c>
      <c r="EU14" s="22">
        <v>0</v>
      </c>
      <c r="EV14" s="22">
        <v>0</v>
      </c>
      <c r="EW14" s="22">
        <v>0</v>
      </c>
      <c r="EX14" s="22">
        <v>0</v>
      </c>
      <c r="EY14" s="25">
        <v>0</v>
      </c>
      <c r="EZ14" s="26">
        <v>0</v>
      </c>
      <c r="FA14" s="21">
        <v>0</v>
      </c>
      <c r="FB14" s="22">
        <v>0</v>
      </c>
      <c r="FC14" s="23">
        <v>0</v>
      </c>
      <c r="FD14" s="390">
        <v>0</v>
      </c>
      <c r="FE14" s="22">
        <v>0</v>
      </c>
      <c r="FF14" s="22">
        <v>0</v>
      </c>
      <c r="FG14" s="22">
        <v>0</v>
      </c>
      <c r="FH14" s="22">
        <v>420</v>
      </c>
      <c r="FI14" s="22">
        <v>2310</v>
      </c>
      <c r="FJ14" s="25">
        <v>2730</v>
      </c>
      <c r="FK14" s="26">
        <v>2730</v>
      </c>
      <c r="FL14" s="21">
        <v>0</v>
      </c>
      <c r="FM14" s="22">
        <v>0</v>
      </c>
      <c r="FN14" s="23">
        <v>0</v>
      </c>
      <c r="FO14" s="390">
        <v>0</v>
      </c>
      <c r="FP14" s="22">
        <v>0</v>
      </c>
      <c r="FQ14" s="22">
        <v>0</v>
      </c>
      <c r="FR14" s="22">
        <v>0</v>
      </c>
      <c r="FS14" s="22">
        <v>46110</v>
      </c>
      <c r="FT14" s="22">
        <v>97524</v>
      </c>
      <c r="FU14" s="25">
        <v>143634</v>
      </c>
      <c r="FV14" s="26">
        <v>143634</v>
      </c>
      <c r="FW14" s="21">
        <v>1404</v>
      </c>
      <c r="FX14" s="22">
        <v>12840</v>
      </c>
      <c r="FY14" s="23">
        <v>14244</v>
      </c>
      <c r="FZ14" s="24">
        <v>0</v>
      </c>
      <c r="GA14" s="22">
        <v>113022</v>
      </c>
      <c r="GB14" s="22">
        <v>210162</v>
      </c>
      <c r="GC14" s="22">
        <v>406591</v>
      </c>
      <c r="GD14" s="22">
        <v>462980</v>
      </c>
      <c r="GE14" s="22">
        <v>241042</v>
      </c>
      <c r="GF14" s="25">
        <v>1433797</v>
      </c>
      <c r="GG14" s="26">
        <v>1448041</v>
      </c>
      <c r="GH14" s="21">
        <v>0</v>
      </c>
      <c r="GI14" s="22">
        <v>0</v>
      </c>
      <c r="GJ14" s="23">
        <v>0</v>
      </c>
      <c r="GK14" s="24">
        <v>0</v>
      </c>
      <c r="GL14" s="22">
        <v>70</v>
      </c>
      <c r="GM14" s="22">
        <v>0</v>
      </c>
      <c r="GN14" s="22">
        <v>175</v>
      </c>
      <c r="GO14" s="22">
        <v>329</v>
      </c>
      <c r="GP14" s="22">
        <v>12228</v>
      </c>
      <c r="GQ14" s="25">
        <v>12802</v>
      </c>
      <c r="GR14" s="26">
        <v>12802</v>
      </c>
      <c r="GS14" s="21">
        <v>0</v>
      </c>
      <c r="GT14" s="22">
        <v>0</v>
      </c>
      <c r="GU14" s="23">
        <v>0</v>
      </c>
      <c r="GV14" s="24">
        <v>0</v>
      </c>
      <c r="GW14" s="22">
        <v>0</v>
      </c>
      <c r="GX14" s="22">
        <v>0</v>
      </c>
      <c r="GY14" s="22">
        <v>0</v>
      </c>
      <c r="GZ14" s="22">
        <v>0</v>
      </c>
      <c r="HA14" s="22">
        <v>0</v>
      </c>
      <c r="HB14" s="25">
        <v>0</v>
      </c>
      <c r="HC14" s="26">
        <v>0</v>
      </c>
      <c r="HD14" s="21">
        <v>0</v>
      </c>
      <c r="HE14" s="22">
        <v>0</v>
      </c>
      <c r="HF14" s="23">
        <v>0</v>
      </c>
      <c r="HG14" s="390">
        <v>0</v>
      </c>
      <c r="HH14" s="22">
        <v>0</v>
      </c>
      <c r="HI14" s="22">
        <v>0</v>
      </c>
      <c r="HJ14" s="22">
        <v>0</v>
      </c>
      <c r="HK14" s="22">
        <v>0</v>
      </c>
      <c r="HL14" s="22">
        <v>0</v>
      </c>
      <c r="HM14" s="25">
        <v>0</v>
      </c>
      <c r="HN14" s="26">
        <v>0</v>
      </c>
      <c r="HO14" s="21">
        <v>1839</v>
      </c>
      <c r="HP14" s="22">
        <v>22905</v>
      </c>
      <c r="HQ14" s="23">
        <v>24744</v>
      </c>
      <c r="HR14" s="24">
        <v>0</v>
      </c>
      <c r="HS14" s="22">
        <v>982326</v>
      </c>
      <c r="HT14" s="22">
        <v>1695013</v>
      </c>
      <c r="HU14" s="22">
        <v>6201651</v>
      </c>
      <c r="HV14" s="22">
        <v>11186938</v>
      </c>
      <c r="HW14" s="22">
        <v>7377315</v>
      </c>
      <c r="HX14" s="25">
        <v>27443243</v>
      </c>
      <c r="HY14" s="26">
        <v>27467987</v>
      </c>
    </row>
    <row r="15" spans="2:233" ht="21" customHeight="1" x14ac:dyDescent="0.2">
      <c r="B15" s="92" t="s">
        <v>11</v>
      </c>
      <c r="C15" s="21">
        <v>1535</v>
      </c>
      <c r="D15" s="22">
        <v>7025</v>
      </c>
      <c r="E15" s="23">
        <v>8560</v>
      </c>
      <c r="F15" s="24">
        <v>0</v>
      </c>
      <c r="G15" s="22">
        <v>-238813</v>
      </c>
      <c r="H15" s="22">
        <v>859142</v>
      </c>
      <c r="I15" s="22">
        <v>2721549</v>
      </c>
      <c r="J15" s="22">
        <v>4362466</v>
      </c>
      <c r="K15" s="22">
        <v>2606100</v>
      </c>
      <c r="L15" s="25">
        <v>10310444</v>
      </c>
      <c r="M15" s="26">
        <v>10319004</v>
      </c>
      <c r="N15" s="21">
        <v>0</v>
      </c>
      <c r="O15" s="22">
        <v>0</v>
      </c>
      <c r="P15" s="23">
        <v>0</v>
      </c>
      <c r="Q15" s="390">
        <v>0</v>
      </c>
      <c r="R15" s="22">
        <v>2550</v>
      </c>
      <c r="S15" s="22">
        <v>76650</v>
      </c>
      <c r="T15" s="22">
        <v>1785565</v>
      </c>
      <c r="U15" s="22">
        <v>2745414</v>
      </c>
      <c r="V15" s="22">
        <v>1842855</v>
      </c>
      <c r="W15" s="25">
        <v>6453034</v>
      </c>
      <c r="X15" s="26">
        <v>6453034</v>
      </c>
      <c r="Y15" s="21">
        <v>0</v>
      </c>
      <c r="Z15" s="22">
        <v>0</v>
      </c>
      <c r="AA15" s="23">
        <v>0</v>
      </c>
      <c r="AB15" s="390">
        <v>0</v>
      </c>
      <c r="AC15" s="22">
        <v>-339265</v>
      </c>
      <c r="AD15" s="22">
        <v>556037</v>
      </c>
      <c r="AE15" s="22">
        <v>566285</v>
      </c>
      <c r="AF15" s="22">
        <v>1245897</v>
      </c>
      <c r="AG15" s="22">
        <v>302340</v>
      </c>
      <c r="AH15" s="25">
        <v>2331294</v>
      </c>
      <c r="AI15" s="26">
        <v>2331294</v>
      </c>
      <c r="AJ15" s="21">
        <v>0</v>
      </c>
      <c r="AK15" s="22">
        <v>0</v>
      </c>
      <c r="AL15" s="23">
        <v>0</v>
      </c>
      <c r="AM15" s="390">
        <v>0</v>
      </c>
      <c r="AN15" s="22">
        <v>0</v>
      </c>
      <c r="AO15" s="22">
        <v>0</v>
      </c>
      <c r="AP15" s="22">
        <v>0</v>
      </c>
      <c r="AQ15" s="22">
        <v>0</v>
      </c>
      <c r="AR15" s="22">
        <v>0</v>
      </c>
      <c r="AS15" s="25">
        <v>0</v>
      </c>
      <c r="AT15" s="26">
        <v>0</v>
      </c>
      <c r="AU15" s="21">
        <v>0</v>
      </c>
      <c r="AV15" s="22">
        <v>0</v>
      </c>
      <c r="AW15" s="23">
        <v>0</v>
      </c>
      <c r="AX15" s="390">
        <v>0</v>
      </c>
      <c r="AY15" s="22">
        <v>52980</v>
      </c>
      <c r="AZ15" s="22">
        <v>102835</v>
      </c>
      <c r="BA15" s="22">
        <v>26400</v>
      </c>
      <c r="BB15" s="22">
        <v>158200</v>
      </c>
      <c r="BC15" s="22">
        <v>370385</v>
      </c>
      <c r="BD15" s="25">
        <v>710800</v>
      </c>
      <c r="BE15" s="26">
        <v>710800</v>
      </c>
      <c r="BF15" s="21">
        <v>0</v>
      </c>
      <c r="BG15" s="22">
        <v>0</v>
      </c>
      <c r="BH15" s="23">
        <v>0</v>
      </c>
      <c r="BI15" s="390">
        <v>0</v>
      </c>
      <c r="BJ15" s="22">
        <v>0</v>
      </c>
      <c r="BK15" s="22">
        <v>0</v>
      </c>
      <c r="BL15" s="22">
        <v>0</v>
      </c>
      <c r="BM15" s="22">
        <v>41785</v>
      </c>
      <c r="BN15" s="22">
        <v>0</v>
      </c>
      <c r="BO15" s="25">
        <v>41785</v>
      </c>
      <c r="BP15" s="26">
        <v>41785</v>
      </c>
      <c r="BQ15" s="21">
        <v>1535</v>
      </c>
      <c r="BR15" s="22">
        <v>7025</v>
      </c>
      <c r="BS15" s="23">
        <v>8560</v>
      </c>
      <c r="BT15" s="24">
        <v>0</v>
      </c>
      <c r="BU15" s="22">
        <v>40774</v>
      </c>
      <c r="BV15" s="22">
        <v>98945</v>
      </c>
      <c r="BW15" s="22">
        <v>335864</v>
      </c>
      <c r="BX15" s="22">
        <v>170710</v>
      </c>
      <c r="BY15" s="22">
        <v>87595</v>
      </c>
      <c r="BZ15" s="25">
        <v>733888</v>
      </c>
      <c r="CA15" s="26">
        <v>742448</v>
      </c>
      <c r="CB15" s="21">
        <v>0</v>
      </c>
      <c r="CC15" s="22">
        <v>0</v>
      </c>
      <c r="CD15" s="23">
        <v>0</v>
      </c>
      <c r="CE15" s="24">
        <v>0</v>
      </c>
      <c r="CF15" s="22">
        <v>4148</v>
      </c>
      <c r="CG15" s="22">
        <v>24675</v>
      </c>
      <c r="CH15" s="22">
        <v>7435</v>
      </c>
      <c r="CI15" s="22">
        <v>460</v>
      </c>
      <c r="CJ15" s="22">
        <v>2925</v>
      </c>
      <c r="CK15" s="25">
        <v>39643</v>
      </c>
      <c r="CL15" s="26">
        <v>39643</v>
      </c>
      <c r="CM15" s="21">
        <v>0</v>
      </c>
      <c r="CN15" s="22">
        <v>0</v>
      </c>
      <c r="CO15" s="23">
        <v>0</v>
      </c>
      <c r="CP15" s="24">
        <v>0</v>
      </c>
      <c r="CQ15" s="22">
        <v>0</v>
      </c>
      <c r="CR15" s="22">
        <v>0</v>
      </c>
      <c r="CS15" s="22">
        <v>0</v>
      </c>
      <c r="CT15" s="22">
        <v>0</v>
      </c>
      <c r="CU15" s="22">
        <v>0</v>
      </c>
      <c r="CV15" s="25">
        <v>0</v>
      </c>
      <c r="CW15" s="26">
        <v>0</v>
      </c>
      <c r="CX15" s="21">
        <v>0</v>
      </c>
      <c r="CY15" s="22">
        <v>0</v>
      </c>
      <c r="CZ15" s="23">
        <v>0</v>
      </c>
      <c r="DA15" s="390">
        <v>0</v>
      </c>
      <c r="DB15" s="22">
        <v>0</v>
      </c>
      <c r="DC15" s="22">
        <v>0</v>
      </c>
      <c r="DD15" s="22">
        <v>0</v>
      </c>
      <c r="DE15" s="22">
        <v>0</v>
      </c>
      <c r="DF15" s="22">
        <v>0</v>
      </c>
      <c r="DG15" s="25">
        <v>0</v>
      </c>
      <c r="DH15" s="26">
        <v>0</v>
      </c>
      <c r="DI15" s="21">
        <v>1755</v>
      </c>
      <c r="DJ15" s="22">
        <v>10282</v>
      </c>
      <c r="DK15" s="23">
        <v>12037</v>
      </c>
      <c r="DL15" s="24">
        <v>0</v>
      </c>
      <c r="DM15" s="22">
        <v>-61392</v>
      </c>
      <c r="DN15" s="22">
        <v>298036</v>
      </c>
      <c r="DO15" s="22">
        <v>2489199</v>
      </c>
      <c r="DP15" s="22">
        <v>4308421</v>
      </c>
      <c r="DQ15" s="22">
        <v>2143008</v>
      </c>
      <c r="DR15" s="25">
        <v>9177272</v>
      </c>
      <c r="DS15" s="27">
        <v>9189309</v>
      </c>
      <c r="DT15" s="21">
        <v>0</v>
      </c>
      <c r="DU15" s="22">
        <v>0</v>
      </c>
      <c r="DV15" s="23">
        <v>0</v>
      </c>
      <c r="DW15" s="390">
        <v>0</v>
      </c>
      <c r="DX15" s="22">
        <v>20880</v>
      </c>
      <c r="DY15" s="22">
        <v>79080</v>
      </c>
      <c r="DZ15" s="22">
        <v>2044222</v>
      </c>
      <c r="EA15" s="22">
        <v>3653435</v>
      </c>
      <c r="EB15" s="22">
        <v>1943811</v>
      </c>
      <c r="EC15" s="25">
        <v>7741428</v>
      </c>
      <c r="ED15" s="26">
        <v>7741428</v>
      </c>
      <c r="EE15" s="21">
        <v>0</v>
      </c>
      <c r="EF15" s="22">
        <v>0</v>
      </c>
      <c r="EG15" s="23">
        <v>0</v>
      </c>
      <c r="EH15" s="390">
        <v>0</v>
      </c>
      <c r="EI15" s="22">
        <v>-153976</v>
      </c>
      <c r="EJ15" s="22">
        <v>70964</v>
      </c>
      <c r="EK15" s="22">
        <v>94939</v>
      </c>
      <c r="EL15" s="22">
        <v>360647</v>
      </c>
      <c r="EM15" s="22">
        <v>4200</v>
      </c>
      <c r="EN15" s="25">
        <v>376774</v>
      </c>
      <c r="EO15" s="26">
        <v>376774</v>
      </c>
      <c r="EP15" s="21">
        <v>0</v>
      </c>
      <c r="EQ15" s="22">
        <v>0</v>
      </c>
      <c r="ER15" s="23">
        <v>0</v>
      </c>
      <c r="ES15" s="390">
        <v>0</v>
      </c>
      <c r="ET15" s="22">
        <v>0</v>
      </c>
      <c r="EU15" s="22">
        <v>0</v>
      </c>
      <c r="EV15" s="22">
        <v>0</v>
      </c>
      <c r="EW15" s="22">
        <v>0</v>
      </c>
      <c r="EX15" s="22">
        <v>0</v>
      </c>
      <c r="EY15" s="25">
        <v>0</v>
      </c>
      <c r="EZ15" s="26">
        <v>0</v>
      </c>
      <c r="FA15" s="21">
        <v>0</v>
      </c>
      <c r="FB15" s="22">
        <v>0</v>
      </c>
      <c r="FC15" s="23">
        <v>0</v>
      </c>
      <c r="FD15" s="390">
        <v>0</v>
      </c>
      <c r="FE15" s="22">
        <v>19875</v>
      </c>
      <c r="FF15" s="22">
        <v>13957</v>
      </c>
      <c r="FG15" s="22">
        <v>420</v>
      </c>
      <c r="FH15" s="22">
        <v>14370</v>
      </c>
      <c r="FI15" s="22">
        <v>85323</v>
      </c>
      <c r="FJ15" s="25">
        <v>133945</v>
      </c>
      <c r="FK15" s="26">
        <v>133945</v>
      </c>
      <c r="FL15" s="21">
        <v>0</v>
      </c>
      <c r="FM15" s="22">
        <v>0</v>
      </c>
      <c r="FN15" s="23">
        <v>0</v>
      </c>
      <c r="FO15" s="390">
        <v>0</v>
      </c>
      <c r="FP15" s="22">
        <v>0</v>
      </c>
      <c r="FQ15" s="22">
        <v>0</v>
      </c>
      <c r="FR15" s="22">
        <v>0</v>
      </c>
      <c r="FS15" s="22">
        <v>48158</v>
      </c>
      <c r="FT15" s="22">
        <v>0</v>
      </c>
      <c r="FU15" s="25">
        <v>48158</v>
      </c>
      <c r="FV15" s="26">
        <v>48158</v>
      </c>
      <c r="FW15" s="21">
        <v>1755</v>
      </c>
      <c r="FX15" s="22">
        <v>10282</v>
      </c>
      <c r="FY15" s="23">
        <v>12037</v>
      </c>
      <c r="FZ15" s="24">
        <v>0</v>
      </c>
      <c r="GA15" s="22">
        <v>51696</v>
      </c>
      <c r="GB15" s="22">
        <v>124823</v>
      </c>
      <c r="GC15" s="22">
        <v>349555</v>
      </c>
      <c r="GD15" s="22">
        <v>231776</v>
      </c>
      <c r="GE15" s="22">
        <v>106044</v>
      </c>
      <c r="GF15" s="25">
        <v>863894</v>
      </c>
      <c r="GG15" s="26">
        <v>875931</v>
      </c>
      <c r="GH15" s="21">
        <v>0</v>
      </c>
      <c r="GI15" s="22">
        <v>0</v>
      </c>
      <c r="GJ15" s="23">
        <v>0</v>
      </c>
      <c r="GK15" s="24">
        <v>0</v>
      </c>
      <c r="GL15" s="22">
        <v>133</v>
      </c>
      <c r="GM15" s="22">
        <v>9212</v>
      </c>
      <c r="GN15" s="22">
        <v>63</v>
      </c>
      <c r="GO15" s="22">
        <v>35</v>
      </c>
      <c r="GP15" s="22">
        <v>3630</v>
      </c>
      <c r="GQ15" s="25">
        <v>13073</v>
      </c>
      <c r="GR15" s="26">
        <v>13073</v>
      </c>
      <c r="GS15" s="21">
        <v>0</v>
      </c>
      <c r="GT15" s="22">
        <v>0</v>
      </c>
      <c r="GU15" s="23">
        <v>0</v>
      </c>
      <c r="GV15" s="24">
        <v>0</v>
      </c>
      <c r="GW15" s="22">
        <v>0</v>
      </c>
      <c r="GX15" s="22">
        <v>0</v>
      </c>
      <c r="GY15" s="22">
        <v>0</v>
      </c>
      <c r="GZ15" s="22">
        <v>0</v>
      </c>
      <c r="HA15" s="22">
        <v>0</v>
      </c>
      <c r="HB15" s="25">
        <v>0</v>
      </c>
      <c r="HC15" s="26">
        <v>0</v>
      </c>
      <c r="HD15" s="21">
        <v>0</v>
      </c>
      <c r="HE15" s="22">
        <v>0</v>
      </c>
      <c r="HF15" s="23">
        <v>0</v>
      </c>
      <c r="HG15" s="390">
        <v>0</v>
      </c>
      <c r="HH15" s="22">
        <v>0</v>
      </c>
      <c r="HI15" s="22">
        <v>0</v>
      </c>
      <c r="HJ15" s="22">
        <v>0</v>
      </c>
      <c r="HK15" s="22">
        <v>0</v>
      </c>
      <c r="HL15" s="22">
        <v>0</v>
      </c>
      <c r="HM15" s="25">
        <v>0</v>
      </c>
      <c r="HN15" s="26">
        <v>0</v>
      </c>
      <c r="HO15" s="21">
        <v>3290</v>
      </c>
      <c r="HP15" s="22">
        <v>17307</v>
      </c>
      <c r="HQ15" s="23">
        <v>20597</v>
      </c>
      <c r="HR15" s="24">
        <v>0</v>
      </c>
      <c r="HS15" s="22">
        <v>-300205</v>
      </c>
      <c r="HT15" s="22">
        <v>1157178</v>
      </c>
      <c r="HU15" s="22">
        <v>5210748</v>
      </c>
      <c r="HV15" s="22">
        <v>8670887</v>
      </c>
      <c r="HW15" s="22">
        <v>4749108</v>
      </c>
      <c r="HX15" s="25">
        <v>19487716</v>
      </c>
      <c r="HY15" s="26">
        <v>19508313</v>
      </c>
    </row>
    <row r="16" spans="2:233" ht="21" customHeight="1" x14ac:dyDescent="0.2">
      <c r="B16" s="92" t="s">
        <v>12</v>
      </c>
      <c r="C16" s="21">
        <v>0</v>
      </c>
      <c r="D16" s="22">
        <v>580</v>
      </c>
      <c r="E16" s="23">
        <v>580</v>
      </c>
      <c r="F16" s="24">
        <v>0</v>
      </c>
      <c r="G16" s="22">
        <v>151466</v>
      </c>
      <c r="H16" s="22">
        <v>852607</v>
      </c>
      <c r="I16" s="22">
        <v>2224142</v>
      </c>
      <c r="J16" s="22">
        <v>3299213</v>
      </c>
      <c r="K16" s="22">
        <v>1530887</v>
      </c>
      <c r="L16" s="25">
        <v>8058315</v>
      </c>
      <c r="M16" s="26">
        <v>8058895</v>
      </c>
      <c r="N16" s="21">
        <v>0</v>
      </c>
      <c r="O16" s="22">
        <v>0</v>
      </c>
      <c r="P16" s="23">
        <v>0</v>
      </c>
      <c r="Q16" s="390">
        <v>0</v>
      </c>
      <c r="R16" s="22">
        <v>2550</v>
      </c>
      <c r="S16" s="22">
        <v>68780</v>
      </c>
      <c r="T16" s="22">
        <v>1282965</v>
      </c>
      <c r="U16" s="22">
        <v>2221465</v>
      </c>
      <c r="V16" s="22">
        <v>1032979</v>
      </c>
      <c r="W16" s="25">
        <v>4608739</v>
      </c>
      <c r="X16" s="26">
        <v>4608739</v>
      </c>
      <c r="Y16" s="21">
        <v>0</v>
      </c>
      <c r="Z16" s="22">
        <v>0</v>
      </c>
      <c r="AA16" s="23">
        <v>0</v>
      </c>
      <c r="AB16" s="390">
        <v>0</v>
      </c>
      <c r="AC16" s="22">
        <v>53410</v>
      </c>
      <c r="AD16" s="22">
        <v>692740</v>
      </c>
      <c r="AE16" s="22">
        <v>673005</v>
      </c>
      <c r="AF16" s="22">
        <v>749596</v>
      </c>
      <c r="AG16" s="22">
        <v>370150</v>
      </c>
      <c r="AH16" s="25">
        <v>2538901</v>
      </c>
      <c r="AI16" s="26">
        <v>2538901</v>
      </c>
      <c r="AJ16" s="21">
        <v>0</v>
      </c>
      <c r="AK16" s="22">
        <v>0</v>
      </c>
      <c r="AL16" s="23">
        <v>0</v>
      </c>
      <c r="AM16" s="390">
        <v>0</v>
      </c>
      <c r="AN16" s="22">
        <v>0</v>
      </c>
      <c r="AO16" s="22">
        <v>0</v>
      </c>
      <c r="AP16" s="22">
        <v>0</v>
      </c>
      <c r="AQ16" s="22">
        <v>0</v>
      </c>
      <c r="AR16" s="22">
        <v>0</v>
      </c>
      <c r="AS16" s="25">
        <v>0</v>
      </c>
      <c r="AT16" s="26">
        <v>0</v>
      </c>
      <c r="AU16" s="21">
        <v>0</v>
      </c>
      <c r="AV16" s="22">
        <v>0</v>
      </c>
      <c r="AW16" s="23">
        <v>0</v>
      </c>
      <c r="AX16" s="390">
        <v>0</v>
      </c>
      <c r="AY16" s="22">
        <v>0</v>
      </c>
      <c r="AZ16" s="22">
        <v>0</v>
      </c>
      <c r="BA16" s="22">
        <v>2550</v>
      </c>
      <c r="BB16" s="22">
        <v>70950</v>
      </c>
      <c r="BC16" s="22">
        <v>53595</v>
      </c>
      <c r="BD16" s="25">
        <v>127095</v>
      </c>
      <c r="BE16" s="26">
        <v>127095</v>
      </c>
      <c r="BF16" s="21">
        <v>0</v>
      </c>
      <c r="BG16" s="22">
        <v>0</v>
      </c>
      <c r="BH16" s="23">
        <v>0</v>
      </c>
      <c r="BI16" s="390">
        <v>0</v>
      </c>
      <c r="BJ16" s="22">
        <v>0</v>
      </c>
      <c r="BK16" s="22">
        <v>0</v>
      </c>
      <c r="BL16" s="22">
        <v>58155</v>
      </c>
      <c r="BM16" s="22">
        <v>127130</v>
      </c>
      <c r="BN16" s="22">
        <v>31650</v>
      </c>
      <c r="BO16" s="25">
        <v>216935</v>
      </c>
      <c r="BP16" s="26">
        <v>216935</v>
      </c>
      <c r="BQ16" s="21">
        <v>0</v>
      </c>
      <c r="BR16" s="22">
        <v>580</v>
      </c>
      <c r="BS16" s="23">
        <v>580</v>
      </c>
      <c r="BT16" s="24">
        <v>0</v>
      </c>
      <c r="BU16" s="22">
        <v>94248</v>
      </c>
      <c r="BV16" s="22">
        <v>91087</v>
      </c>
      <c r="BW16" s="22">
        <v>204732</v>
      </c>
      <c r="BX16" s="22">
        <v>128792</v>
      </c>
      <c r="BY16" s="22">
        <v>42513</v>
      </c>
      <c r="BZ16" s="25">
        <v>561372</v>
      </c>
      <c r="CA16" s="26">
        <v>561952</v>
      </c>
      <c r="CB16" s="21">
        <v>0</v>
      </c>
      <c r="CC16" s="22">
        <v>0</v>
      </c>
      <c r="CD16" s="23">
        <v>0</v>
      </c>
      <c r="CE16" s="24">
        <v>0</v>
      </c>
      <c r="CF16" s="22">
        <v>1258</v>
      </c>
      <c r="CG16" s="22">
        <v>0</v>
      </c>
      <c r="CH16" s="22">
        <v>2735</v>
      </c>
      <c r="CI16" s="22">
        <v>1280</v>
      </c>
      <c r="CJ16" s="22">
        <v>0</v>
      </c>
      <c r="CK16" s="25">
        <v>5273</v>
      </c>
      <c r="CL16" s="26">
        <v>5273</v>
      </c>
      <c r="CM16" s="21">
        <v>0</v>
      </c>
      <c r="CN16" s="22">
        <v>0</v>
      </c>
      <c r="CO16" s="23">
        <v>0</v>
      </c>
      <c r="CP16" s="24">
        <v>0</v>
      </c>
      <c r="CQ16" s="22">
        <v>0</v>
      </c>
      <c r="CR16" s="22">
        <v>0</v>
      </c>
      <c r="CS16" s="22">
        <v>0</v>
      </c>
      <c r="CT16" s="22">
        <v>0</v>
      </c>
      <c r="CU16" s="22">
        <v>0</v>
      </c>
      <c r="CV16" s="25">
        <v>0</v>
      </c>
      <c r="CW16" s="26">
        <v>0</v>
      </c>
      <c r="CX16" s="21">
        <v>0</v>
      </c>
      <c r="CY16" s="22">
        <v>0</v>
      </c>
      <c r="CZ16" s="23">
        <v>0</v>
      </c>
      <c r="DA16" s="390">
        <v>0</v>
      </c>
      <c r="DB16" s="22">
        <v>0</v>
      </c>
      <c r="DC16" s="22">
        <v>0</v>
      </c>
      <c r="DD16" s="22">
        <v>0</v>
      </c>
      <c r="DE16" s="22">
        <v>0</v>
      </c>
      <c r="DF16" s="22">
        <v>0</v>
      </c>
      <c r="DG16" s="25">
        <v>0</v>
      </c>
      <c r="DH16" s="26">
        <v>0</v>
      </c>
      <c r="DI16" s="21">
        <v>0</v>
      </c>
      <c r="DJ16" s="22">
        <v>4176</v>
      </c>
      <c r="DK16" s="23">
        <v>4176</v>
      </c>
      <c r="DL16" s="24">
        <v>0</v>
      </c>
      <c r="DM16" s="22">
        <v>149561</v>
      </c>
      <c r="DN16" s="22">
        <v>509346</v>
      </c>
      <c r="DO16" s="22">
        <v>2635959</v>
      </c>
      <c r="DP16" s="22">
        <v>3450415</v>
      </c>
      <c r="DQ16" s="22">
        <v>1762324</v>
      </c>
      <c r="DR16" s="25">
        <v>8507605</v>
      </c>
      <c r="DS16" s="27">
        <v>8511781</v>
      </c>
      <c r="DT16" s="21">
        <v>0</v>
      </c>
      <c r="DU16" s="22">
        <v>0</v>
      </c>
      <c r="DV16" s="23">
        <v>0</v>
      </c>
      <c r="DW16" s="390">
        <v>0</v>
      </c>
      <c r="DX16" s="22">
        <v>20880</v>
      </c>
      <c r="DY16" s="22">
        <v>280540</v>
      </c>
      <c r="DZ16" s="22">
        <v>2061448</v>
      </c>
      <c r="EA16" s="22">
        <v>3001875</v>
      </c>
      <c r="EB16" s="22">
        <v>1588841</v>
      </c>
      <c r="EC16" s="25">
        <v>6953584</v>
      </c>
      <c r="ED16" s="26">
        <v>6953584</v>
      </c>
      <c r="EE16" s="21">
        <v>0</v>
      </c>
      <c r="EF16" s="22">
        <v>0</v>
      </c>
      <c r="EG16" s="23">
        <v>0</v>
      </c>
      <c r="EH16" s="390">
        <v>0</v>
      </c>
      <c r="EI16" s="22">
        <v>2002</v>
      </c>
      <c r="EJ16" s="22">
        <v>71018</v>
      </c>
      <c r="EK16" s="22">
        <v>157125</v>
      </c>
      <c r="EL16" s="22">
        <v>71884</v>
      </c>
      <c r="EM16" s="22">
        <v>50537</v>
      </c>
      <c r="EN16" s="25">
        <v>352566</v>
      </c>
      <c r="EO16" s="26">
        <v>352566</v>
      </c>
      <c r="EP16" s="21">
        <v>0</v>
      </c>
      <c r="EQ16" s="22">
        <v>0</v>
      </c>
      <c r="ER16" s="23">
        <v>0</v>
      </c>
      <c r="ES16" s="390">
        <v>0</v>
      </c>
      <c r="ET16" s="22">
        <v>0</v>
      </c>
      <c r="EU16" s="22">
        <v>0</v>
      </c>
      <c r="EV16" s="22">
        <v>0</v>
      </c>
      <c r="EW16" s="22">
        <v>0</v>
      </c>
      <c r="EX16" s="22">
        <v>0</v>
      </c>
      <c r="EY16" s="25">
        <v>0</v>
      </c>
      <c r="EZ16" s="26">
        <v>0</v>
      </c>
      <c r="FA16" s="21">
        <v>0</v>
      </c>
      <c r="FB16" s="22">
        <v>0</v>
      </c>
      <c r="FC16" s="23">
        <v>0</v>
      </c>
      <c r="FD16" s="390">
        <v>0</v>
      </c>
      <c r="FE16" s="22">
        <v>0</v>
      </c>
      <c r="FF16" s="22">
        <v>0</v>
      </c>
      <c r="FG16" s="22">
        <v>210</v>
      </c>
      <c r="FH16" s="22">
        <v>1050</v>
      </c>
      <c r="FI16" s="22">
        <v>1057</v>
      </c>
      <c r="FJ16" s="25">
        <v>2317</v>
      </c>
      <c r="FK16" s="26">
        <v>2317</v>
      </c>
      <c r="FL16" s="21">
        <v>0</v>
      </c>
      <c r="FM16" s="22">
        <v>0</v>
      </c>
      <c r="FN16" s="23">
        <v>0</v>
      </c>
      <c r="FO16" s="390">
        <v>0</v>
      </c>
      <c r="FP16" s="22">
        <v>0</v>
      </c>
      <c r="FQ16" s="22">
        <v>0</v>
      </c>
      <c r="FR16" s="22">
        <v>127368</v>
      </c>
      <c r="FS16" s="22">
        <v>195828</v>
      </c>
      <c r="FT16" s="22">
        <v>35580</v>
      </c>
      <c r="FU16" s="25">
        <v>358776</v>
      </c>
      <c r="FV16" s="26">
        <v>358776</v>
      </c>
      <c r="FW16" s="21">
        <v>0</v>
      </c>
      <c r="FX16" s="22">
        <v>4176</v>
      </c>
      <c r="FY16" s="23">
        <v>4176</v>
      </c>
      <c r="FZ16" s="24">
        <v>0</v>
      </c>
      <c r="GA16" s="22">
        <v>126616</v>
      </c>
      <c r="GB16" s="22">
        <v>157788</v>
      </c>
      <c r="GC16" s="22">
        <v>289759</v>
      </c>
      <c r="GD16" s="22">
        <v>179757</v>
      </c>
      <c r="GE16" s="22">
        <v>86309</v>
      </c>
      <c r="GF16" s="25">
        <v>840229</v>
      </c>
      <c r="GG16" s="26">
        <v>844405</v>
      </c>
      <c r="GH16" s="21">
        <v>0</v>
      </c>
      <c r="GI16" s="22">
        <v>0</v>
      </c>
      <c r="GJ16" s="23">
        <v>0</v>
      </c>
      <c r="GK16" s="24">
        <v>0</v>
      </c>
      <c r="GL16" s="22">
        <v>63</v>
      </c>
      <c r="GM16" s="22">
        <v>0</v>
      </c>
      <c r="GN16" s="22">
        <v>49</v>
      </c>
      <c r="GO16" s="22">
        <v>21</v>
      </c>
      <c r="GP16" s="22">
        <v>0</v>
      </c>
      <c r="GQ16" s="25">
        <v>133</v>
      </c>
      <c r="GR16" s="26">
        <v>133</v>
      </c>
      <c r="GS16" s="21">
        <v>0</v>
      </c>
      <c r="GT16" s="22">
        <v>0</v>
      </c>
      <c r="GU16" s="23">
        <v>0</v>
      </c>
      <c r="GV16" s="24">
        <v>0</v>
      </c>
      <c r="GW16" s="22">
        <v>0</v>
      </c>
      <c r="GX16" s="22">
        <v>0</v>
      </c>
      <c r="GY16" s="22">
        <v>0</v>
      </c>
      <c r="GZ16" s="22">
        <v>0</v>
      </c>
      <c r="HA16" s="22">
        <v>0</v>
      </c>
      <c r="HB16" s="25">
        <v>0</v>
      </c>
      <c r="HC16" s="26">
        <v>0</v>
      </c>
      <c r="HD16" s="21">
        <v>0</v>
      </c>
      <c r="HE16" s="22">
        <v>0</v>
      </c>
      <c r="HF16" s="23">
        <v>0</v>
      </c>
      <c r="HG16" s="390">
        <v>0</v>
      </c>
      <c r="HH16" s="22">
        <v>0</v>
      </c>
      <c r="HI16" s="22">
        <v>0</v>
      </c>
      <c r="HJ16" s="22">
        <v>0</v>
      </c>
      <c r="HK16" s="22">
        <v>0</v>
      </c>
      <c r="HL16" s="22">
        <v>0</v>
      </c>
      <c r="HM16" s="25">
        <v>0</v>
      </c>
      <c r="HN16" s="26">
        <v>0</v>
      </c>
      <c r="HO16" s="21">
        <v>0</v>
      </c>
      <c r="HP16" s="22">
        <v>4756</v>
      </c>
      <c r="HQ16" s="23">
        <v>4756</v>
      </c>
      <c r="HR16" s="24">
        <v>0</v>
      </c>
      <c r="HS16" s="22">
        <v>301027</v>
      </c>
      <c r="HT16" s="22">
        <v>1361953</v>
      </c>
      <c r="HU16" s="22">
        <v>4860101</v>
      </c>
      <c r="HV16" s="22">
        <v>6749628</v>
      </c>
      <c r="HW16" s="22">
        <v>3293211</v>
      </c>
      <c r="HX16" s="25">
        <v>16565920</v>
      </c>
      <c r="HY16" s="26">
        <v>16570676</v>
      </c>
    </row>
    <row r="17" spans="2:233" ht="21" customHeight="1" x14ac:dyDescent="0.2">
      <c r="B17" s="92" t="s">
        <v>13</v>
      </c>
      <c r="C17" s="21">
        <v>0</v>
      </c>
      <c r="D17" s="22">
        <v>0</v>
      </c>
      <c r="E17" s="23">
        <v>0</v>
      </c>
      <c r="F17" s="24">
        <v>0</v>
      </c>
      <c r="G17" s="22">
        <v>40620</v>
      </c>
      <c r="H17" s="22">
        <v>92785</v>
      </c>
      <c r="I17" s="22">
        <v>384335</v>
      </c>
      <c r="J17" s="22">
        <v>882255</v>
      </c>
      <c r="K17" s="22">
        <v>599140</v>
      </c>
      <c r="L17" s="25">
        <v>1999135</v>
      </c>
      <c r="M17" s="26">
        <v>1999135</v>
      </c>
      <c r="N17" s="21">
        <v>0</v>
      </c>
      <c r="O17" s="22">
        <v>0</v>
      </c>
      <c r="P17" s="23">
        <v>0</v>
      </c>
      <c r="Q17" s="390">
        <v>0</v>
      </c>
      <c r="R17" s="22">
        <v>2550</v>
      </c>
      <c r="S17" s="22">
        <v>1870</v>
      </c>
      <c r="T17" s="22">
        <v>288655</v>
      </c>
      <c r="U17" s="22">
        <v>760420</v>
      </c>
      <c r="V17" s="22">
        <v>457605</v>
      </c>
      <c r="W17" s="25">
        <v>1511100</v>
      </c>
      <c r="X17" s="26">
        <v>1511100</v>
      </c>
      <c r="Y17" s="21">
        <v>0</v>
      </c>
      <c r="Z17" s="22">
        <v>0</v>
      </c>
      <c r="AA17" s="23">
        <v>0</v>
      </c>
      <c r="AB17" s="390">
        <v>0</v>
      </c>
      <c r="AC17" s="22">
        <v>36900</v>
      </c>
      <c r="AD17" s="22">
        <v>68745</v>
      </c>
      <c r="AE17" s="22">
        <v>67655</v>
      </c>
      <c r="AF17" s="22">
        <v>100870</v>
      </c>
      <c r="AG17" s="22">
        <v>37175</v>
      </c>
      <c r="AH17" s="25">
        <v>311345</v>
      </c>
      <c r="AI17" s="26">
        <v>311345</v>
      </c>
      <c r="AJ17" s="21">
        <v>0</v>
      </c>
      <c r="AK17" s="22">
        <v>0</v>
      </c>
      <c r="AL17" s="23">
        <v>0</v>
      </c>
      <c r="AM17" s="390">
        <v>0</v>
      </c>
      <c r="AN17" s="22">
        <v>0</v>
      </c>
      <c r="AO17" s="22">
        <v>0</v>
      </c>
      <c r="AP17" s="22">
        <v>0</v>
      </c>
      <c r="AQ17" s="22">
        <v>0</v>
      </c>
      <c r="AR17" s="22">
        <v>0</v>
      </c>
      <c r="AS17" s="25">
        <v>0</v>
      </c>
      <c r="AT17" s="26">
        <v>0</v>
      </c>
      <c r="AU17" s="21">
        <v>0</v>
      </c>
      <c r="AV17" s="22">
        <v>0</v>
      </c>
      <c r="AW17" s="23">
        <v>0</v>
      </c>
      <c r="AX17" s="390">
        <v>0</v>
      </c>
      <c r="AY17" s="22">
        <v>0</v>
      </c>
      <c r="AZ17" s="22">
        <v>0</v>
      </c>
      <c r="BA17" s="22">
        <v>0</v>
      </c>
      <c r="BB17" s="22">
        <v>0</v>
      </c>
      <c r="BC17" s="22">
        <v>0</v>
      </c>
      <c r="BD17" s="25">
        <v>0</v>
      </c>
      <c r="BE17" s="26">
        <v>0</v>
      </c>
      <c r="BF17" s="21">
        <v>0</v>
      </c>
      <c r="BG17" s="22">
        <v>0</v>
      </c>
      <c r="BH17" s="23">
        <v>0</v>
      </c>
      <c r="BI17" s="390">
        <v>0</v>
      </c>
      <c r="BJ17" s="22">
        <v>0</v>
      </c>
      <c r="BK17" s="22">
        <v>0</v>
      </c>
      <c r="BL17" s="22">
        <v>0</v>
      </c>
      <c r="BM17" s="22">
        <v>0</v>
      </c>
      <c r="BN17" s="22">
        <v>0</v>
      </c>
      <c r="BO17" s="25">
        <v>0</v>
      </c>
      <c r="BP17" s="26">
        <v>0</v>
      </c>
      <c r="BQ17" s="21">
        <v>0</v>
      </c>
      <c r="BR17" s="22">
        <v>0</v>
      </c>
      <c r="BS17" s="23">
        <v>0</v>
      </c>
      <c r="BT17" s="24">
        <v>0</v>
      </c>
      <c r="BU17" s="22">
        <v>1170</v>
      </c>
      <c r="BV17" s="22">
        <v>20140</v>
      </c>
      <c r="BW17" s="22">
        <v>10730</v>
      </c>
      <c r="BX17" s="22">
        <v>20965</v>
      </c>
      <c r="BY17" s="22">
        <v>103490</v>
      </c>
      <c r="BZ17" s="25">
        <v>156495</v>
      </c>
      <c r="CA17" s="26">
        <v>156495</v>
      </c>
      <c r="CB17" s="21">
        <v>0</v>
      </c>
      <c r="CC17" s="22">
        <v>0</v>
      </c>
      <c r="CD17" s="23">
        <v>0</v>
      </c>
      <c r="CE17" s="24">
        <v>0</v>
      </c>
      <c r="CF17" s="22">
        <v>0</v>
      </c>
      <c r="CG17" s="22">
        <v>2030</v>
      </c>
      <c r="CH17" s="22">
        <v>17295</v>
      </c>
      <c r="CI17" s="22">
        <v>0</v>
      </c>
      <c r="CJ17" s="22">
        <v>870</v>
      </c>
      <c r="CK17" s="25">
        <v>20195</v>
      </c>
      <c r="CL17" s="26">
        <v>20195</v>
      </c>
      <c r="CM17" s="21">
        <v>0</v>
      </c>
      <c r="CN17" s="22">
        <v>0</v>
      </c>
      <c r="CO17" s="23">
        <v>0</v>
      </c>
      <c r="CP17" s="24">
        <v>0</v>
      </c>
      <c r="CQ17" s="22">
        <v>0</v>
      </c>
      <c r="CR17" s="22">
        <v>0</v>
      </c>
      <c r="CS17" s="22">
        <v>0</v>
      </c>
      <c r="CT17" s="22">
        <v>0</v>
      </c>
      <c r="CU17" s="22">
        <v>0</v>
      </c>
      <c r="CV17" s="25">
        <v>0</v>
      </c>
      <c r="CW17" s="26">
        <v>0</v>
      </c>
      <c r="CX17" s="21">
        <v>0</v>
      </c>
      <c r="CY17" s="22">
        <v>0</v>
      </c>
      <c r="CZ17" s="23">
        <v>0</v>
      </c>
      <c r="DA17" s="390">
        <v>0</v>
      </c>
      <c r="DB17" s="22">
        <v>0</v>
      </c>
      <c r="DC17" s="22">
        <v>0</v>
      </c>
      <c r="DD17" s="22">
        <v>0</v>
      </c>
      <c r="DE17" s="22">
        <v>0</v>
      </c>
      <c r="DF17" s="22">
        <v>0</v>
      </c>
      <c r="DG17" s="25">
        <v>0</v>
      </c>
      <c r="DH17" s="26">
        <v>0</v>
      </c>
      <c r="DI17" s="21">
        <v>0</v>
      </c>
      <c r="DJ17" s="22">
        <v>0</v>
      </c>
      <c r="DK17" s="23">
        <v>0</v>
      </c>
      <c r="DL17" s="24">
        <v>0</v>
      </c>
      <c r="DM17" s="22">
        <v>49275</v>
      </c>
      <c r="DN17" s="22">
        <v>49374</v>
      </c>
      <c r="DO17" s="22">
        <v>462613</v>
      </c>
      <c r="DP17" s="22">
        <v>1032860</v>
      </c>
      <c r="DQ17" s="22">
        <v>743644</v>
      </c>
      <c r="DR17" s="25">
        <v>2337766</v>
      </c>
      <c r="DS17" s="27">
        <v>2337766</v>
      </c>
      <c r="DT17" s="21">
        <v>0</v>
      </c>
      <c r="DU17" s="22">
        <v>0</v>
      </c>
      <c r="DV17" s="23">
        <v>0</v>
      </c>
      <c r="DW17" s="390">
        <v>0</v>
      </c>
      <c r="DX17" s="22">
        <v>20880</v>
      </c>
      <c r="DY17" s="22">
        <v>10340</v>
      </c>
      <c r="DZ17" s="22">
        <v>431899</v>
      </c>
      <c r="EA17" s="22">
        <v>911055</v>
      </c>
      <c r="EB17" s="22">
        <v>630105</v>
      </c>
      <c r="EC17" s="25">
        <v>2004279</v>
      </c>
      <c r="ED17" s="26">
        <v>2004279</v>
      </c>
      <c r="EE17" s="21">
        <v>0</v>
      </c>
      <c r="EF17" s="22">
        <v>0</v>
      </c>
      <c r="EG17" s="23">
        <v>0</v>
      </c>
      <c r="EH17" s="390">
        <v>0</v>
      </c>
      <c r="EI17" s="22">
        <v>23850</v>
      </c>
      <c r="EJ17" s="22">
        <v>959</v>
      </c>
      <c r="EK17" s="22">
        <v>1365</v>
      </c>
      <c r="EL17" s="22">
        <v>38446</v>
      </c>
      <c r="EM17" s="22">
        <v>630</v>
      </c>
      <c r="EN17" s="25">
        <v>65250</v>
      </c>
      <c r="EO17" s="26">
        <v>65250</v>
      </c>
      <c r="EP17" s="21">
        <v>0</v>
      </c>
      <c r="EQ17" s="22">
        <v>0</v>
      </c>
      <c r="ER17" s="23">
        <v>0</v>
      </c>
      <c r="ES17" s="390">
        <v>0</v>
      </c>
      <c r="ET17" s="22">
        <v>0</v>
      </c>
      <c r="EU17" s="22">
        <v>0</v>
      </c>
      <c r="EV17" s="22">
        <v>0</v>
      </c>
      <c r="EW17" s="22">
        <v>0</v>
      </c>
      <c r="EX17" s="22">
        <v>0</v>
      </c>
      <c r="EY17" s="25">
        <v>0</v>
      </c>
      <c r="EZ17" s="26">
        <v>0</v>
      </c>
      <c r="FA17" s="21">
        <v>0</v>
      </c>
      <c r="FB17" s="22">
        <v>0</v>
      </c>
      <c r="FC17" s="23">
        <v>0</v>
      </c>
      <c r="FD17" s="390">
        <v>0</v>
      </c>
      <c r="FE17" s="22">
        <v>0</v>
      </c>
      <c r="FF17" s="22">
        <v>0</v>
      </c>
      <c r="FG17" s="22">
        <v>0</v>
      </c>
      <c r="FH17" s="22">
        <v>0</v>
      </c>
      <c r="FI17" s="22">
        <v>0</v>
      </c>
      <c r="FJ17" s="25">
        <v>0</v>
      </c>
      <c r="FK17" s="26">
        <v>0</v>
      </c>
      <c r="FL17" s="21">
        <v>0</v>
      </c>
      <c r="FM17" s="22">
        <v>0</v>
      </c>
      <c r="FN17" s="23">
        <v>0</v>
      </c>
      <c r="FO17" s="390">
        <v>0</v>
      </c>
      <c r="FP17" s="22">
        <v>0</v>
      </c>
      <c r="FQ17" s="22">
        <v>0</v>
      </c>
      <c r="FR17" s="22">
        <v>0</v>
      </c>
      <c r="FS17" s="22">
        <v>0</v>
      </c>
      <c r="FT17" s="22">
        <v>0</v>
      </c>
      <c r="FU17" s="25">
        <v>0</v>
      </c>
      <c r="FV17" s="26">
        <v>0</v>
      </c>
      <c r="FW17" s="21">
        <v>0</v>
      </c>
      <c r="FX17" s="22">
        <v>0</v>
      </c>
      <c r="FY17" s="23">
        <v>0</v>
      </c>
      <c r="FZ17" s="24">
        <v>0</v>
      </c>
      <c r="GA17" s="22">
        <v>4545</v>
      </c>
      <c r="GB17" s="22">
        <v>38075</v>
      </c>
      <c r="GC17" s="22">
        <v>29069</v>
      </c>
      <c r="GD17" s="22">
        <v>83359</v>
      </c>
      <c r="GE17" s="22">
        <v>112909</v>
      </c>
      <c r="GF17" s="25">
        <v>267957</v>
      </c>
      <c r="GG17" s="26">
        <v>267957</v>
      </c>
      <c r="GH17" s="21">
        <v>0</v>
      </c>
      <c r="GI17" s="22">
        <v>0</v>
      </c>
      <c r="GJ17" s="23">
        <v>0</v>
      </c>
      <c r="GK17" s="24">
        <v>0</v>
      </c>
      <c r="GL17" s="22">
        <v>0</v>
      </c>
      <c r="GM17" s="22">
        <v>0</v>
      </c>
      <c r="GN17" s="22">
        <v>280</v>
      </c>
      <c r="GO17" s="22">
        <v>0</v>
      </c>
      <c r="GP17" s="22">
        <v>0</v>
      </c>
      <c r="GQ17" s="25">
        <v>280</v>
      </c>
      <c r="GR17" s="26">
        <v>280</v>
      </c>
      <c r="GS17" s="21">
        <v>0</v>
      </c>
      <c r="GT17" s="22">
        <v>0</v>
      </c>
      <c r="GU17" s="23">
        <v>0</v>
      </c>
      <c r="GV17" s="24">
        <v>0</v>
      </c>
      <c r="GW17" s="22">
        <v>0</v>
      </c>
      <c r="GX17" s="22">
        <v>0</v>
      </c>
      <c r="GY17" s="22">
        <v>0</v>
      </c>
      <c r="GZ17" s="22">
        <v>0</v>
      </c>
      <c r="HA17" s="22">
        <v>0</v>
      </c>
      <c r="HB17" s="25">
        <v>0</v>
      </c>
      <c r="HC17" s="26">
        <v>0</v>
      </c>
      <c r="HD17" s="21">
        <v>0</v>
      </c>
      <c r="HE17" s="22">
        <v>0</v>
      </c>
      <c r="HF17" s="23">
        <v>0</v>
      </c>
      <c r="HG17" s="390">
        <v>0</v>
      </c>
      <c r="HH17" s="22">
        <v>0</v>
      </c>
      <c r="HI17" s="22">
        <v>0</v>
      </c>
      <c r="HJ17" s="22">
        <v>0</v>
      </c>
      <c r="HK17" s="22">
        <v>0</v>
      </c>
      <c r="HL17" s="22">
        <v>0</v>
      </c>
      <c r="HM17" s="25">
        <v>0</v>
      </c>
      <c r="HN17" s="26">
        <v>0</v>
      </c>
      <c r="HO17" s="21">
        <v>0</v>
      </c>
      <c r="HP17" s="22">
        <v>0</v>
      </c>
      <c r="HQ17" s="23">
        <v>0</v>
      </c>
      <c r="HR17" s="24">
        <v>0</v>
      </c>
      <c r="HS17" s="22">
        <v>89895</v>
      </c>
      <c r="HT17" s="22">
        <v>142159</v>
      </c>
      <c r="HU17" s="22">
        <v>846948</v>
      </c>
      <c r="HV17" s="22">
        <v>1915115</v>
      </c>
      <c r="HW17" s="22">
        <v>1342784</v>
      </c>
      <c r="HX17" s="25">
        <v>4336901</v>
      </c>
      <c r="HY17" s="26">
        <v>4336901</v>
      </c>
    </row>
    <row r="18" spans="2:233" ht="21" customHeight="1" x14ac:dyDescent="0.2">
      <c r="B18" s="92" t="s">
        <v>15</v>
      </c>
      <c r="C18" s="21">
        <v>0</v>
      </c>
      <c r="D18" s="22">
        <v>0</v>
      </c>
      <c r="E18" s="23">
        <v>0</v>
      </c>
      <c r="F18" s="24">
        <v>0</v>
      </c>
      <c r="G18" s="22">
        <v>279567</v>
      </c>
      <c r="H18" s="22">
        <v>248402</v>
      </c>
      <c r="I18" s="22">
        <v>1354568</v>
      </c>
      <c r="J18" s="22">
        <v>2283077</v>
      </c>
      <c r="K18" s="22">
        <v>952252</v>
      </c>
      <c r="L18" s="25">
        <v>5117866</v>
      </c>
      <c r="M18" s="26">
        <v>5117866</v>
      </c>
      <c r="N18" s="21">
        <v>0</v>
      </c>
      <c r="O18" s="22">
        <v>0</v>
      </c>
      <c r="P18" s="23">
        <v>0</v>
      </c>
      <c r="Q18" s="390">
        <v>0</v>
      </c>
      <c r="R18" s="22">
        <v>31650</v>
      </c>
      <c r="S18" s="22">
        <v>23850</v>
      </c>
      <c r="T18" s="22">
        <v>860260</v>
      </c>
      <c r="U18" s="22">
        <v>1428970</v>
      </c>
      <c r="V18" s="22">
        <v>652900</v>
      </c>
      <c r="W18" s="25">
        <v>2997630</v>
      </c>
      <c r="X18" s="26">
        <v>2997630</v>
      </c>
      <c r="Y18" s="21">
        <v>0</v>
      </c>
      <c r="Z18" s="22">
        <v>0</v>
      </c>
      <c r="AA18" s="23">
        <v>0</v>
      </c>
      <c r="AB18" s="390">
        <v>0</v>
      </c>
      <c r="AC18" s="22">
        <v>229883</v>
      </c>
      <c r="AD18" s="22">
        <v>194381</v>
      </c>
      <c r="AE18" s="22">
        <v>322728</v>
      </c>
      <c r="AF18" s="22">
        <v>578847</v>
      </c>
      <c r="AG18" s="22">
        <v>216203</v>
      </c>
      <c r="AH18" s="25">
        <v>1542042</v>
      </c>
      <c r="AI18" s="26">
        <v>1542042</v>
      </c>
      <c r="AJ18" s="21">
        <v>0</v>
      </c>
      <c r="AK18" s="22">
        <v>0</v>
      </c>
      <c r="AL18" s="23">
        <v>0</v>
      </c>
      <c r="AM18" s="390">
        <v>0</v>
      </c>
      <c r="AN18" s="22">
        <v>0</v>
      </c>
      <c r="AO18" s="22">
        <v>0</v>
      </c>
      <c r="AP18" s="22">
        <v>0</v>
      </c>
      <c r="AQ18" s="22">
        <v>0</v>
      </c>
      <c r="AR18" s="22">
        <v>0</v>
      </c>
      <c r="AS18" s="25">
        <v>0</v>
      </c>
      <c r="AT18" s="26">
        <v>0</v>
      </c>
      <c r="AU18" s="21">
        <v>0</v>
      </c>
      <c r="AV18" s="22">
        <v>0</v>
      </c>
      <c r="AW18" s="23">
        <v>0</v>
      </c>
      <c r="AX18" s="390">
        <v>0</v>
      </c>
      <c r="AY18" s="22">
        <v>0</v>
      </c>
      <c r="AZ18" s="22">
        <v>0</v>
      </c>
      <c r="BA18" s="22">
        <v>0</v>
      </c>
      <c r="BB18" s="22">
        <v>0</v>
      </c>
      <c r="BC18" s="22">
        <v>0</v>
      </c>
      <c r="BD18" s="25">
        <v>0</v>
      </c>
      <c r="BE18" s="26">
        <v>0</v>
      </c>
      <c r="BF18" s="21">
        <v>0</v>
      </c>
      <c r="BG18" s="22">
        <v>0</v>
      </c>
      <c r="BH18" s="23">
        <v>0</v>
      </c>
      <c r="BI18" s="390">
        <v>0</v>
      </c>
      <c r="BJ18" s="22">
        <v>0</v>
      </c>
      <c r="BK18" s="22">
        <v>0</v>
      </c>
      <c r="BL18" s="22">
        <v>65700</v>
      </c>
      <c r="BM18" s="22">
        <v>123900</v>
      </c>
      <c r="BN18" s="22">
        <v>59155</v>
      </c>
      <c r="BO18" s="25">
        <v>248755</v>
      </c>
      <c r="BP18" s="26">
        <v>248755</v>
      </c>
      <c r="BQ18" s="21">
        <v>0</v>
      </c>
      <c r="BR18" s="22">
        <v>0</v>
      </c>
      <c r="BS18" s="23">
        <v>0</v>
      </c>
      <c r="BT18" s="24">
        <v>0</v>
      </c>
      <c r="BU18" s="22">
        <v>6134</v>
      </c>
      <c r="BV18" s="22">
        <v>28853</v>
      </c>
      <c r="BW18" s="22">
        <v>105880</v>
      </c>
      <c r="BX18" s="22">
        <v>131496</v>
      </c>
      <c r="BY18" s="22">
        <v>23994</v>
      </c>
      <c r="BZ18" s="25">
        <v>296357</v>
      </c>
      <c r="CA18" s="26">
        <v>296357</v>
      </c>
      <c r="CB18" s="21">
        <v>0</v>
      </c>
      <c r="CC18" s="22">
        <v>0</v>
      </c>
      <c r="CD18" s="23">
        <v>0</v>
      </c>
      <c r="CE18" s="24">
        <v>0</v>
      </c>
      <c r="CF18" s="22">
        <v>11900</v>
      </c>
      <c r="CG18" s="22">
        <v>1318</v>
      </c>
      <c r="CH18" s="22">
        <v>0</v>
      </c>
      <c r="CI18" s="22">
        <v>19864</v>
      </c>
      <c r="CJ18" s="22">
        <v>0</v>
      </c>
      <c r="CK18" s="25">
        <v>33082</v>
      </c>
      <c r="CL18" s="26">
        <v>33082</v>
      </c>
      <c r="CM18" s="21">
        <v>0</v>
      </c>
      <c r="CN18" s="22">
        <v>0</v>
      </c>
      <c r="CO18" s="23">
        <v>0</v>
      </c>
      <c r="CP18" s="24">
        <v>0</v>
      </c>
      <c r="CQ18" s="22">
        <v>0</v>
      </c>
      <c r="CR18" s="22">
        <v>0</v>
      </c>
      <c r="CS18" s="22">
        <v>0</v>
      </c>
      <c r="CT18" s="22">
        <v>0</v>
      </c>
      <c r="CU18" s="22">
        <v>0</v>
      </c>
      <c r="CV18" s="25">
        <v>0</v>
      </c>
      <c r="CW18" s="26">
        <v>0</v>
      </c>
      <c r="CX18" s="21">
        <v>0</v>
      </c>
      <c r="CY18" s="22">
        <v>0</v>
      </c>
      <c r="CZ18" s="23">
        <v>0</v>
      </c>
      <c r="DA18" s="390">
        <v>0</v>
      </c>
      <c r="DB18" s="22">
        <v>0</v>
      </c>
      <c r="DC18" s="22">
        <v>0</v>
      </c>
      <c r="DD18" s="22">
        <v>0</v>
      </c>
      <c r="DE18" s="22">
        <v>0</v>
      </c>
      <c r="DF18" s="22">
        <v>0</v>
      </c>
      <c r="DG18" s="25">
        <v>0</v>
      </c>
      <c r="DH18" s="26">
        <v>0</v>
      </c>
      <c r="DI18" s="21">
        <v>0</v>
      </c>
      <c r="DJ18" s="22">
        <v>0</v>
      </c>
      <c r="DK18" s="23">
        <v>0</v>
      </c>
      <c r="DL18" s="24">
        <v>0</v>
      </c>
      <c r="DM18" s="22">
        <v>63233</v>
      </c>
      <c r="DN18" s="22">
        <v>103321</v>
      </c>
      <c r="DO18" s="22">
        <v>1247407</v>
      </c>
      <c r="DP18" s="22">
        <v>2272951</v>
      </c>
      <c r="DQ18" s="22">
        <v>920245</v>
      </c>
      <c r="DR18" s="25">
        <v>4607157</v>
      </c>
      <c r="DS18" s="27">
        <v>4607157</v>
      </c>
      <c r="DT18" s="21">
        <v>0</v>
      </c>
      <c r="DU18" s="22">
        <v>0</v>
      </c>
      <c r="DV18" s="23">
        <v>0</v>
      </c>
      <c r="DW18" s="390">
        <v>0</v>
      </c>
      <c r="DX18" s="22">
        <v>14550</v>
      </c>
      <c r="DY18" s="22">
        <v>10530</v>
      </c>
      <c r="DZ18" s="22">
        <v>915930</v>
      </c>
      <c r="EA18" s="22">
        <v>1837136</v>
      </c>
      <c r="EB18" s="22">
        <v>742165</v>
      </c>
      <c r="EC18" s="25">
        <v>3520311</v>
      </c>
      <c r="ED18" s="26">
        <v>3520311</v>
      </c>
      <c r="EE18" s="21">
        <v>0</v>
      </c>
      <c r="EF18" s="22">
        <v>0</v>
      </c>
      <c r="EG18" s="23">
        <v>0</v>
      </c>
      <c r="EH18" s="390">
        <v>0</v>
      </c>
      <c r="EI18" s="22">
        <v>40611</v>
      </c>
      <c r="EJ18" s="22">
        <v>36914</v>
      </c>
      <c r="EK18" s="22">
        <v>21877</v>
      </c>
      <c r="EL18" s="22">
        <v>70415</v>
      </c>
      <c r="EM18" s="22">
        <v>36230</v>
      </c>
      <c r="EN18" s="25">
        <v>206047</v>
      </c>
      <c r="EO18" s="26">
        <v>206047</v>
      </c>
      <c r="EP18" s="21">
        <v>0</v>
      </c>
      <c r="EQ18" s="22">
        <v>0</v>
      </c>
      <c r="ER18" s="23">
        <v>0</v>
      </c>
      <c r="ES18" s="390">
        <v>0</v>
      </c>
      <c r="ET18" s="22">
        <v>0</v>
      </c>
      <c r="EU18" s="22">
        <v>0</v>
      </c>
      <c r="EV18" s="22">
        <v>0</v>
      </c>
      <c r="EW18" s="22">
        <v>0</v>
      </c>
      <c r="EX18" s="22">
        <v>0</v>
      </c>
      <c r="EY18" s="25">
        <v>0</v>
      </c>
      <c r="EZ18" s="26">
        <v>0</v>
      </c>
      <c r="FA18" s="21">
        <v>0</v>
      </c>
      <c r="FB18" s="22">
        <v>0</v>
      </c>
      <c r="FC18" s="23">
        <v>0</v>
      </c>
      <c r="FD18" s="390">
        <v>0</v>
      </c>
      <c r="FE18" s="22">
        <v>0</v>
      </c>
      <c r="FF18" s="22">
        <v>0</v>
      </c>
      <c r="FG18" s="22">
        <v>0</v>
      </c>
      <c r="FH18" s="22">
        <v>0</v>
      </c>
      <c r="FI18" s="22">
        <v>0</v>
      </c>
      <c r="FJ18" s="25">
        <v>0</v>
      </c>
      <c r="FK18" s="26">
        <v>0</v>
      </c>
      <c r="FL18" s="21">
        <v>0</v>
      </c>
      <c r="FM18" s="22">
        <v>0</v>
      </c>
      <c r="FN18" s="23">
        <v>0</v>
      </c>
      <c r="FO18" s="390">
        <v>0</v>
      </c>
      <c r="FP18" s="22">
        <v>0</v>
      </c>
      <c r="FQ18" s="22">
        <v>0</v>
      </c>
      <c r="FR18" s="22">
        <v>139980</v>
      </c>
      <c r="FS18" s="22">
        <v>169380</v>
      </c>
      <c r="FT18" s="22">
        <v>86388</v>
      </c>
      <c r="FU18" s="25">
        <v>395748</v>
      </c>
      <c r="FV18" s="26">
        <v>395748</v>
      </c>
      <c r="FW18" s="21">
        <v>0</v>
      </c>
      <c r="FX18" s="22">
        <v>0</v>
      </c>
      <c r="FY18" s="23">
        <v>0</v>
      </c>
      <c r="FZ18" s="24">
        <v>0</v>
      </c>
      <c r="GA18" s="22">
        <v>7967</v>
      </c>
      <c r="GB18" s="22">
        <v>51939</v>
      </c>
      <c r="GC18" s="22">
        <v>169620</v>
      </c>
      <c r="GD18" s="22">
        <v>194027</v>
      </c>
      <c r="GE18" s="22">
        <v>55462</v>
      </c>
      <c r="GF18" s="25">
        <v>479015</v>
      </c>
      <c r="GG18" s="26">
        <v>479015</v>
      </c>
      <c r="GH18" s="21">
        <v>0</v>
      </c>
      <c r="GI18" s="22">
        <v>0</v>
      </c>
      <c r="GJ18" s="23">
        <v>0</v>
      </c>
      <c r="GK18" s="24">
        <v>0</v>
      </c>
      <c r="GL18" s="22">
        <v>105</v>
      </c>
      <c r="GM18" s="22">
        <v>3938</v>
      </c>
      <c r="GN18" s="22">
        <v>0</v>
      </c>
      <c r="GO18" s="22">
        <v>1993</v>
      </c>
      <c r="GP18" s="22">
        <v>0</v>
      </c>
      <c r="GQ18" s="25">
        <v>6036</v>
      </c>
      <c r="GR18" s="26">
        <v>6036</v>
      </c>
      <c r="GS18" s="21">
        <v>0</v>
      </c>
      <c r="GT18" s="22">
        <v>0</v>
      </c>
      <c r="GU18" s="23">
        <v>0</v>
      </c>
      <c r="GV18" s="24">
        <v>0</v>
      </c>
      <c r="GW18" s="22">
        <v>0</v>
      </c>
      <c r="GX18" s="22">
        <v>0</v>
      </c>
      <c r="GY18" s="22">
        <v>0</v>
      </c>
      <c r="GZ18" s="22">
        <v>0</v>
      </c>
      <c r="HA18" s="22">
        <v>0</v>
      </c>
      <c r="HB18" s="25">
        <v>0</v>
      </c>
      <c r="HC18" s="26">
        <v>0</v>
      </c>
      <c r="HD18" s="21">
        <v>0</v>
      </c>
      <c r="HE18" s="22">
        <v>0</v>
      </c>
      <c r="HF18" s="23">
        <v>0</v>
      </c>
      <c r="HG18" s="390">
        <v>0</v>
      </c>
      <c r="HH18" s="22">
        <v>0</v>
      </c>
      <c r="HI18" s="22">
        <v>0</v>
      </c>
      <c r="HJ18" s="22">
        <v>0</v>
      </c>
      <c r="HK18" s="22">
        <v>0</v>
      </c>
      <c r="HL18" s="22">
        <v>0</v>
      </c>
      <c r="HM18" s="25">
        <v>0</v>
      </c>
      <c r="HN18" s="26">
        <v>0</v>
      </c>
      <c r="HO18" s="21">
        <v>0</v>
      </c>
      <c r="HP18" s="22">
        <v>0</v>
      </c>
      <c r="HQ18" s="23">
        <v>0</v>
      </c>
      <c r="HR18" s="24">
        <v>0</v>
      </c>
      <c r="HS18" s="22">
        <v>342800</v>
      </c>
      <c r="HT18" s="22">
        <v>351723</v>
      </c>
      <c r="HU18" s="22">
        <v>2601975</v>
      </c>
      <c r="HV18" s="22">
        <v>4556028</v>
      </c>
      <c r="HW18" s="22">
        <v>1872497</v>
      </c>
      <c r="HX18" s="25">
        <v>9725023</v>
      </c>
      <c r="HY18" s="26">
        <v>9725023</v>
      </c>
    </row>
    <row r="19" spans="2:233" ht="21" customHeight="1" x14ac:dyDescent="0.2">
      <c r="B19" s="92" t="s">
        <v>16</v>
      </c>
      <c r="C19" s="21">
        <v>0</v>
      </c>
      <c r="D19" s="22">
        <v>580</v>
      </c>
      <c r="E19" s="23">
        <v>580</v>
      </c>
      <c r="F19" s="24">
        <v>0</v>
      </c>
      <c r="G19" s="22">
        <v>473105</v>
      </c>
      <c r="H19" s="22">
        <v>867453</v>
      </c>
      <c r="I19" s="22">
        <v>2621529</v>
      </c>
      <c r="J19" s="22">
        <v>3434015</v>
      </c>
      <c r="K19" s="22">
        <v>1521449</v>
      </c>
      <c r="L19" s="25">
        <v>8917551</v>
      </c>
      <c r="M19" s="26">
        <v>8918131</v>
      </c>
      <c r="N19" s="21">
        <v>0</v>
      </c>
      <c r="O19" s="22">
        <v>0</v>
      </c>
      <c r="P19" s="23">
        <v>0</v>
      </c>
      <c r="Q19" s="390">
        <v>0</v>
      </c>
      <c r="R19" s="22">
        <v>57900</v>
      </c>
      <c r="S19" s="22">
        <v>78450</v>
      </c>
      <c r="T19" s="22">
        <v>1571930</v>
      </c>
      <c r="U19" s="22">
        <v>2470515</v>
      </c>
      <c r="V19" s="22">
        <v>1166400</v>
      </c>
      <c r="W19" s="25">
        <v>5345195</v>
      </c>
      <c r="X19" s="26">
        <v>5345195</v>
      </c>
      <c r="Y19" s="21">
        <v>0</v>
      </c>
      <c r="Z19" s="22">
        <v>0</v>
      </c>
      <c r="AA19" s="23">
        <v>0</v>
      </c>
      <c r="AB19" s="390">
        <v>0</v>
      </c>
      <c r="AC19" s="22">
        <v>384885</v>
      </c>
      <c r="AD19" s="22">
        <v>730248</v>
      </c>
      <c r="AE19" s="22">
        <v>856880</v>
      </c>
      <c r="AF19" s="22">
        <v>822825</v>
      </c>
      <c r="AG19" s="22">
        <v>300154</v>
      </c>
      <c r="AH19" s="25">
        <v>3094992</v>
      </c>
      <c r="AI19" s="26">
        <v>3094992</v>
      </c>
      <c r="AJ19" s="21">
        <v>0</v>
      </c>
      <c r="AK19" s="22">
        <v>0</v>
      </c>
      <c r="AL19" s="23">
        <v>0</v>
      </c>
      <c r="AM19" s="390">
        <v>0</v>
      </c>
      <c r="AN19" s="22">
        <v>0</v>
      </c>
      <c r="AO19" s="22">
        <v>0</v>
      </c>
      <c r="AP19" s="22">
        <v>0</v>
      </c>
      <c r="AQ19" s="22">
        <v>0</v>
      </c>
      <c r="AR19" s="22">
        <v>0</v>
      </c>
      <c r="AS19" s="25">
        <v>0</v>
      </c>
      <c r="AT19" s="26">
        <v>0</v>
      </c>
      <c r="AU19" s="21">
        <v>0</v>
      </c>
      <c r="AV19" s="22">
        <v>0</v>
      </c>
      <c r="AW19" s="23">
        <v>0</v>
      </c>
      <c r="AX19" s="390">
        <v>0</v>
      </c>
      <c r="AY19" s="22">
        <v>0</v>
      </c>
      <c r="AZ19" s="22">
        <v>0</v>
      </c>
      <c r="BA19" s="22">
        <v>2550</v>
      </c>
      <c r="BB19" s="22">
        <v>50225</v>
      </c>
      <c r="BC19" s="22">
        <v>5100</v>
      </c>
      <c r="BD19" s="25">
        <v>57875</v>
      </c>
      <c r="BE19" s="26">
        <v>57875</v>
      </c>
      <c r="BF19" s="21">
        <v>0</v>
      </c>
      <c r="BG19" s="22">
        <v>0</v>
      </c>
      <c r="BH19" s="23">
        <v>0</v>
      </c>
      <c r="BI19" s="390">
        <v>0</v>
      </c>
      <c r="BJ19" s="22">
        <v>0</v>
      </c>
      <c r="BK19" s="22">
        <v>0</v>
      </c>
      <c r="BL19" s="22">
        <v>55265</v>
      </c>
      <c r="BM19" s="22">
        <v>39300</v>
      </c>
      <c r="BN19" s="22">
        <v>39300</v>
      </c>
      <c r="BO19" s="25">
        <v>133865</v>
      </c>
      <c r="BP19" s="26">
        <v>133865</v>
      </c>
      <c r="BQ19" s="21">
        <v>0</v>
      </c>
      <c r="BR19" s="22">
        <v>580</v>
      </c>
      <c r="BS19" s="23">
        <v>580</v>
      </c>
      <c r="BT19" s="24">
        <v>0</v>
      </c>
      <c r="BU19" s="22">
        <v>30320</v>
      </c>
      <c r="BV19" s="22">
        <v>58755</v>
      </c>
      <c r="BW19" s="22">
        <v>133599</v>
      </c>
      <c r="BX19" s="22">
        <v>50810</v>
      </c>
      <c r="BY19" s="22">
        <v>10495</v>
      </c>
      <c r="BZ19" s="25">
        <v>283979</v>
      </c>
      <c r="CA19" s="26">
        <v>284559</v>
      </c>
      <c r="CB19" s="21">
        <v>0</v>
      </c>
      <c r="CC19" s="22">
        <v>0</v>
      </c>
      <c r="CD19" s="23">
        <v>0</v>
      </c>
      <c r="CE19" s="24">
        <v>0</v>
      </c>
      <c r="CF19" s="22">
        <v>0</v>
      </c>
      <c r="CG19" s="22">
        <v>0</v>
      </c>
      <c r="CH19" s="22">
        <v>1305</v>
      </c>
      <c r="CI19" s="22">
        <v>340</v>
      </c>
      <c r="CJ19" s="22">
        <v>0</v>
      </c>
      <c r="CK19" s="25">
        <v>1645</v>
      </c>
      <c r="CL19" s="26">
        <v>1645</v>
      </c>
      <c r="CM19" s="21">
        <v>0</v>
      </c>
      <c r="CN19" s="22">
        <v>0</v>
      </c>
      <c r="CO19" s="23">
        <v>0</v>
      </c>
      <c r="CP19" s="24">
        <v>0</v>
      </c>
      <c r="CQ19" s="22">
        <v>0</v>
      </c>
      <c r="CR19" s="22">
        <v>0</v>
      </c>
      <c r="CS19" s="22">
        <v>0</v>
      </c>
      <c r="CT19" s="22">
        <v>0</v>
      </c>
      <c r="CU19" s="22">
        <v>0</v>
      </c>
      <c r="CV19" s="25">
        <v>0</v>
      </c>
      <c r="CW19" s="26">
        <v>0</v>
      </c>
      <c r="CX19" s="21">
        <v>0</v>
      </c>
      <c r="CY19" s="22">
        <v>0</v>
      </c>
      <c r="CZ19" s="23">
        <v>0</v>
      </c>
      <c r="DA19" s="390">
        <v>0</v>
      </c>
      <c r="DB19" s="22">
        <v>0</v>
      </c>
      <c r="DC19" s="22">
        <v>0</v>
      </c>
      <c r="DD19" s="22">
        <v>0</v>
      </c>
      <c r="DE19" s="22">
        <v>0</v>
      </c>
      <c r="DF19" s="22">
        <v>0</v>
      </c>
      <c r="DG19" s="25">
        <v>0</v>
      </c>
      <c r="DH19" s="26">
        <v>0</v>
      </c>
      <c r="DI19" s="21">
        <v>0</v>
      </c>
      <c r="DJ19" s="22">
        <v>1404</v>
      </c>
      <c r="DK19" s="23">
        <v>1404</v>
      </c>
      <c r="DL19" s="24">
        <v>0</v>
      </c>
      <c r="DM19" s="22">
        <v>253613</v>
      </c>
      <c r="DN19" s="22">
        <v>588124</v>
      </c>
      <c r="DO19" s="22">
        <v>3173416</v>
      </c>
      <c r="DP19" s="22">
        <v>3585107</v>
      </c>
      <c r="DQ19" s="22">
        <v>1680555</v>
      </c>
      <c r="DR19" s="25">
        <v>9280815</v>
      </c>
      <c r="DS19" s="27">
        <v>9282219</v>
      </c>
      <c r="DT19" s="21">
        <v>0</v>
      </c>
      <c r="DU19" s="22">
        <v>0</v>
      </c>
      <c r="DV19" s="23">
        <v>0</v>
      </c>
      <c r="DW19" s="390">
        <v>0</v>
      </c>
      <c r="DX19" s="22">
        <v>89010</v>
      </c>
      <c r="DY19" s="22">
        <v>200730</v>
      </c>
      <c r="DZ19" s="22">
        <v>2503907</v>
      </c>
      <c r="EA19" s="22">
        <v>3135214</v>
      </c>
      <c r="EB19" s="22">
        <v>1445071</v>
      </c>
      <c r="EC19" s="25">
        <v>7373932</v>
      </c>
      <c r="ED19" s="26">
        <v>7373932</v>
      </c>
      <c r="EE19" s="21">
        <v>0</v>
      </c>
      <c r="EF19" s="22">
        <v>0</v>
      </c>
      <c r="EG19" s="23">
        <v>0</v>
      </c>
      <c r="EH19" s="390">
        <v>0</v>
      </c>
      <c r="EI19" s="22">
        <v>105431</v>
      </c>
      <c r="EJ19" s="22">
        <v>284010</v>
      </c>
      <c r="EK19" s="22">
        <v>369004</v>
      </c>
      <c r="EL19" s="22">
        <v>224560</v>
      </c>
      <c r="EM19" s="22">
        <v>96564</v>
      </c>
      <c r="EN19" s="25">
        <v>1079569</v>
      </c>
      <c r="EO19" s="26">
        <v>1079569</v>
      </c>
      <c r="EP19" s="21">
        <v>0</v>
      </c>
      <c r="EQ19" s="22">
        <v>0</v>
      </c>
      <c r="ER19" s="23">
        <v>0</v>
      </c>
      <c r="ES19" s="390">
        <v>0</v>
      </c>
      <c r="ET19" s="22">
        <v>0</v>
      </c>
      <c r="EU19" s="22">
        <v>0</v>
      </c>
      <c r="EV19" s="22">
        <v>0</v>
      </c>
      <c r="EW19" s="22">
        <v>0</v>
      </c>
      <c r="EX19" s="22">
        <v>0</v>
      </c>
      <c r="EY19" s="25">
        <v>0</v>
      </c>
      <c r="EZ19" s="26">
        <v>0</v>
      </c>
      <c r="FA19" s="21">
        <v>0</v>
      </c>
      <c r="FB19" s="22">
        <v>0</v>
      </c>
      <c r="FC19" s="23">
        <v>0</v>
      </c>
      <c r="FD19" s="390">
        <v>0</v>
      </c>
      <c r="FE19" s="22">
        <v>0</v>
      </c>
      <c r="FF19" s="22">
        <v>0</v>
      </c>
      <c r="FG19" s="22">
        <v>210</v>
      </c>
      <c r="FH19" s="22">
        <v>14132</v>
      </c>
      <c r="FI19" s="22">
        <v>420</v>
      </c>
      <c r="FJ19" s="25">
        <v>14762</v>
      </c>
      <c r="FK19" s="26">
        <v>14762</v>
      </c>
      <c r="FL19" s="21">
        <v>0</v>
      </c>
      <c r="FM19" s="22">
        <v>0</v>
      </c>
      <c r="FN19" s="23">
        <v>0</v>
      </c>
      <c r="FO19" s="390">
        <v>0</v>
      </c>
      <c r="FP19" s="22">
        <v>0</v>
      </c>
      <c r="FQ19" s="22">
        <v>0</v>
      </c>
      <c r="FR19" s="22">
        <v>104400</v>
      </c>
      <c r="FS19" s="22">
        <v>98220</v>
      </c>
      <c r="FT19" s="22">
        <v>98220</v>
      </c>
      <c r="FU19" s="25">
        <v>300840</v>
      </c>
      <c r="FV19" s="26">
        <v>300840</v>
      </c>
      <c r="FW19" s="21">
        <v>0</v>
      </c>
      <c r="FX19" s="22">
        <v>1404</v>
      </c>
      <c r="FY19" s="23">
        <v>1404</v>
      </c>
      <c r="FZ19" s="24">
        <v>0</v>
      </c>
      <c r="GA19" s="22">
        <v>59172</v>
      </c>
      <c r="GB19" s="22">
        <v>103384</v>
      </c>
      <c r="GC19" s="22">
        <v>195818</v>
      </c>
      <c r="GD19" s="22">
        <v>110893</v>
      </c>
      <c r="GE19" s="22">
        <v>40280</v>
      </c>
      <c r="GF19" s="25">
        <v>509547</v>
      </c>
      <c r="GG19" s="26">
        <v>510951</v>
      </c>
      <c r="GH19" s="21">
        <v>0</v>
      </c>
      <c r="GI19" s="22">
        <v>0</v>
      </c>
      <c r="GJ19" s="23">
        <v>0</v>
      </c>
      <c r="GK19" s="24">
        <v>0</v>
      </c>
      <c r="GL19" s="22">
        <v>0</v>
      </c>
      <c r="GM19" s="22">
        <v>0</v>
      </c>
      <c r="GN19" s="22">
        <v>77</v>
      </c>
      <c r="GO19" s="22">
        <v>2088</v>
      </c>
      <c r="GP19" s="22">
        <v>0</v>
      </c>
      <c r="GQ19" s="25">
        <v>2165</v>
      </c>
      <c r="GR19" s="26">
        <v>2165</v>
      </c>
      <c r="GS19" s="21">
        <v>0</v>
      </c>
      <c r="GT19" s="22">
        <v>0</v>
      </c>
      <c r="GU19" s="23">
        <v>0</v>
      </c>
      <c r="GV19" s="24">
        <v>0</v>
      </c>
      <c r="GW19" s="22">
        <v>0</v>
      </c>
      <c r="GX19" s="22">
        <v>0</v>
      </c>
      <c r="GY19" s="22">
        <v>0</v>
      </c>
      <c r="GZ19" s="22">
        <v>0</v>
      </c>
      <c r="HA19" s="22">
        <v>0</v>
      </c>
      <c r="HB19" s="25">
        <v>0</v>
      </c>
      <c r="HC19" s="26">
        <v>0</v>
      </c>
      <c r="HD19" s="21">
        <v>0</v>
      </c>
      <c r="HE19" s="22">
        <v>0</v>
      </c>
      <c r="HF19" s="23">
        <v>0</v>
      </c>
      <c r="HG19" s="390">
        <v>0</v>
      </c>
      <c r="HH19" s="22">
        <v>0</v>
      </c>
      <c r="HI19" s="22">
        <v>0</v>
      </c>
      <c r="HJ19" s="22">
        <v>0</v>
      </c>
      <c r="HK19" s="22">
        <v>0</v>
      </c>
      <c r="HL19" s="22">
        <v>0</v>
      </c>
      <c r="HM19" s="25">
        <v>0</v>
      </c>
      <c r="HN19" s="26">
        <v>0</v>
      </c>
      <c r="HO19" s="21">
        <v>0</v>
      </c>
      <c r="HP19" s="22">
        <v>1984</v>
      </c>
      <c r="HQ19" s="23">
        <v>1984</v>
      </c>
      <c r="HR19" s="24">
        <v>0</v>
      </c>
      <c r="HS19" s="22">
        <v>726718</v>
      </c>
      <c r="HT19" s="22">
        <v>1455577</v>
      </c>
      <c r="HU19" s="22">
        <v>5794945</v>
      </c>
      <c r="HV19" s="22">
        <v>7019122</v>
      </c>
      <c r="HW19" s="22">
        <v>3202004</v>
      </c>
      <c r="HX19" s="25">
        <v>18198366</v>
      </c>
      <c r="HY19" s="26">
        <v>18200350</v>
      </c>
    </row>
    <row r="20" spans="2:233" ht="21" customHeight="1" x14ac:dyDescent="0.2">
      <c r="B20" s="92" t="s">
        <v>17</v>
      </c>
      <c r="C20" s="21">
        <v>0</v>
      </c>
      <c r="D20" s="22">
        <v>0</v>
      </c>
      <c r="E20" s="23">
        <v>0</v>
      </c>
      <c r="F20" s="24">
        <v>0</v>
      </c>
      <c r="G20" s="22">
        <v>252410</v>
      </c>
      <c r="H20" s="22">
        <v>891366</v>
      </c>
      <c r="I20" s="22">
        <v>2735858</v>
      </c>
      <c r="J20" s="22">
        <v>3329819</v>
      </c>
      <c r="K20" s="22">
        <v>2290390</v>
      </c>
      <c r="L20" s="25">
        <v>9499843</v>
      </c>
      <c r="M20" s="26">
        <v>9499843</v>
      </c>
      <c r="N20" s="21">
        <v>0</v>
      </c>
      <c r="O20" s="22">
        <v>0</v>
      </c>
      <c r="P20" s="23">
        <v>0</v>
      </c>
      <c r="Q20" s="390">
        <v>0</v>
      </c>
      <c r="R20" s="22">
        <v>58665</v>
      </c>
      <c r="S20" s="22">
        <v>131550</v>
      </c>
      <c r="T20" s="22">
        <v>1483655</v>
      </c>
      <c r="U20" s="22">
        <v>2150885</v>
      </c>
      <c r="V20" s="22">
        <v>1676330</v>
      </c>
      <c r="W20" s="25">
        <v>5501085</v>
      </c>
      <c r="X20" s="26">
        <v>5501085</v>
      </c>
      <c r="Y20" s="21">
        <v>0</v>
      </c>
      <c r="Z20" s="22">
        <v>0</v>
      </c>
      <c r="AA20" s="23">
        <v>0</v>
      </c>
      <c r="AB20" s="390">
        <v>0</v>
      </c>
      <c r="AC20" s="22">
        <v>137575</v>
      </c>
      <c r="AD20" s="22">
        <v>687571</v>
      </c>
      <c r="AE20" s="22">
        <v>715038</v>
      </c>
      <c r="AF20" s="22">
        <v>656364</v>
      </c>
      <c r="AG20" s="22">
        <v>264450</v>
      </c>
      <c r="AH20" s="25">
        <v>2460998</v>
      </c>
      <c r="AI20" s="26">
        <v>2460998</v>
      </c>
      <c r="AJ20" s="21">
        <v>0</v>
      </c>
      <c r="AK20" s="22">
        <v>0</v>
      </c>
      <c r="AL20" s="23">
        <v>0</v>
      </c>
      <c r="AM20" s="390">
        <v>0</v>
      </c>
      <c r="AN20" s="22">
        <v>0</v>
      </c>
      <c r="AO20" s="22">
        <v>0</v>
      </c>
      <c r="AP20" s="22">
        <v>0</v>
      </c>
      <c r="AQ20" s="22">
        <v>0</v>
      </c>
      <c r="AR20" s="22">
        <v>0</v>
      </c>
      <c r="AS20" s="25">
        <v>0</v>
      </c>
      <c r="AT20" s="26">
        <v>0</v>
      </c>
      <c r="AU20" s="21">
        <v>0</v>
      </c>
      <c r="AV20" s="22">
        <v>0</v>
      </c>
      <c r="AW20" s="23">
        <v>0</v>
      </c>
      <c r="AX20" s="390">
        <v>0</v>
      </c>
      <c r="AY20" s="22">
        <v>0</v>
      </c>
      <c r="AZ20" s="22">
        <v>0</v>
      </c>
      <c r="BA20" s="22">
        <v>0</v>
      </c>
      <c r="BB20" s="22">
        <v>39450</v>
      </c>
      <c r="BC20" s="22">
        <v>84840</v>
      </c>
      <c r="BD20" s="25">
        <v>124290</v>
      </c>
      <c r="BE20" s="26">
        <v>124290</v>
      </c>
      <c r="BF20" s="21">
        <v>0</v>
      </c>
      <c r="BG20" s="22">
        <v>0</v>
      </c>
      <c r="BH20" s="23">
        <v>0</v>
      </c>
      <c r="BI20" s="390">
        <v>0</v>
      </c>
      <c r="BJ20" s="22">
        <v>0</v>
      </c>
      <c r="BK20" s="22">
        <v>0</v>
      </c>
      <c r="BL20" s="22">
        <v>183900</v>
      </c>
      <c r="BM20" s="22">
        <v>236400</v>
      </c>
      <c r="BN20" s="22">
        <v>185940</v>
      </c>
      <c r="BO20" s="25">
        <v>606240</v>
      </c>
      <c r="BP20" s="26">
        <v>606240</v>
      </c>
      <c r="BQ20" s="21">
        <v>0</v>
      </c>
      <c r="BR20" s="22">
        <v>0</v>
      </c>
      <c r="BS20" s="23">
        <v>0</v>
      </c>
      <c r="BT20" s="24">
        <v>0</v>
      </c>
      <c r="BU20" s="22">
        <v>56170</v>
      </c>
      <c r="BV20" s="22">
        <v>66420</v>
      </c>
      <c r="BW20" s="22">
        <v>352250</v>
      </c>
      <c r="BX20" s="22">
        <v>234650</v>
      </c>
      <c r="BY20" s="22">
        <v>59040</v>
      </c>
      <c r="BZ20" s="25">
        <v>768530</v>
      </c>
      <c r="CA20" s="26">
        <v>768530</v>
      </c>
      <c r="CB20" s="21">
        <v>0</v>
      </c>
      <c r="CC20" s="22">
        <v>0</v>
      </c>
      <c r="CD20" s="23">
        <v>0</v>
      </c>
      <c r="CE20" s="24">
        <v>0</v>
      </c>
      <c r="CF20" s="22">
        <v>0</v>
      </c>
      <c r="CG20" s="22">
        <v>5825</v>
      </c>
      <c r="CH20" s="22">
        <v>1015</v>
      </c>
      <c r="CI20" s="22">
        <v>12070</v>
      </c>
      <c r="CJ20" s="22">
        <v>19790</v>
      </c>
      <c r="CK20" s="25">
        <v>38700</v>
      </c>
      <c r="CL20" s="26">
        <v>38700</v>
      </c>
      <c r="CM20" s="21">
        <v>0</v>
      </c>
      <c r="CN20" s="22">
        <v>0</v>
      </c>
      <c r="CO20" s="23">
        <v>0</v>
      </c>
      <c r="CP20" s="24">
        <v>0</v>
      </c>
      <c r="CQ20" s="22">
        <v>0</v>
      </c>
      <c r="CR20" s="22">
        <v>0</v>
      </c>
      <c r="CS20" s="22">
        <v>0</v>
      </c>
      <c r="CT20" s="22">
        <v>0</v>
      </c>
      <c r="CU20" s="22">
        <v>0</v>
      </c>
      <c r="CV20" s="25">
        <v>0</v>
      </c>
      <c r="CW20" s="26">
        <v>0</v>
      </c>
      <c r="CX20" s="21">
        <v>0</v>
      </c>
      <c r="CY20" s="22">
        <v>0</v>
      </c>
      <c r="CZ20" s="23">
        <v>0</v>
      </c>
      <c r="DA20" s="390">
        <v>0</v>
      </c>
      <c r="DB20" s="22">
        <v>0</v>
      </c>
      <c r="DC20" s="22">
        <v>0</v>
      </c>
      <c r="DD20" s="22">
        <v>0</v>
      </c>
      <c r="DE20" s="22">
        <v>0</v>
      </c>
      <c r="DF20" s="22">
        <v>0</v>
      </c>
      <c r="DG20" s="25">
        <v>0</v>
      </c>
      <c r="DH20" s="26">
        <v>0</v>
      </c>
      <c r="DI20" s="21">
        <v>0</v>
      </c>
      <c r="DJ20" s="22">
        <v>0</v>
      </c>
      <c r="DK20" s="23">
        <v>0</v>
      </c>
      <c r="DL20" s="24">
        <v>0</v>
      </c>
      <c r="DM20" s="22">
        <v>113198</v>
      </c>
      <c r="DN20" s="22">
        <v>329712</v>
      </c>
      <c r="DO20" s="22">
        <v>2939105</v>
      </c>
      <c r="DP20" s="22">
        <v>3942197</v>
      </c>
      <c r="DQ20" s="22">
        <v>2437016</v>
      </c>
      <c r="DR20" s="25">
        <v>9761228</v>
      </c>
      <c r="DS20" s="27">
        <v>9761228</v>
      </c>
      <c r="DT20" s="21">
        <v>0</v>
      </c>
      <c r="DU20" s="22">
        <v>0</v>
      </c>
      <c r="DV20" s="23">
        <v>0</v>
      </c>
      <c r="DW20" s="390">
        <v>0</v>
      </c>
      <c r="DX20" s="22">
        <v>62730</v>
      </c>
      <c r="DY20" s="22">
        <v>192000</v>
      </c>
      <c r="DZ20" s="22">
        <v>2041217</v>
      </c>
      <c r="EA20" s="22">
        <v>3205035</v>
      </c>
      <c r="EB20" s="22">
        <v>1997304</v>
      </c>
      <c r="EC20" s="25">
        <v>7498286</v>
      </c>
      <c r="ED20" s="26">
        <v>7498286</v>
      </c>
      <c r="EE20" s="21">
        <v>0</v>
      </c>
      <c r="EF20" s="22">
        <v>0</v>
      </c>
      <c r="EG20" s="23">
        <v>0</v>
      </c>
      <c r="EH20" s="390">
        <v>0</v>
      </c>
      <c r="EI20" s="22">
        <v>3094</v>
      </c>
      <c r="EJ20" s="22">
        <v>18748</v>
      </c>
      <c r="EK20" s="22">
        <v>81107</v>
      </c>
      <c r="EL20" s="22">
        <v>50640</v>
      </c>
      <c r="EM20" s="22">
        <v>22189</v>
      </c>
      <c r="EN20" s="25">
        <v>175778</v>
      </c>
      <c r="EO20" s="26">
        <v>175778</v>
      </c>
      <c r="EP20" s="21">
        <v>0</v>
      </c>
      <c r="EQ20" s="22">
        <v>0</v>
      </c>
      <c r="ER20" s="23">
        <v>0</v>
      </c>
      <c r="ES20" s="390">
        <v>0</v>
      </c>
      <c r="ET20" s="22">
        <v>0</v>
      </c>
      <c r="EU20" s="22">
        <v>0</v>
      </c>
      <c r="EV20" s="22">
        <v>0</v>
      </c>
      <c r="EW20" s="22">
        <v>0</v>
      </c>
      <c r="EX20" s="22">
        <v>0</v>
      </c>
      <c r="EY20" s="25">
        <v>0</v>
      </c>
      <c r="EZ20" s="26">
        <v>0</v>
      </c>
      <c r="FA20" s="21">
        <v>0</v>
      </c>
      <c r="FB20" s="22">
        <v>0</v>
      </c>
      <c r="FC20" s="23">
        <v>0</v>
      </c>
      <c r="FD20" s="390">
        <v>0</v>
      </c>
      <c r="FE20" s="22">
        <v>0</v>
      </c>
      <c r="FF20" s="22">
        <v>0</v>
      </c>
      <c r="FG20" s="22">
        <v>0</v>
      </c>
      <c r="FH20" s="22">
        <v>13530</v>
      </c>
      <c r="FI20" s="22">
        <v>840</v>
      </c>
      <c r="FJ20" s="25">
        <v>14370</v>
      </c>
      <c r="FK20" s="26">
        <v>14370</v>
      </c>
      <c r="FL20" s="21">
        <v>0</v>
      </c>
      <c r="FM20" s="22">
        <v>0</v>
      </c>
      <c r="FN20" s="23">
        <v>0</v>
      </c>
      <c r="FO20" s="390">
        <v>0</v>
      </c>
      <c r="FP20" s="22">
        <v>0</v>
      </c>
      <c r="FQ20" s="22">
        <v>0</v>
      </c>
      <c r="FR20" s="22">
        <v>330060</v>
      </c>
      <c r="FS20" s="22">
        <v>372120</v>
      </c>
      <c r="FT20" s="22">
        <v>284442</v>
      </c>
      <c r="FU20" s="25">
        <v>986622</v>
      </c>
      <c r="FV20" s="26">
        <v>986622</v>
      </c>
      <c r="FW20" s="21">
        <v>0</v>
      </c>
      <c r="FX20" s="22">
        <v>0</v>
      </c>
      <c r="FY20" s="23">
        <v>0</v>
      </c>
      <c r="FZ20" s="24">
        <v>0</v>
      </c>
      <c r="GA20" s="22">
        <v>47374</v>
      </c>
      <c r="GB20" s="22">
        <v>117820</v>
      </c>
      <c r="GC20" s="22">
        <v>484910</v>
      </c>
      <c r="GD20" s="22">
        <v>297812</v>
      </c>
      <c r="GE20" s="22">
        <v>122608</v>
      </c>
      <c r="GF20" s="25">
        <v>1070524</v>
      </c>
      <c r="GG20" s="26">
        <v>1070524</v>
      </c>
      <c r="GH20" s="21">
        <v>0</v>
      </c>
      <c r="GI20" s="22">
        <v>0</v>
      </c>
      <c r="GJ20" s="23">
        <v>0</v>
      </c>
      <c r="GK20" s="24">
        <v>0</v>
      </c>
      <c r="GL20" s="22">
        <v>0</v>
      </c>
      <c r="GM20" s="22">
        <v>1144</v>
      </c>
      <c r="GN20" s="22">
        <v>1811</v>
      </c>
      <c r="GO20" s="22">
        <v>3060</v>
      </c>
      <c r="GP20" s="22">
        <v>9633</v>
      </c>
      <c r="GQ20" s="25">
        <v>15648</v>
      </c>
      <c r="GR20" s="26">
        <v>15648</v>
      </c>
      <c r="GS20" s="21">
        <v>0</v>
      </c>
      <c r="GT20" s="22">
        <v>0</v>
      </c>
      <c r="GU20" s="23">
        <v>0</v>
      </c>
      <c r="GV20" s="24">
        <v>0</v>
      </c>
      <c r="GW20" s="22">
        <v>0</v>
      </c>
      <c r="GX20" s="22">
        <v>0</v>
      </c>
      <c r="GY20" s="22">
        <v>0</v>
      </c>
      <c r="GZ20" s="22">
        <v>0</v>
      </c>
      <c r="HA20" s="22">
        <v>0</v>
      </c>
      <c r="HB20" s="25">
        <v>0</v>
      </c>
      <c r="HC20" s="26">
        <v>0</v>
      </c>
      <c r="HD20" s="21">
        <v>0</v>
      </c>
      <c r="HE20" s="22">
        <v>0</v>
      </c>
      <c r="HF20" s="23">
        <v>0</v>
      </c>
      <c r="HG20" s="390">
        <v>0</v>
      </c>
      <c r="HH20" s="22">
        <v>0</v>
      </c>
      <c r="HI20" s="22">
        <v>0</v>
      </c>
      <c r="HJ20" s="22">
        <v>0</v>
      </c>
      <c r="HK20" s="22">
        <v>0</v>
      </c>
      <c r="HL20" s="22">
        <v>0</v>
      </c>
      <c r="HM20" s="25">
        <v>0</v>
      </c>
      <c r="HN20" s="26">
        <v>0</v>
      </c>
      <c r="HO20" s="21">
        <v>0</v>
      </c>
      <c r="HP20" s="22">
        <v>0</v>
      </c>
      <c r="HQ20" s="23">
        <v>0</v>
      </c>
      <c r="HR20" s="24">
        <v>0</v>
      </c>
      <c r="HS20" s="22">
        <v>365608</v>
      </c>
      <c r="HT20" s="22">
        <v>1221078</v>
      </c>
      <c r="HU20" s="22">
        <v>5674963</v>
      </c>
      <c r="HV20" s="22">
        <v>7272016</v>
      </c>
      <c r="HW20" s="22">
        <v>4727406</v>
      </c>
      <c r="HX20" s="25">
        <v>19261071</v>
      </c>
      <c r="HY20" s="26">
        <v>19261071</v>
      </c>
    </row>
    <row r="21" spans="2:233" ht="21" customHeight="1" x14ac:dyDescent="0.2">
      <c r="B21" s="92" t="s">
        <v>18</v>
      </c>
      <c r="C21" s="21">
        <v>0</v>
      </c>
      <c r="D21" s="22">
        <v>6575</v>
      </c>
      <c r="E21" s="23">
        <v>6575</v>
      </c>
      <c r="F21" s="24">
        <v>0</v>
      </c>
      <c r="G21" s="22">
        <v>207570</v>
      </c>
      <c r="H21" s="22">
        <v>566705</v>
      </c>
      <c r="I21" s="22">
        <v>2355655</v>
      </c>
      <c r="J21" s="22">
        <v>3563980</v>
      </c>
      <c r="K21" s="22">
        <v>2401610</v>
      </c>
      <c r="L21" s="25">
        <v>9095520</v>
      </c>
      <c r="M21" s="26">
        <v>9102095</v>
      </c>
      <c r="N21" s="21">
        <v>0</v>
      </c>
      <c r="O21" s="22">
        <v>0</v>
      </c>
      <c r="P21" s="23">
        <v>0</v>
      </c>
      <c r="Q21" s="390">
        <v>0</v>
      </c>
      <c r="R21" s="22">
        <v>24450</v>
      </c>
      <c r="S21" s="22">
        <v>44550</v>
      </c>
      <c r="T21" s="22">
        <v>1550785</v>
      </c>
      <c r="U21" s="22">
        <v>3003605</v>
      </c>
      <c r="V21" s="22">
        <v>1881705</v>
      </c>
      <c r="W21" s="25">
        <v>6505095</v>
      </c>
      <c r="X21" s="26">
        <v>6505095</v>
      </c>
      <c r="Y21" s="21">
        <v>0</v>
      </c>
      <c r="Z21" s="22">
        <v>0</v>
      </c>
      <c r="AA21" s="23">
        <v>0</v>
      </c>
      <c r="AB21" s="390">
        <v>0</v>
      </c>
      <c r="AC21" s="22">
        <v>119810</v>
      </c>
      <c r="AD21" s="22">
        <v>463960</v>
      </c>
      <c r="AE21" s="22">
        <v>454270</v>
      </c>
      <c r="AF21" s="22">
        <v>249490</v>
      </c>
      <c r="AG21" s="22">
        <v>345605</v>
      </c>
      <c r="AH21" s="25">
        <v>1633135</v>
      </c>
      <c r="AI21" s="26">
        <v>1633135</v>
      </c>
      <c r="AJ21" s="21">
        <v>0</v>
      </c>
      <c r="AK21" s="22">
        <v>0</v>
      </c>
      <c r="AL21" s="23">
        <v>0</v>
      </c>
      <c r="AM21" s="390">
        <v>0</v>
      </c>
      <c r="AN21" s="22">
        <v>0</v>
      </c>
      <c r="AO21" s="22">
        <v>0</v>
      </c>
      <c r="AP21" s="22">
        <v>0</v>
      </c>
      <c r="AQ21" s="22">
        <v>0</v>
      </c>
      <c r="AR21" s="22">
        <v>0</v>
      </c>
      <c r="AS21" s="25">
        <v>0</v>
      </c>
      <c r="AT21" s="26">
        <v>0</v>
      </c>
      <c r="AU21" s="21">
        <v>0</v>
      </c>
      <c r="AV21" s="22">
        <v>0</v>
      </c>
      <c r="AW21" s="23">
        <v>0</v>
      </c>
      <c r="AX21" s="390">
        <v>0</v>
      </c>
      <c r="AY21" s="22">
        <v>0</v>
      </c>
      <c r="AZ21" s="22">
        <v>0</v>
      </c>
      <c r="BA21" s="22">
        <v>0</v>
      </c>
      <c r="BB21" s="22">
        <v>5100</v>
      </c>
      <c r="BC21" s="22">
        <v>65700</v>
      </c>
      <c r="BD21" s="25">
        <v>70800</v>
      </c>
      <c r="BE21" s="26">
        <v>70800</v>
      </c>
      <c r="BF21" s="21">
        <v>0</v>
      </c>
      <c r="BG21" s="22">
        <v>0</v>
      </c>
      <c r="BH21" s="23">
        <v>0</v>
      </c>
      <c r="BI21" s="390">
        <v>0</v>
      </c>
      <c r="BJ21" s="22">
        <v>0</v>
      </c>
      <c r="BK21" s="22">
        <v>2550</v>
      </c>
      <c r="BL21" s="22">
        <v>34200</v>
      </c>
      <c r="BM21" s="22">
        <v>102175</v>
      </c>
      <c r="BN21" s="22">
        <v>51780</v>
      </c>
      <c r="BO21" s="25">
        <v>190705</v>
      </c>
      <c r="BP21" s="26">
        <v>190705</v>
      </c>
      <c r="BQ21" s="21">
        <v>0</v>
      </c>
      <c r="BR21" s="22">
        <v>6575</v>
      </c>
      <c r="BS21" s="23">
        <v>6575</v>
      </c>
      <c r="BT21" s="24">
        <v>0</v>
      </c>
      <c r="BU21" s="22">
        <v>61620</v>
      </c>
      <c r="BV21" s="22">
        <v>55645</v>
      </c>
      <c r="BW21" s="22">
        <v>316400</v>
      </c>
      <c r="BX21" s="22">
        <v>193055</v>
      </c>
      <c r="BY21" s="22">
        <v>56820</v>
      </c>
      <c r="BZ21" s="25">
        <v>683540</v>
      </c>
      <c r="CA21" s="26">
        <v>690115</v>
      </c>
      <c r="CB21" s="21">
        <v>0</v>
      </c>
      <c r="CC21" s="22">
        <v>0</v>
      </c>
      <c r="CD21" s="23">
        <v>0</v>
      </c>
      <c r="CE21" s="24">
        <v>0</v>
      </c>
      <c r="CF21" s="22">
        <v>1690</v>
      </c>
      <c r="CG21" s="22">
        <v>0</v>
      </c>
      <c r="CH21" s="22">
        <v>0</v>
      </c>
      <c r="CI21" s="22">
        <v>10555</v>
      </c>
      <c r="CJ21" s="22">
        <v>0</v>
      </c>
      <c r="CK21" s="25">
        <v>12245</v>
      </c>
      <c r="CL21" s="26">
        <v>12245</v>
      </c>
      <c r="CM21" s="21">
        <v>0</v>
      </c>
      <c r="CN21" s="22">
        <v>0</v>
      </c>
      <c r="CO21" s="23">
        <v>0</v>
      </c>
      <c r="CP21" s="24">
        <v>0</v>
      </c>
      <c r="CQ21" s="22">
        <v>0</v>
      </c>
      <c r="CR21" s="22">
        <v>0</v>
      </c>
      <c r="CS21" s="22">
        <v>0</v>
      </c>
      <c r="CT21" s="22">
        <v>0</v>
      </c>
      <c r="CU21" s="22">
        <v>0</v>
      </c>
      <c r="CV21" s="25">
        <v>0</v>
      </c>
      <c r="CW21" s="26">
        <v>0</v>
      </c>
      <c r="CX21" s="21">
        <v>0</v>
      </c>
      <c r="CY21" s="22">
        <v>0</v>
      </c>
      <c r="CZ21" s="23">
        <v>0</v>
      </c>
      <c r="DA21" s="390">
        <v>0</v>
      </c>
      <c r="DB21" s="22">
        <v>0</v>
      </c>
      <c r="DC21" s="22">
        <v>0</v>
      </c>
      <c r="DD21" s="22">
        <v>0</v>
      </c>
      <c r="DE21" s="22">
        <v>0</v>
      </c>
      <c r="DF21" s="22">
        <v>0</v>
      </c>
      <c r="DG21" s="25">
        <v>0</v>
      </c>
      <c r="DH21" s="26">
        <v>0</v>
      </c>
      <c r="DI21" s="21">
        <v>0</v>
      </c>
      <c r="DJ21" s="22">
        <v>8696</v>
      </c>
      <c r="DK21" s="23">
        <v>8696</v>
      </c>
      <c r="DL21" s="24">
        <v>0</v>
      </c>
      <c r="DM21" s="22">
        <v>197704</v>
      </c>
      <c r="DN21" s="22">
        <v>365619</v>
      </c>
      <c r="DO21" s="22">
        <v>2857446</v>
      </c>
      <c r="DP21" s="22">
        <v>4301550</v>
      </c>
      <c r="DQ21" s="22">
        <v>2771573</v>
      </c>
      <c r="DR21" s="25">
        <v>10493892</v>
      </c>
      <c r="DS21" s="27">
        <v>10502588</v>
      </c>
      <c r="DT21" s="21">
        <v>0</v>
      </c>
      <c r="DU21" s="22">
        <v>0</v>
      </c>
      <c r="DV21" s="23">
        <v>0</v>
      </c>
      <c r="DW21" s="390">
        <v>0</v>
      </c>
      <c r="DX21" s="22">
        <v>38880</v>
      </c>
      <c r="DY21" s="22">
        <v>119100</v>
      </c>
      <c r="DZ21" s="22">
        <v>2152799</v>
      </c>
      <c r="EA21" s="22">
        <v>3897680</v>
      </c>
      <c r="EB21" s="22">
        <v>2524393</v>
      </c>
      <c r="EC21" s="25">
        <v>8732852</v>
      </c>
      <c r="ED21" s="26">
        <v>8732852</v>
      </c>
      <c r="EE21" s="21">
        <v>0</v>
      </c>
      <c r="EF21" s="22">
        <v>0</v>
      </c>
      <c r="EG21" s="23">
        <v>0</v>
      </c>
      <c r="EH21" s="390">
        <v>0</v>
      </c>
      <c r="EI21" s="22">
        <v>43394</v>
      </c>
      <c r="EJ21" s="22">
        <v>119741</v>
      </c>
      <c r="EK21" s="22">
        <v>143982</v>
      </c>
      <c r="EL21" s="22">
        <v>5705</v>
      </c>
      <c r="EM21" s="22">
        <v>52330</v>
      </c>
      <c r="EN21" s="25">
        <v>365152</v>
      </c>
      <c r="EO21" s="26">
        <v>365152</v>
      </c>
      <c r="EP21" s="21">
        <v>0</v>
      </c>
      <c r="EQ21" s="22">
        <v>0</v>
      </c>
      <c r="ER21" s="23">
        <v>0</v>
      </c>
      <c r="ES21" s="390">
        <v>0</v>
      </c>
      <c r="ET21" s="22">
        <v>0</v>
      </c>
      <c r="EU21" s="22">
        <v>0</v>
      </c>
      <c r="EV21" s="22">
        <v>0</v>
      </c>
      <c r="EW21" s="22">
        <v>0</v>
      </c>
      <c r="EX21" s="22">
        <v>0</v>
      </c>
      <c r="EY21" s="25">
        <v>0</v>
      </c>
      <c r="EZ21" s="26">
        <v>0</v>
      </c>
      <c r="FA21" s="21">
        <v>0</v>
      </c>
      <c r="FB21" s="22">
        <v>0</v>
      </c>
      <c r="FC21" s="23">
        <v>0</v>
      </c>
      <c r="FD21" s="390">
        <v>0</v>
      </c>
      <c r="FE21" s="22">
        <v>0</v>
      </c>
      <c r="FF21" s="22">
        <v>0</v>
      </c>
      <c r="FG21" s="22">
        <v>0</v>
      </c>
      <c r="FH21" s="22">
        <v>420</v>
      </c>
      <c r="FI21" s="22">
        <v>1260</v>
      </c>
      <c r="FJ21" s="25">
        <v>1680</v>
      </c>
      <c r="FK21" s="26">
        <v>1680</v>
      </c>
      <c r="FL21" s="21">
        <v>0</v>
      </c>
      <c r="FM21" s="22">
        <v>0</v>
      </c>
      <c r="FN21" s="23">
        <v>0</v>
      </c>
      <c r="FO21" s="390">
        <v>0</v>
      </c>
      <c r="FP21" s="22">
        <v>0</v>
      </c>
      <c r="FQ21" s="22">
        <v>20880</v>
      </c>
      <c r="FR21" s="22">
        <v>56460</v>
      </c>
      <c r="FS21" s="22">
        <v>166596</v>
      </c>
      <c r="FT21" s="22">
        <v>71410</v>
      </c>
      <c r="FU21" s="25">
        <v>315346</v>
      </c>
      <c r="FV21" s="26">
        <v>315346</v>
      </c>
      <c r="FW21" s="21">
        <v>0</v>
      </c>
      <c r="FX21" s="22">
        <v>8696</v>
      </c>
      <c r="FY21" s="23">
        <v>8696</v>
      </c>
      <c r="FZ21" s="24">
        <v>0</v>
      </c>
      <c r="GA21" s="22">
        <v>113074</v>
      </c>
      <c r="GB21" s="22">
        <v>105898</v>
      </c>
      <c r="GC21" s="22">
        <v>504205</v>
      </c>
      <c r="GD21" s="22">
        <v>226779</v>
      </c>
      <c r="GE21" s="22">
        <v>122180</v>
      </c>
      <c r="GF21" s="25">
        <v>1072136</v>
      </c>
      <c r="GG21" s="26">
        <v>1080832</v>
      </c>
      <c r="GH21" s="21">
        <v>0</v>
      </c>
      <c r="GI21" s="22">
        <v>0</v>
      </c>
      <c r="GJ21" s="23">
        <v>0</v>
      </c>
      <c r="GK21" s="24">
        <v>0</v>
      </c>
      <c r="GL21" s="22">
        <v>2356</v>
      </c>
      <c r="GM21" s="22">
        <v>0</v>
      </c>
      <c r="GN21" s="22">
        <v>0</v>
      </c>
      <c r="GO21" s="22">
        <v>4370</v>
      </c>
      <c r="GP21" s="22">
        <v>0</v>
      </c>
      <c r="GQ21" s="25">
        <v>6726</v>
      </c>
      <c r="GR21" s="26">
        <v>6726</v>
      </c>
      <c r="GS21" s="21">
        <v>0</v>
      </c>
      <c r="GT21" s="22">
        <v>0</v>
      </c>
      <c r="GU21" s="23">
        <v>0</v>
      </c>
      <c r="GV21" s="24">
        <v>0</v>
      </c>
      <c r="GW21" s="22">
        <v>0</v>
      </c>
      <c r="GX21" s="22">
        <v>0</v>
      </c>
      <c r="GY21" s="22">
        <v>0</v>
      </c>
      <c r="GZ21" s="22">
        <v>0</v>
      </c>
      <c r="HA21" s="22">
        <v>0</v>
      </c>
      <c r="HB21" s="25">
        <v>0</v>
      </c>
      <c r="HC21" s="26">
        <v>0</v>
      </c>
      <c r="HD21" s="21">
        <v>0</v>
      </c>
      <c r="HE21" s="22">
        <v>0</v>
      </c>
      <c r="HF21" s="23">
        <v>0</v>
      </c>
      <c r="HG21" s="390">
        <v>0</v>
      </c>
      <c r="HH21" s="22">
        <v>0</v>
      </c>
      <c r="HI21" s="22">
        <v>0</v>
      </c>
      <c r="HJ21" s="22">
        <v>0</v>
      </c>
      <c r="HK21" s="22">
        <v>0</v>
      </c>
      <c r="HL21" s="22">
        <v>0</v>
      </c>
      <c r="HM21" s="25">
        <v>0</v>
      </c>
      <c r="HN21" s="26">
        <v>0</v>
      </c>
      <c r="HO21" s="21">
        <v>0</v>
      </c>
      <c r="HP21" s="22">
        <v>15271</v>
      </c>
      <c r="HQ21" s="23">
        <v>15271</v>
      </c>
      <c r="HR21" s="24">
        <v>0</v>
      </c>
      <c r="HS21" s="22">
        <v>405274</v>
      </c>
      <c r="HT21" s="22">
        <v>932324</v>
      </c>
      <c r="HU21" s="22">
        <v>5213101</v>
      </c>
      <c r="HV21" s="22">
        <v>7865530</v>
      </c>
      <c r="HW21" s="22">
        <v>5173183</v>
      </c>
      <c r="HX21" s="25">
        <v>19589412</v>
      </c>
      <c r="HY21" s="26">
        <v>19604683</v>
      </c>
    </row>
    <row r="22" spans="2:233" ht="21" customHeight="1" x14ac:dyDescent="0.2">
      <c r="B22" s="92" t="s">
        <v>19</v>
      </c>
      <c r="C22" s="21">
        <v>0</v>
      </c>
      <c r="D22" s="22">
        <v>0</v>
      </c>
      <c r="E22" s="23">
        <v>0</v>
      </c>
      <c r="F22" s="24">
        <v>0</v>
      </c>
      <c r="G22" s="22">
        <v>202520</v>
      </c>
      <c r="H22" s="22">
        <v>279345</v>
      </c>
      <c r="I22" s="22">
        <v>1369925</v>
      </c>
      <c r="J22" s="22">
        <v>1117760</v>
      </c>
      <c r="K22" s="22">
        <v>1069135</v>
      </c>
      <c r="L22" s="25">
        <v>4038685</v>
      </c>
      <c r="M22" s="26">
        <v>4038685</v>
      </c>
      <c r="N22" s="21">
        <v>0</v>
      </c>
      <c r="O22" s="22">
        <v>0</v>
      </c>
      <c r="P22" s="23">
        <v>0</v>
      </c>
      <c r="Q22" s="390">
        <v>0</v>
      </c>
      <c r="R22" s="22">
        <v>0</v>
      </c>
      <c r="S22" s="22">
        <v>42000</v>
      </c>
      <c r="T22" s="22">
        <v>910515</v>
      </c>
      <c r="U22" s="22">
        <v>934765</v>
      </c>
      <c r="V22" s="22">
        <v>979245</v>
      </c>
      <c r="W22" s="25">
        <v>2866525</v>
      </c>
      <c r="X22" s="26">
        <v>2866525</v>
      </c>
      <c r="Y22" s="21">
        <v>0</v>
      </c>
      <c r="Z22" s="22">
        <v>0</v>
      </c>
      <c r="AA22" s="23">
        <v>0</v>
      </c>
      <c r="AB22" s="390">
        <v>0</v>
      </c>
      <c r="AC22" s="22">
        <v>173810</v>
      </c>
      <c r="AD22" s="22">
        <v>203835</v>
      </c>
      <c r="AE22" s="22">
        <v>367925</v>
      </c>
      <c r="AF22" s="22">
        <v>166105</v>
      </c>
      <c r="AG22" s="22">
        <v>82745</v>
      </c>
      <c r="AH22" s="25">
        <v>994420</v>
      </c>
      <c r="AI22" s="26">
        <v>994420</v>
      </c>
      <c r="AJ22" s="21">
        <v>0</v>
      </c>
      <c r="AK22" s="22">
        <v>0</v>
      </c>
      <c r="AL22" s="23">
        <v>0</v>
      </c>
      <c r="AM22" s="390">
        <v>0</v>
      </c>
      <c r="AN22" s="22">
        <v>0</v>
      </c>
      <c r="AO22" s="22">
        <v>0</v>
      </c>
      <c r="AP22" s="22">
        <v>0</v>
      </c>
      <c r="AQ22" s="22">
        <v>0</v>
      </c>
      <c r="AR22" s="22">
        <v>0</v>
      </c>
      <c r="AS22" s="25">
        <v>0</v>
      </c>
      <c r="AT22" s="26">
        <v>0</v>
      </c>
      <c r="AU22" s="21">
        <v>0</v>
      </c>
      <c r="AV22" s="22">
        <v>0</v>
      </c>
      <c r="AW22" s="23">
        <v>0</v>
      </c>
      <c r="AX22" s="390">
        <v>0</v>
      </c>
      <c r="AY22" s="22">
        <v>0</v>
      </c>
      <c r="AZ22" s="22">
        <v>0</v>
      </c>
      <c r="BA22" s="22">
        <v>0</v>
      </c>
      <c r="BB22" s="22">
        <v>0</v>
      </c>
      <c r="BC22" s="22">
        <v>0</v>
      </c>
      <c r="BD22" s="25">
        <v>0</v>
      </c>
      <c r="BE22" s="26">
        <v>0</v>
      </c>
      <c r="BF22" s="21">
        <v>0</v>
      </c>
      <c r="BG22" s="22">
        <v>0</v>
      </c>
      <c r="BH22" s="23">
        <v>0</v>
      </c>
      <c r="BI22" s="390">
        <v>0</v>
      </c>
      <c r="BJ22" s="22">
        <v>0</v>
      </c>
      <c r="BK22" s="22">
        <v>0</v>
      </c>
      <c r="BL22" s="22">
        <v>0</v>
      </c>
      <c r="BM22" s="22">
        <v>0</v>
      </c>
      <c r="BN22" s="22">
        <v>0</v>
      </c>
      <c r="BO22" s="25">
        <v>0</v>
      </c>
      <c r="BP22" s="26">
        <v>0</v>
      </c>
      <c r="BQ22" s="21">
        <v>0</v>
      </c>
      <c r="BR22" s="22">
        <v>0</v>
      </c>
      <c r="BS22" s="23">
        <v>0</v>
      </c>
      <c r="BT22" s="24">
        <v>0</v>
      </c>
      <c r="BU22" s="22">
        <v>27640</v>
      </c>
      <c r="BV22" s="22">
        <v>33510</v>
      </c>
      <c r="BW22" s="22">
        <v>90745</v>
      </c>
      <c r="BX22" s="22">
        <v>14925</v>
      </c>
      <c r="BY22" s="22">
        <v>6855</v>
      </c>
      <c r="BZ22" s="25">
        <v>173675</v>
      </c>
      <c r="CA22" s="26">
        <v>173675</v>
      </c>
      <c r="CB22" s="21">
        <v>0</v>
      </c>
      <c r="CC22" s="22">
        <v>0</v>
      </c>
      <c r="CD22" s="23">
        <v>0</v>
      </c>
      <c r="CE22" s="24">
        <v>0</v>
      </c>
      <c r="CF22" s="22">
        <v>1070</v>
      </c>
      <c r="CG22" s="22">
        <v>0</v>
      </c>
      <c r="CH22" s="22">
        <v>740</v>
      </c>
      <c r="CI22" s="22">
        <v>1965</v>
      </c>
      <c r="CJ22" s="22">
        <v>290</v>
      </c>
      <c r="CK22" s="25">
        <v>4065</v>
      </c>
      <c r="CL22" s="26">
        <v>4065</v>
      </c>
      <c r="CM22" s="21">
        <v>0</v>
      </c>
      <c r="CN22" s="22">
        <v>0</v>
      </c>
      <c r="CO22" s="23">
        <v>0</v>
      </c>
      <c r="CP22" s="24">
        <v>0</v>
      </c>
      <c r="CQ22" s="22">
        <v>0</v>
      </c>
      <c r="CR22" s="22">
        <v>0</v>
      </c>
      <c r="CS22" s="22">
        <v>0</v>
      </c>
      <c r="CT22" s="22">
        <v>0</v>
      </c>
      <c r="CU22" s="22">
        <v>0</v>
      </c>
      <c r="CV22" s="25">
        <v>0</v>
      </c>
      <c r="CW22" s="26">
        <v>0</v>
      </c>
      <c r="CX22" s="21">
        <v>0</v>
      </c>
      <c r="CY22" s="22">
        <v>0</v>
      </c>
      <c r="CZ22" s="23">
        <v>0</v>
      </c>
      <c r="DA22" s="390">
        <v>0</v>
      </c>
      <c r="DB22" s="22">
        <v>0</v>
      </c>
      <c r="DC22" s="22">
        <v>0</v>
      </c>
      <c r="DD22" s="22">
        <v>0</v>
      </c>
      <c r="DE22" s="22">
        <v>0</v>
      </c>
      <c r="DF22" s="22">
        <v>0</v>
      </c>
      <c r="DG22" s="25">
        <v>0</v>
      </c>
      <c r="DH22" s="26">
        <v>0</v>
      </c>
      <c r="DI22" s="21">
        <v>0</v>
      </c>
      <c r="DJ22" s="22">
        <v>0</v>
      </c>
      <c r="DK22" s="23">
        <v>0</v>
      </c>
      <c r="DL22" s="24">
        <v>0</v>
      </c>
      <c r="DM22" s="22">
        <v>45630</v>
      </c>
      <c r="DN22" s="22">
        <v>176049</v>
      </c>
      <c r="DO22" s="22">
        <v>1694108</v>
      </c>
      <c r="DP22" s="22">
        <v>1404334</v>
      </c>
      <c r="DQ22" s="22">
        <v>1170681</v>
      </c>
      <c r="DR22" s="25">
        <v>4490802</v>
      </c>
      <c r="DS22" s="27">
        <v>4490802</v>
      </c>
      <c r="DT22" s="21">
        <v>0</v>
      </c>
      <c r="DU22" s="22">
        <v>0</v>
      </c>
      <c r="DV22" s="23">
        <v>0</v>
      </c>
      <c r="DW22" s="390">
        <v>0</v>
      </c>
      <c r="DX22" s="22">
        <v>0</v>
      </c>
      <c r="DY22" s="22">
        <v>83760</v>
      </c>
      <c r="DZ22" s="22">
        <v>1520622</v>
      </c>
      <c r="EA22" s="22">
        <v>1352222</v>
      </c>
      <c r="EB22" s="22">
        <v>1134501</v>
      </c>
      <c r="EC22" s="25">
        <v>4091105</v>
      </c>
      <c r="ED22" s="26">
        <v>4091105</v>
      </c>
      <c r="EE22" s="21">
        <v>0</v>
      </c>
      <c r="EF22" s="22">
        <v>0</v>
      </c>
      <c r="EG22" s="23">
        <v>0</v>
      </c>
      <c r="EH22" s="390">
        <v>0</v>
      </c>
      <c r="EI22" s="22">
        <v>14552</v>
      </c>
      <c r="EJ22" s="22">
        <v>46347</v>
      </c>
      <c r="EK22" s="22">
        <v>19862</v>
      </c>
      <c r="EL22" s="22">
        <v>33909</v>
      </c>
      <c r="EM22" s="22">
        <v>23362</v>
      </c>
      <c r="EN22" s="25">
        <v>138032</v>
      </c>
      <c r="EO22" s="26">
        <v>138032</v>
      </c>
      <c r="EP22" s="21">
        <v>0</v>
      </c>
      <c r="EQ22" s="22">
        <v>0</v>
      </c>
      <c r="ER22" s="23">
        <v>0</v>
      </c>
      <c r="ES22" s="390">
        <v>0</v>
      </c>
      <c r="ET22" s="22">
        <v>0</v>
      </c>
      <c r="EU22" s="22">
        <v>0</v>
      </c>
      <c r="EV22" s="22">
        <v>0</v>
      </c>
      <c r="EW22" s="22">
        <v>0</v>
      </c>
      <c r="EX22" s="22">
        <v>0</v>
      </c>
      <c r="EY22" s="25">
        <v>0</v>
      </c>
      <c r="EZ22" s="26">
        <v>0</v>
      </c>
      <c r="FA22" s="21">
        <v>0</v>
      </c>
      <c r="FB22" s="22">
        <v>0</v>
      </c>
      <c r="FC22" s="23">
        <v>0</v>
      </c>
      <c r="FD22" s="390">
        <v>0</v>
      </c>
      <c r="FE22" s="22">
        <v>0</v>
      </c>
      <c r="FF22" s="22">
        <v>0</v>
      </c>
      <c r="FG22" s="22">
        <v>0</v>
      </c>
      <c r="FH22" s="22">
        <v>0</v>
      </c>
      <c r="FI22" s="22">
        <v>0</v>
      </c>
      <c r="FJ22" s="25">
        <v>0</v>
      </c>
      <c r="FK22" s="26">
        <v>0</v>
      </c>
      <c r="FL22" s="21">
        <v>0</v>
      </c>
      <c r="FM22" s="22">
        <v>0</v>
      </c>
      <c r="FN22" s="23">
        <v>0</v>
      </c>
      <c r="FO22" s="390">
        <v>0</v>
      </c>
      <c r="FP22" s="22">
        <v>0</v>
      </c>
      <c r="FQ22" s="22">
        <v>0</v>
      </c>
      <c r="FR22" s="22">
        <v>0</v>
      </c>
      <c r="FS22" s="22">
        <v>0</v>
      </c>
      <c r="FT22" s="22">
        <v>0</v>
      </c>
      <c r="FU22" s="25">
        <v>0</v>
      </c>
      <c r="FV22" s="26">
        <v>0</v>
      </c>
      <c r="FW22" s="21">
        <v>0</v>
      </c>
      <c r="FX22" s="22">
        <v>0</v>
      </c>
      <c r="FY22" s="23">
        <v>0</v>
      </c>
      <c r="FZ22" s="24">
        <v>0</v>
      </c>
      <c r="GA22" s="22">
        <v>31078</v>
      </c>
      <c r="GB22" s="22">
        <v>45942</v>
      </c>
      <c r="GC22" s="22">
        <v>153568</v>
      </c>
      <c r="GD22" s="22">
        <v>15999</v>
      </c>
      <c r="GE22" s="22">
        <v>10670</v>
      </c>
      <c r="GF22" s="25">
        <v>257257</v>
      </c>
      <c r="GG22" s="26">
        <v>257257</v>
      </c>
      <c r="GH22" s="21">
        <v>0</v>
      </c>
      <c r="GI22" s="22">
        <v>0</v>
      </c>
      <c r="GJ22" s="23">
        <v>0</v>
      </c>
      <c r="GK22" s="24">
        <v>0</v>
      </c>
      <c r="GL22" s="22">
        <v>0</v>
      </c>
      <c r="GM22" s="22">
        <v>0</v>
      </c>
      <c r="GN22" s="22">
        <v>56</v>
      </c>
      <c r="GO22" s="22">
        <v>2204</v>
      </c>
      <c r="GP22" s="22">
        <v>2148</v>
      </c>
      <c r="GQ22" s="25">
        <v>4408</v>
      </c>
      <c r="GR22" s="26">
        <v>4408</v>
      </c>
      <c r="GS22" s="21">
        <v>0</v>
      </c>
      <c r="GT22" s="22">
        <v>0</v>
      </c>
      <c r="GU22" s="23">
        <v>0</v>
      </c>
      <c r="GV22" s="24">
        <v>0</v>
      </c>
      <c r="GW22" s="22">
        <v>0</v>
      </c>
      <c r="GX22" s="22">
        <v>0</v>
      </c>
      <c r="GY22" s="22">
        <v>0</v>
      </c>
      <c r="GZ22" s="22">
        <v>0</v>
      </c>
      <c r="HA22" s="22">
        <v>0</v>
      </c>
      <c r="HB22" s="25">
        <v>0</v>
      </c>
      <c r="HC22" s="26">
        <v>0</v>
      </c>
      <c r="HD22" s="21">
        <v>0</v>
      </c>
      <c r="HE22" s="22">
        <v>0</v>
      </c>
      <c r="HF22" s="23">
        <v>0</v>
      </c>
      <c r="HG22" s="390">
        <v>0</v>
      </c>
      <c r="HH22" s="22">
        <v>0</v>
      </c>
      <c r="HI22" s="22">
        <v>0</v>
      </c>
      <c r="HJ22" s="22">
        <v>0</v>
      </c>
      <c r="HK22" s="22">
        <v>0</v>
      </c>
      <c r="HL22" s="22">
        <v>0</v>
      </c>
      <c r="HM22" s="25">
        <v>0</v>
      </c>
      <c r="HN22" s="26">
        <v>0</v>
      </c>
      <c r="HO22" s="21">
        <v>0</v>
      </c>
      <c r="HP22" s="22">
        <v>0</v>
      </c>
      <c r="HQ22" s="23">
        <v>0</v>
      </c>
      <c r="HR22" s="24">
        <v>0</v>
      </c>
      <c r="HS22" s="22">
        <v>248150</v>
      </c>
      <c r="HT22" s="22">
        <v>455394</v>
      </c>
      <c r="HU22" s="22">
        <v>3064033</v>
      </c>
      <c r="HV22" s="22">
        <v>2522094</v>
      </c>
      <c r="HW22" s="22">
        <v>2239816</v>
      </c>
      <c r="HX22" s="25">
        <v>8529487</v>
      </c>
      <c r="HY22" s="26">
        <v>8529487</v>
      </c>
    </row>
    <row r="23" spans="2:233" ht="21" customHeight="1" x14ac:dyDescent="0.2">
      <c r="B23" s="92" t="s">
        <v>20</v>
      </c>
      <c r="C23" s="21">
        <v>0</v>
      </c>
      <c r="D23" s="22">
        <v>0</v>
      </c>
      <c r="E23" s="23">
        <v>0</v>
      </c>
      <c r="F23" s="24">
        <v>0</v>
      </c>
      <c r="G23" s="22">
        <v>115730</v>
      </c>
      <c r="H23" s="22">
        <v>381115</v>
      </c>
      <c r="I23" s="22">
        <v>1090340</v>
      </c>
      <c r="J23" s="22">
        <v>1594500</v>
      </c>
      <c r="K23" s="22">
        <v>850980</v>
      </c>
      <c r="L23" s="25">
        <v>4032665</v>
      </c>
      <c r="M23" s="26">
        <v>4032665</v>
      </c>
      <c r="N23" s="21">
        <v>0</v>
      </c>
      <c r="O23" s="22">
        <v>0</v>
      </c>
      <c r="P23" s="23">
        <v>0</v>
      </c>
      <c r="Q23" s="390">
        <v>0</v>
      </c>
      <c r="R23" s="22">
        <v>31415</v>
      </c>
      <c r="S23" s="22">
        <v>142405</v>
      </c>
      <c r="T23" s="22">
        <v>915325</v>
      </c>
      <c r="U23" s="22">
        <v>1326735</v>
      </c>
      <c r="V23" s="22">
        <v>664085</v>
      </c>
      <c r="W23" s="25">
        <v>3079965</v>
      </c>
      <c r="X23" s="26">
        <v>3079965</v>
      </c>
      <c r="Y23" s="21">
        <v>0</v>
      </c>
      <c r="Z23" s="22">
        <v>0</v>
      </c>
      <c r="AA23" s="23">
        <v>0</v>
      </c>
      <c r="AB23" s="390">
        <v>0</v>
      </c>
      <c r="AC23" s="22">
        <v>71100</v>
      </c>
      <c r="AD23" s="22">
        <v>165585</v>
      </c>
      <c r="AE23" s="22">
        <v>96245</v>
      </c>
      <c r="AF23" s="22">
        <v>233325</v>
      </c>
      <c r="AG23" s="22">
        <v>67600</v>
      </c>
      <c r="AH23" s="25">
        <v>633855</v>
      </c>
      <c r="AI23" s="26">
        <v>633855</v>
      </c>
      <c r="AJ23" s="21">
        <v>0</v>
      </c>
      <c r="AK23" s="22">
        <v>0</v>
      </c>
      <c r="AL23" s="23">
        <v>0</v>
      </c>
      <c r="AM23" s="390">
        <v>0</v>
      </c>
      <c r="AN23" s="22">
        <v>0</v>
      </c>
      <c r="AO23" s="22">
        <v>0</v>
      </c>
      <c r="AP23" s="22">
        <v>0</v>
      </c>
      <c r="AQ23" s="22">
        <v>0</v>
      </c>
      <c r="AR23" s="22">
        <v>0</v>
      </c>
      <c r="AS23" s="25">
        <v>0</v>
      </c>
      <c r="AT23" s="26">
        <v>0</v>
      </c>
      <c r="AU23" s="21">
        <v>0</v>
      </c>
      <c r="AV23" s="22">
        <v>0</v>
      </c>
      <c r="AW23" s="23">
        <v>0</v>
      </c>
      <c r="AX23" s="390">
        <v>0</v>
      </c>
      <c r="AY23" s="22">
        <v>0</v>
      </c>
      <c r="AZ23" s="22">
        <v>0</v>
      </c>
      <c r="BA23" s="22">
        <v>0</v>
      </c>
      <c r="BB23" s="22">
        <v>0</v>
      </c>
      <c r="BC23" s="22">
        <v>63300</v>
      </c>
      <c r="BD23" s="25">
        <v>63300</v>
      </c>
      <c r="BE23" s="26">
        <v>63300</v>
      </c>
      <c r="BF23" s="21">
        <v>0</v>
      </c>
      <c r="BG23" s="22">
        <v>0</v>
      </c>
      <c r="BH23" s="23">
        <v>0</v>
      </c>
      <c r="BI23" s="390">
        <v>0</v>
      </c>
      <c r="BJ23" s="22">
        <v>0</v>
      </c>
      <c r="BK23" s="22">
        <v>0</v>
      </c>
      <c r="BL23" s="22">
        <v>0</v>
      </c>
      <c r="BM23" s="22">
        <v>0</v>
      </c>
      <c r="BN23" s="22">
        <v>0</v>
      </c>
      <c r="BO23" s="25">
        <v>0</v>
      </c>
      <c r="BP23" s="26">
        <v>0</v>
      </c>
      <c r="BQ23" s="21">
        <v>0</v>
      </c>
      <c r="BR23" s="22">
        <v>0</v>
      </c>
      <c r="BS23" s="23">
        <v>0</v>
      </c>
      <c r="BT23" s="24">
        <v>0</v>
      </c>
      <c r="BU23" s="22">
        <v>12075</v>
      </c>
      <c r="BV23" s="22">
        <v>73125</v>
      </c>
      <c r="BW23" s="22">
        <v>78045</v>
      </c>
      <c r="BX23" s="22">
        <v>33715</v>
      </c>
      <c r="BY23" s="22">
        <v>55995</v>
      </c>
      <c r="BZ23" s="25">
        <v>252955</v>
      </c>
      <c r="CA23" s="26">
        <v>252955</v>
      </c>
      <c r="CB23" s="21">
        <v>0</v>
      </c>
      <c r="CC23" s="22">
        <v>0</v>
      </c>
      <c r="CD23" s="23">
        <v>0</v>
      </c>
      <c r="CE23" s="24">
        <v>0</v>
      </c>
      <c r="CF23" s="22">
        <v>1140</v>
      </c>
      <c r="CG23" s="22">
        <v>0</v>
      </c>
      <c r="CH23" s="22">
        <v>725</v>
      </c>
      <c r="CI23" s="22">
        <v>725</v>
      </c>
      <c r="CJ23" s="22">
        <v>0</v>
      </c>
      <c r="CK23" s="25">
        <v>2590</v>
      </c>
      <c r="CL23" s="26">
        <v>2590</v>
      </c>
      <c r="CM23" s="21">
        <v>0</v>
      </c>
      <c r="CN23" s="22">
        <v>0</v>
      </c>
      <c r="CO23" s="23">
        <v>0</v>
      </c>
      <c r="CP23" s="24">
        <v>0</v>
      </c>
      <c r="CQ23" s="22">
        <v>0</v>
      </c>
      <c r="CR23" s="22">
        <v>0</v>
      </c>
      <c r="CS23" s="22">
        <v>0</v>
      </c>
      <c r="CT23" s="22">
        <v>0</v>
      </c>
      <c r="CU23" s="22">
        <v>0</v>
      </c>
      <c r="CV23" s="25">
        <v>0</v>
      </c>
      <c r="CW23" s="26">
        <v>0</v>
      </c>
      <c r="CX23" s="21">
        <v>0</v>
      </c>
      <c r="CY23" s="22">
        <v>0</v>
      </c>
      <c r="CZ23" s="23">
        <v>0</v>
      </c>
      <c r="DA23" s="390">
        <v>0</v>
      </c>
      <c r="DB23" s="22">
        <v>0</v>
      </c>
      <c r="DC23" s="22">
        <v>0</v>
      </c>
      <c r="DD23" s="22">
        <v>0</v>
      </c>
      <c r="DE23" s="22">
        <v>0</v>
      </c>
      <c r="DF23" s="22">
        <v>0</v>
      </c>
      <c r="DG23" s="25">
        <v>0</v>
      </c>
      <c r="DH23" s="26">
        <v>0</v>
      </c>
      <c r="DI23" s="21">
        <v>0</v>
      </c>
      <c r="DJ23" s="22">
        <v>0</v>
      </c>
      <c r="DK23" s="23">
        <v>0</v>
      </c>
      <c r="DL23" s="24">
        <v>0</v>
      </c>
      <c r="DM23" s="22">
        <v>114146</v>
      </c>
      <c r="DN23" s="22">
        <v>346466</v>
      </c>
      <c r="DO23" s="22">
        <v>1858082</v>
      </c>
      <c r="DP23" s="22">
        <v>2317077</v>
      </c>
      <c r="DQ23" s="22">
        <v>1101499</v>
      </c>
      <c r="DR23" s="25">
        <v>5737270</v>
      </c>
      <c r="DS23" s="27">
        <v>5737270</v>
      </c>
      <c r="DT23" s="21">
        <v>0</v>
      </c>
      <c r="DU23" s="22">
        <v>0</v>
      </c>
      <c r="DV23" s="23">
        <v>0</v>
      </c>
      <c r="DW23" s="390">
        <v>0</v>
      </c>
      <c r="DX23" s="22">
        <v>54180</v>
      </c>
      <c r="DY23" s="22">
        <v>206820</v>
      </c>
      <c r="DZ23" s="22">
        <v>1653310</v>
      </c>
      <c r="EA23" s="22">
        <v>2201835</v>
      </c>
      <c r="EB23" s="22">
        <v>944366</v>
      </c>
      <c r="EC23" s="25">
        <v>5060511</v>
      </c>
      <c r="ED23" s="26">
        <v>5060511</v>
      </c>
      <c r="EE23" s="21">
        <v>0</v>
      </c>
      <c r="EF23" s="22">
        <v>0</v>
      </c>
      <c r="EG23" s="23">
        <v>0</v>
      </c>
      <c r="EH23" s="390">
        <v>0</v>
      </c>
      <c r="EI23" s="22">
        <v>24270</v>
      </c>
      <c r="EJ23" s="22">
        <v>21080</v>
      </c>
      <c r="EK23" s="22">
        <v>11930</v>
      </c>
      <c r="EL23" s="22">
        <v>16225</v>
      </c>
      <c r="EM23" s="22">
        <v>36600</v>
      </c>
      <c r="EN23" s="25">
        <v>110105</v>
      </c>
      <c r="EO23" s="26">
        <v>110105</v>
      </c>
      <c r="EP23" s="21">
        <v>0</v>
      </c>
      <c r="EQ23" s="22">
        <v>0</v>
      </c>
      <c r="ER23" s="23">
        <v>0</v>
      </c>
      <c r="ES23" s="390">
        <v>0</v>
      </c>
      <c r="ET23" s="22">
        <v>0</v>
      </c>
      <c r="EU23" s="22">
        <v>0</v>
      </c>
      <c r="EV23" s="22">
        <v>0</v>
      </c>
      <c r="EW23" s="22">
        <v>0</v>
      </c>
      <c r="EX23" s="22">
        <v>0</v>
      </c>
      <c r="EY23" s="25">
        <v>0</v>
      </c>
      <c r="EZ23" s="26">
        <v>0</v>
      </c>
      <c r="FA23" s="21">
        <v>0</v>
      </c>
      <c r="FB23" s="22">
        <v>0</v>
      </c>
      <c r="FC23" s="23">
        <v>0</v>
      </c>
      <c r="FD23" s="390">
        <v>0</v>
      </c>
      <c r="FE23" s="22">
        <v>0</v>
      </c>
      <c r="FF23" s="22">
        <v>0</v>
      </c>
      <c r="FG23" s="22">
        <v>0</v>
      </c>
      <c r="FH23" s="22">
        <v>0</v>
      </c>
      <c r="FI23" s="22">
        <v>420</v>
      </c>
      <c r="FJ23" s="25">
        <v>420</v>
      </c>
      <c r="FK23" s="26">
        <v>420</v>
      </c>
      <c r="FL23" s="21">
        <v>0</v>
      </c>
      <c r="FM23" s="22">
        <v>0</v>
      </c>
      <c r="FN23" s="23">
        <v>0</v>
      </c>
      <c r="FO23" s="390">
        <v>0</v>
      </c>
      <c r="FP23" s="22">
        <v>0</v>
      </c>
      <c r="FQ23" s="22">
        <v>0</v>
      </c>
      <c r="FR23" s="22">
        <v>0</v>
      </c>
      <c r="FS23" s="22">
        <v>0</v>
      </c>
      <c r="FT23" s="22">
        <v>0</v>
      </c>
      <c r="FU23" s="25">
        <v>0</v>
      </c>
      <c r="FV23" s="26">
        <v>0</v>
      </c>
      <c r="FW23" s="21">
        <v>0</v>
      </c>
      <c r="FX23" s="22">
        <v>0</v>
      </c>
      <c r="FY23" s="23">
        <v>0</v>
      </c>
      <c r="FZ23" s="24">
        <v>0</v>
      </c>
      <c r="GA23" s="22">
        <v>34622</v>
      </c>
      <c r="GB23" s="22">
        <v>118566</v>
      </c>
      <c r="GC23" s="22">
        <v>190336</v>
      </c>
      <c r="GD23" s="22">
        <v>96869</v>
      </c>
      <c r="GE23" s="22">
        <v>116175</v>
      </c>
      <c r="GF23" s="25">
        <v>556568</v>
      </c>
      <c r="GG23" s="26">
        <v>556568</v>
      </c>
      <c r="GH23" s="21">
        <v>0</v>
      </c>
      <c r="GI23" s="22">
        <v>0</v>
      </c>
      <c r="GJ23" s="23">
        <v>0</v>
      </c>
      <c r="GK23" s="24">
        <v>0</v>
      </c>
      <c r="GL23" s="22">
        <v>1074</v>
      </c>
      <c r="GM23" s="22">
        <v>0</v>
      </c>
      <c r="GN23" s="22">
        <v>2506</v>
      </c>
      <c r="GO23" s="22">
        <v>2148</v>
      </c>
      <c r="GP23" s="22">
        <v>3938</v>
      </c>
      <c r="GQ23" s="25">
        <v>9666</v>
      </c>
      <c r="GR23" s="26">
        <v>9666</v>
      </c>
      <c r="GS23" s="21">
        <v>0</v>
      </c>
      <c r="GT23" s="22">
        <v>0</v>
      </c>
      <c r="GU23" s="23">
        <v>0</v>
      </c>
      <c r="GV23" s="24">
        <v>0</v>
      </c>
      <c r="GW23" s="22">
        <v>0</v>
      </c>
      <c r="GX23" s="22">
        <v>0</v>
      </c>
      <c r="GY23" s="22">
        <v>0</v>
      </c>
      <c r="GZ23" s="22">
        <v>0</v>
      </c>
      <c r="HA23" s="22">
        <v>0</v>
      </c>
      <c r="HB23" s="25">
        <v>0</v>
      </c>
      <c r="HC23" s="26">
        <v>0</v>
      </c>
      <c r="HD23" s="21">
        <v>0</v>
      </c>
      <c r="HE23" s="22">
        <v>0</v>
      </c>
      <c r="HF23" s="23">
        <v>0</v>
      </c>
      <c r="HG23" s="390">
        <v>0</v>
      </c>
      <c r="HH23" s="22">
        <v>0</v>
      </c>
      <c r="HI23" s="22">
        <v>0</v>
      </c>
      <c r="HJ23" s="22">
        <v>0</v>
      </c>
      <c r="HK23" s="22">
        <v>0</v>
      </c>
      <c r="HL23" s="22">
        <v>0</v>
      </c>
      <c r="HM23" s="25">
        <v>0</v>
      </c>
      <c r="HN23" s="26">
        <v>0</v>
      </c>
      <c r="HO23" s="21">
        <v>0</v>
      </c>
      <c r="HP23" s="22">
        <v>0</v>
      </c>
      <c r="HQ23" s="23">
        <v>0</v>
      </c>
      <c r="HR23" s="24">
        <v>0</v>
      </c>
      <c r="HS23" s="22">
        <v>229876</v>
      </c>
      <c r="HT23" s="22">
        <v>727581</v>
      </c>
      <c r="HU23" s="22">
        <v>2948422</v>
      </c>
      <c r="HV23" s="22">
        <v>3911577</v>
      </c>
      <c r="HW23" s="22">
        <v>1952479</v>
      </c>
      <c r="HX23" s="25">
        <v>9769935</v>
      </c>
      <c r="HY23" s="26">
        <v>9769935</v>
      </c>
    </row>
    <row r="24" spans="2:233" ht="21" customHeight="1" x14ac:dyDescent="0.2">
      <c r="B24" s="92" t="s">
        <v>21</v>
      </c>
      <c r="C24" s="21">
        <v>0</v>
      </c>
      <c r="D24" s="22">
        <v>0</v>
      </c>
      <c r="E24" s="23">
        <v>0</v>
      </c>
      <c r="F24" s="24">
        <v>0</v>
      </c>
      <c r="G24" s="22">
        <v>137635</v>
      </c>
      <c r="H24" s="22">
        <v>329343</v>
      </c>
      <c r="I24" s="22">
        <v>1711614</v>
      </c>
      <c r="J24" s="22">
        <v>1794251</v>
      </c>
      <c r="K24" s="22">
        <v>1334659</v>
      </c>
      <c r="L24" s="25">
        <v>5307502</v>
      </c>
      <c r="M24" s="26">
        <v>5307502</v>
      </c>
      <c r="N24" s="21">
        <v>0</v>
      </c>
      <c r="O24" s="22">
        <v>0</v>
      </c>
      <c r="P24" s="23">
        <v>0</v>
      </c>
      <c r="Q24" s="390">
        <v>0</v>
      </c>
      <c r="R24" s="22">
        <v>35710</v>
      </c>
      <c r="S24" s="22">
        <v>151228</v>
      </c>
      <c r="T24" s="22">
        <v>1286957</v>
      </c>
      <c r="U24" s="22">
        <v>1452157</v>
      </c>
      <c r="V24" s="22">
        <v>998764</v>
      </c>
      <c r="W24" s="25">
        <v>3924816</v>
      </c>
      <c r="X24" s="26">
        <v>3924816</v>
      </c>
      <c r="Y24" s="21">
        <v>0</v>
      </c>
      <c r="Z24" s="22">
        <v>0</v>
      </c>
      <c r="AA24" s="23">
        <v>0</v>
      </c>
      <c r="AB24" s="390">
        <v>0</v>
      </c>
      <c r="AC24" s="22">
        <v>66910</v>
      </c>
      <c r="AD24" s="22">
        <v>142730</v>
      </c>
      <c r="AE24" s="22">
        <v>229430</v>
      </c>
      <c r="AF24" s="22">
        <v>245872</v>
      </c>
      <c r="AG24" s="22">
        <v>183560</v>
      </c>
      <c r="AH24" s="25">
        <v>868502</v>
      </c>
      <c r="AI24" s="26">
        <v>868502</v>
      </c>
      <c r="AJ24" s="21">
        <v>0</v>
      </c>
      <c r="AK24" s="22">
        <v>0</v>
      </c>
      <c r="AL24" s="23">
        <v>0</v>
      </c>
      <c r="AM24" s="390">
        <v>0</v>
      </c>
      <c r="AN24" s="22">
        <v>0</v>
      </c>
      <c r="AO24" s="22">
        <v>0</v>
      </c>
      <c r="AP24" s="22">
        <v>0</v>
      </c>
      <c r="AQ24" s="22">
        <v>0</v>
      </c>
      <c r="AR24" s="22">
        <v>0</v>
      </c>
      <c r="AS24" s="25">
        <v>0</v>
      </c>
      <c r="AT24" s="26">
        <v>0</v>
      </c>
      <c r="AU24" s="21">
        <v>0</v>
      </c>
      <c r="AV24" s="22">
        <v>0</v>
      </c>
      <c r="AW24" s="23">
        <v>0</v>
      </c>
      <c r="AX24" s="390">
        <v>0</v>
      </c>
      <c r="AY24" s="22">
        <v>0</v>
      </c>
      <c r="AZ24" s="22">
        <v>0</v>
      </c>
      <c r="BA24" s="22">
        <v>34350</v>
      </c>
      <c r="BB24" s="22">
        <v>31500</v>
      </c>
      <c r="BC24" s="22">
        <v>87745</v>
      </c>
      <c r="BD24" s="25">
        <v>153595</v>
      </c>
      <c r="BE24" s="26">
        <v>153595</v>
      </c>
      <c r="BF24" s="21">
        <v>0</v>
      </c>
      <c r="BG24" s="22">
        <v>0</v>
      </c>
      <c r="BH24" s="23">
        <v>0</v>
      </c>
      <c r="BI24" s="390">
        <v>0</v>
      </c>
      <c r="BJ24" s="22">
        <v>0</v>
      </c>
      <c r="BK24" s="22">
        <v>0</v>
      </c>
      <c r="BL24" s="22">
        <v>0</v>
      </c>
      <c r="BM24" s="22">
        <v>0</v>
      </c>
      <c r="BN24" s="22">
        <v>0</v>
      </c>
      <c r="BO24" s="25">
        <v>0</v>
      </c>
      <c r="BP24" s="26">
        <v>0</v>
      </c>
      <c r="BQ24" s="21">
        <v>0</v>
      </c>
      <c r="BR24" s="22">
        <v>0</v>
      </c>
      <c r="BS24" s="23">
        <v>0</v>
      </c>
      <c r="BT24" s="24">
        <v>0</v>
      </c>
      <c r="BU24" s="22">
        <v>35015</v>
      </c>
      <c r="BV24" s="22">
        <v>35385</v>
      </c>
      <c r="BW24" s="22">
        <v>160877</v>
      </c>
      <c r="BX24" s="22">
        <v>63707</v>
      </c>
      <c r="BY24" s="22">
        <v>64590</v>
      </c>
      <c r="BZ24" s="25">
        <v>359574</v>
      </c>
      <c r="CA24" s="26">
        <v>359574</v>
      </c>
      <c r="CB24" s="21">
        <v>0</v>
      </c>
      <c r="CC24" s="22">
        <v>0</v>
      </c>
      <c r="CD24" s="23">
        <v>0</v>
      </c>
      <c r="CE24" s="24">
        <v>0</v>
      </c>
      <c r="CF24" s="22">
        <v>0</v>
      </c>
      <c r="CG24" s="22">
        <v>0</v>
      </c>
      <c r="CH24" s="22">
        <v>0</v>
      </c>
      <c r="CI24" s="22">
        <v>1015</v>
      </c>
      <c r="CJ24" s="22">
        <v>0</v>
      </c>
      <c r="CK24" s="25">
        <v>1015</v>
      </c>
      <c r="CL24" s="26">
        <v>1015</v>
      </c>
      <c r="CM24" s="21">
        <v>0</v>
      </c>
      <c r="CN24" s="22">
        <v>0</v>
      </c>
      <c r="CO24" s="23">
        <v>0</v>
      </c>
      <c r="CP24" s="24">
        <v>0</v>
      </c>
      <c r="CQ24" s="22">
        <v>0</v>
      </c>
      <c r="CR24" s="22">
        <v>0</v>
      </c>
      <c r="CS24" s="22">
        <v>0</v>
      </c>
      <c r="CT24" s="22">
        <v>0</v>
      </c>
      <c r="CU24" s="22">
        <v>0</v>
      </c>
      <c r="CV24" s="25">
        <v>0</v>
      </c>
      <c r="CW24" s="26">
        <v>0</v>
      </c>
      <c r="CX24" s="21">
        <v>0</v>
      </c>
      <c r="CY24" s="22">
        <v>0</v>
      </c>
      <c r="CZ24" s="23">
        <v>0</v>
      </c>
      <c r="DA24" s="390">
        <v>0</v>
      </c>
      <c r="DB24" s="22">
        <v>0</v>
      </c>
      <c r="DC24" s="22">
        <v>0</v>
      </c>
      <c r="DD24" s="22">
        <v>0</v>
      </c>
      <c r="DE24" s="22">
        <v>0</v>
      </c>
      <c r="DF24" s="22">
        <v>0</v>
      </c>
      <c r="DG24" s="25">
        <v>0</v>
      </c>
      <c r="DH24" s="26">
        <v>0</v>
      </c>
      <c r="DI24" s="21">
        <v>0</v>
      </c>
      <c r="DJ24" s="22">
        <v>0</v>
      </c>
      <c r="DK24" s="23">
        <v>0</v>
      </c>
      <c r="DL24" s="24">
        <v>0</v>
      </c>
      <c r="DM24" s="22">
        <v>89830</v>
      </c>
      <c r="DN24" s="22">
        <v>269566</v>
      </c>
      <c r="DO24" s="22">
        <v>2232392</v>
      </c>
      <c r="DP24" s="22">
        <v>2333057</v>
      </c>
      <c r="DQ24" s="22">
        <v>1490397</v>
      </c>
      <c r="DR24" s="25">
        <v>6415242</v>
      </c>
      <c r="DS24" s="27">
        <v>6415242</v>
      </c>
      <c r="DT24" s="21">
        <v>0</v>
      </c>
      <c r="DU24" s="22">
        <v>0</v>
      </c>
      <c r="DV24" s="23">
        <v>0</v>
      </c>
      <c r="DW24" s="390">
        <v>0</v>
      </c>
      <c r="DX24" s="22">
        <v>43458</v>
      </c>
      <c r="DY24" s="22">
        <v>170150</v>
      </c>
      <c r="DZ24" s="22">
        <v>1892277</v>
      </c>
      <c r="EA24" s="22">
        <v>2101139</v>
      </c>
      <c r="EB24" s="22">
        <v>1323100</v>
      </c>
      <c r="EC24" s="25">
        <v>5530124</v>
      </c>
      <c r="ED24" s="26">
        <v>5530124</v>
      </c>
      <c r="EE24" s="21">
        <v>0</v>
      </c>
      <c r="EF24" s="22">
        <v>0</v>
      </c>
      <c r="EG24" s="23">
        <v>0</v>
      </c>
      <c r="EH24" s="390">
        <v>0</v>
      </c>
      <c r="EI24" s="22">
        <v>1211</v>
      </c>
      <c r="EJ24" s="22">
        <v>22392</v>
      </c>
      <c r="EK24" s="22">
        <v>15798</v>
      </c>
      <c r="EL24" s="22">
        <v>38357</v>
      </c>
      <c r="EM24" s="22">
        <v>29188</v>
      </c>
      <c r="EN24" s="25">
        <v>106946</v>
      </c>
      <c r="EO24" s="26">
        <v>106946</v>
      </c>
      <c r="EP24" s="21">
        <v>0</v>
      </c>
      <c r="EQ24" s="22">
        <v>0</v>
      </c>
      <c r="ER24" s="23">
        <v>0</v>
      </c>
      <c r="ES24" s="390">
        <v>0</v>
      </c>
      <c r="ET24" s="22">
        <v>0</v>
      </c>
      <c r="EU24" s="22">
        <v>0</v>
      </c>
      <c r="EV24" s="22">
        <v>0</v>
      </c>
      <c r="EW24" s="22">
        <v>0</v>
      </c>
      <c r="EX24" s="22">
        <v>0</v>
      </c>
      <c r="EY24" s="25">
        <v>0</v>
      </c>
      <c r="EZ24" s="26">
        <v>0</v>
      </c>
      <c r="FA24" s="21">
        <v>0</v>
      </c>
      <c r="FB24" s="22">
        <v>0</v>
      </c>
      <c r="FC24" s="23">
        <v>0</v>
      </c>
      <c r="FD24" s="390">
        <v>0</v>
      </c>
      <c r="FE24" s="22">
        <v>0</v>
      </c>
      <c r="FF24" s="22">
        <v>0</v>
      </c>
      <c r="FG24" s="22">
        <v>13110</v>
      </c>
      <c r="FH24" s="22">
        <v>1050</v>
      </c>
      <c r="FI24" s="22">
        <v>14153</v>
      </c>
      <c r="FJ24" s="25">
        <v>28313</v>
      </c>
      <c r="FK24" s="26">
        <v>28313</v>
      </c>
      <c r="FL24" s="21">
        <v>0</v>
      </c>
      <c r="FM24" s="22">
        <v>0</v>
      </c>
      <c r="FN24" s="23">
        <v>0</v>
      </c>
      <c r="FO24" s="390">
        <v>0</v>
      </c>
      <c r="FP24" s="22">
        <v>0</v>
      </c>
      <c r="FQ24" s="22">
        <v>0</v>
      </c>
      <c r="FR24" s="22">
        <v>0</v>
      </c>
      <c r="FS24" s="22">
        <v>0</v>
      </c>
      <c r="FT24" s="22">
        <v>0</v>
      </c>
      <c r="FU24" s="25">
        <v>0</v>
      </c>
      <c r="FV24" s="26">
        <v>0</v>
      </c>
      <c r="FW24" s="21">
        <v>0</v>
      </c>
      <c r="FX24" s="22">
        <v>0</v>
      </c>
      <c r="FY24" s="23">
        <v>0</v>
      </c>
      <c r="FZ24" s="24">
        <v>0</v>
      </c>
      <c r="GA24" s="22">
        <v>45161</v>
      </c>
      <c r="GB24" s="22">
        <v>77024</v>
      </c>
      <c r="GC24" s="22">
        <v>311207</v>
      </c>
      <c r="GD24" s="22">
        <v>187471</v>
      </c>
      <c r="GE24" s="22">
        <v>116796</v>
      </c>
      <c r="GF24" s="25">
        <v>737659</v>
      </c>
      <c r="GG24" s="26">
        <v>737659</v>
      </c>
      <c r="GH24" s="21">
        <v>0</v>
      </c>
      <c r="GI24" s="22">
        <v>0</v>
      </c>
      <c r="GJ24" s="23">
        <v>0</v>
      </c>
      <c r="GK24" s="24">
        <v>0</v>
      </c>
      <c r="GL24" s="22">
        <v>0</v>
      </c>
      <c r="GM24" s="22">
        <v>0</v>
      </c>
      <c r="GN24" s="22">
        <v>0</v>
      </c>
      <c r="GO24" s="22">
        <v>5040</v>
      </c>
      <c r="GP24" s="22">
        <v>7160</v>
      </c>
      <c r="GQ24" s="25">
        <v>12200</v>
      </c>
      <c r="GR24" s="26">
        <v>12200</v>
      </c>
      <c r="GS24" s="21">
        <v>0</v>
      </c>
      <c r="GT24" s="22">
        <v>0</v>
      </c>
      <c r="GU24" s="23">
        <v>0</v>
      </c>
      <c r="GV24" s="24">
        <v>0</v>
      </c>
      <c r="GW24" s="22">
        <v>0</v>
      </c>
      <c r="GX24" s="22">
        <v>0</v>
      </c>
      <c r="GY24" s="22">
        <v>0</v>
      </c>
      <c r="GZ24" s="22">
        <v>0</v>
      </c>
      <c r="HA24" s="22">
        <v>0</v>
      </c>
      <c r="HB24" s="25">
        <v>0</v>
      </c>
      <c r="HC24" s="26">
        <v>0</v>
      </c>
      <c r="HD24" s="21">
        <v>0</v>
      </c>
      <c r="HE24" s="22">
        <v>0</v>
      </c>
      <c r="HF24" s="23">
        <v>0</v>
      </c>
      <c r="HG24" s="390">
        <v>0</v>
      </c>
      <c r="HH24" s="22">
        <v>0</v>
      </c>
      <c r="HI24" s="22">
        <v>0</v>
      </c>
      <c r="HJ24" s="22">
        <v>0</v>
      </c>
      <c r="HK24" s="22">
        <v>0</v>
      </c>
      <c r="HL24" s="22">
        <v>0</v>
      </c>
      <c r="HM24" s="25">
        <v>0</v>
      </c>
      <c r="HN24" s="26">
        <v>0</v>
      </c>
      <c r="HO24" s="21">
        <v>0</v>
      </c>
      <c r="HP24" s="22">
        <v>0</v>
      </c>
      <c r="HQ24" s="23">
        <v>0</v>
      </c>
      <c r="HR24" s="24">
        <v>0</v>
      </c>
      <c r="HS24" s="22">
        <v>227465</v>
      </c>
      <c r="HT24" s="22">
        <v>598909</v>
      </c>
      <c r="HU24" s="22">
        <v>3944006</v>
      </c>
      <c r="HV24" s="22">
        <v>4127308</v>
      </c>
      <c r="HW24" s="22">
        <v>2825056</v>
      </c>
      <c r="HX24" s="25">
        <v>11722744</v>
      </c>
      <c r="HY24" s="26">
        <v>11722744</v>
      </c>
    </row>
    <row r="25" spans="2:233" ht="21" customHeight="1" x14ac:dyDescent="0.2">
      <c r="B25" s="92" t="s">
        <v>22</v>
      </c>
      <c r="C25" s="21">
        <v>0</v>
      </c>
      <c r="D25" s="22">
        <v>0</v>
      </c>
      <c r="E25" s="23">
        <v>0</v>
      </c>
      <c r="F25" s="24">
        <v>0</v>
      </c>
      <c r="G25" s="22">
        <v>124920</v>
      </c>
      <c r="H25" s="22">
        <v>194470</v>
      </c>
      <c r="I25" s="22">
        <v>573706</v>
      </c>
      <c r="J25" s="22">
        <v>1182790</v>
      </c>
      <c r="K25" s="22">
        <v>382664</v>
      </c>
      <c r="L25" s="25">
        <v>2458550</v>
      </c>
      <c r="M25" s="26">
        <v>2458550</v>
      </c>
      <c r="N25" s="21">
        <v>0</v>
      </c>
      <c r="O25" s="22">
        <v>0</v>
      </c>
      <c r="P25" s="23">
        <v>0</v>
      </c>
      <c r="Q25" s="390">
        <v>0</v>
      </c>
      <c r="R25" s="22">
        <v>34350</v>
      </c>
      <c r="S25" s="22">
        <v>26400</v>
      </c>
      <c r="T25" s="22">
        <v>352036</v>
      </c>
      <c r="U25" s="22">
        <v>704610</v>
      </c>
      <c r="V25" s="22">
        <v>148964</v>
      </c>
      <c r="W25" s="25">
        <v>1266360</v>
      </c>
      <c r="X25" s="26">
        <v>1266360</v>
      </c>
      <c r="Y25" s="21">
        <v>0</v>
      </c>
      <c r="Z25" s="22">
        <v>0</v>
      </c>
      <c r="AA25" s="23">
        <v>0</v>
      </c>
      <c r="AB25" s="390">
        <v>0</v>
      </c>
      <c r="AC25" s="22">
        <v>85365</v>
      </c>
      <c r="AD25" s="22">
        <v>160650</v>
      </c>
      <c r="AE25" s="22">
        <v>124405</v>
      </c>
      <c r="AF25" s="22">
        <v>302435</v>
      </c>
      <c r="AG25" s="22">
        <v>123900</v>
      </c>
      <c r="AH25" s="25">
        <v>796755</v>
      </c>
      <c r="AI25" s="26">
        <v>796755</v>
      </c>
      <c r="AJ25" s="21">
        <v>0</v>
      </c>
      <c r="AK25" s="22">
        <v>0</v>
      </c>
      <c r="AL25" s="23">
        <v>0</v>
      </c>
      <c r="AM25" s="390">
        <v>0</v>
      </c>
      <c r="AN25" s="22">
        <v>0</v>
      </c>
      <c r="AO25" s="22">
        <v>0</v>
      </c>
      <c r="AP25" s="22">
        <v>0</v>
      </c>
      <c r="AQ25" s="22">
        <v>0</v>
      </c>
      <c r="AR25" s="22">
        <v>0</v>
      </c>
      <c r="AS25" s="25">
        <v>0</v>
      </c>
      <c r="AT25" s="26">
        <v>0</v>
      </c>
      <c r="AU25" s="21">
        <v>0</v>
      </c>
      <c r="AV25" s="22">
        <v>0</v>
      </c>
      <c r="AW25" s="23">
        <v>0</v>
      </c>
      <c r="AX25" s="390">
        <v>0</v>
      </c>
      <c r="AY25" s="22">
        <v>0</v>
      </c>
      <c r="AZ25" s="22">
        <v>0</v>
      </c>
      <c r="BA25" s="22">
        <v>0</v>
      </c>
      <c r="BB25" s="22">
        <v>26400</v>
      </c>
      <c r="BC25" s="22">
        <v>26400</v>
      </c>
      <c r="BD25" s="25">
        <v>52800</v>
      </c>
      <c r="BE25" s="26">
        <v>52800</v>
      </c>
      <c r="BF25" s="21">
        <v>0</v>
      </c>
      <c r="BG25" s="22">
        <v>0</v>
      </c>
      <c r="BH25" s="23">
        <v>0</v>
      </c>
      <c r="BI25" s="390">
        <v>0</v>
      </c>
      <c r="BJ25" s="22">
        <v>0</v>
      </c>
      <c r="BK25" s="22">
        <v>0</v>
      </c>
      <c r="BL25" s="22">
        <v>28950</v>
      </c>
      <c r="BM25" s="22">
        <v>51345</v>
      </c>
      <c r="BN25" s="22">
        <v>65850</v>
      </c>
      <c r="BO25" s="25">
        <v>146145</v>
      </c>
      <c r="BP25" s="26">
        <v>146145</v>
      </c>
      <c r="BQ25" s="21">
        <v>0</v>
      </c>
      <c r="BR25" s="22">
        <v>0</v>
      </c>
      <c r="BS25" s="23">
        <v>0</v>
      </c>
      <c r="BT25" s="24">
        <v>0</v>
      </c>
      <c r="BU25" s="22">
        <v>435</v>
      </c>
      <c r="BV25" s="22">
        <v>7420</v>
      </c>
      <c r="BW25" s="22">
        <v>68315</v>
      </c>
      <c r="BX25" s="22">
        <v>98000</v>
      </c>
      <c r="BY25" s="22">
        <v>17550</v>
      </c>
      <c r="BZ25" s="25">
        <v>191720</v>
      </c>
      <c r="CA25" s="26">
        <v>191720</v>
      </c>
      <c r="CB25" s="21">
        <v>0</v>
      </c>
      <c r="CC25" s="22">
        <v>0</v>
      </c>
      <c r="CD25" s="23">
        <v>0</v>
      </c>
      <c r="CE25" s="24">
        <v>0</v>
      </c>
      <c r="CF25" s="22">
        <v>4770</v>
      </c>
      <c r="CG25" s="22">
        <v>0</v>
      </c>
      <c r="CH25" s="22">
        <v>0</v>
      </c>
      <c r="CI25" s="22">
        <v>0</v>
      </c>
      <c r="CJ25" s="22">
        <v>0</v>
      </c>
      <c r="CK25" s="25">
        <v>4770</v>
      </c>
      <c r="CL25" s="26">
        <v>4770</v>
      </c>
      <c r="CM25" s="21">
        <v>0</v>
      </c>
      <c r="CN25" s="22">
        <v>0</v>
      </c>
      <c r="CO25" s="23">
        <v>0</v>
      </c>
      <c r="CP25" s="24">
        <v>0</v>
      </c>
      <c r="CQ25" s="22">
        <v>0</v>
      </c>
      <c r="CR25" s="22">
        <v>0</v>
      </c>
      <c r="CS25" s="22">
        <v>0</v>
      </c>
      <c r="CT25" s="22">
        <v>0</v>
      </c>
      <c r="CU25" s="22">
        <v>0</v>
      </c>
      <c r="CV25" s="25">
        <v>0</v>
      </c>
      <c r="CW25" s="26">
        <v>0</v>
      </c>
      <c r="CX25" s="21">
        <v>0</v>
      </c>
      <c r="CY25" s="22">
        <v>0</v>
      </c>
      <c r="CZ25" s="23">
        <v>0</v>
      </c>
      <c r="DA25" s="390">
        <v>0</v>
      </c>
      <c r="DB25" s="22">
        <v>0</v>
      </c>
      <c r="DC25" s="22">
        <v>0</v>
      </c>
      <c r="DD25" s="22">
        <v>0</v>
      </c>
      <c r="DE25" s="22">
        <v>0</v>
      </c>
      <c r="DF25" s="22">
        <v>0</v>
      </c>
      <c r="DG25" s="25">
        <v>0</v>
      </c>
      <c r="DH25" s="26">
        <v>0</v>
      </c>
      <c r="DI25" s="21">
        <v>0</v>
      </c>
      <c r="DJ25" s="22">
        <v>0</v>
      </c>
      <c r="DK25" s="23">
        <v>0</v>
      </c>
      <c r="DL25" s="24">
        <v>0</v>
      </c>
      <c r="DM25" s="22">
        <v>42797</v>
      </c>
      <c r="DN25" s="22">
        <v>66777</v>
      </c>
      <c r="DO25" s="22">
        <v>590404</v>
      </c>
      <c r="DP25" s="22">
        <v>1077751</v>
      </c>
      <c r="DQ25" s="22">
        <v>389109</v>
      </c>
      <c r="DR25" s="25">
        <v>2166838</v>
      </c>
      <c r="DS25" s="27">
        <v>2166838</v>
      </c>
      <c r="DT25" s="21">
        <v>0</v>
      </c>
      <c r="DU25" s="22">
        <v>0</v>
      </c>
      <c r="DV25" s="23">
        <v>0</v>
      </c>
      <c r="DW25" s="390">
        <v>0</v>
      </c>
      <c r="DX25" s="22">
        <v>27450</v>
      </c>
      <c r="DY25" s="22">
        <v>31410</v>
      </c>
      <c r="DZ25" s="22">
        <v>432340</v>
      </c>
      <c r="EA25" s="22">
        <v>827430</v>
      </c>
      <c r="EB25" s="22">
        <v>278888</v>
      </c>
      <c r="EC25" s="25">
        <v>1597518</v>
      </c>
      <c r="ED25" s="26">
        <v>1597518</v>
      </c>
      <c r="EE25" s="21">
        <v>0</v>
      </c>
      <c r="EF25" s="22">
        <v>0</v>
      </c>
      <c r="EG25" s="23">
        <v>0</v>
      </c>
      <c r="EH25" s="390">
        <v>0</v>
      </c>
      <c r="EI25" s="22">
        <v>13866</v>
      </c>
      <c r="EJ25" s="22">
        <v>21384</v>
      </c>
      <c r="EK25" s="22">
        <v>1960</v>
      </c>
      <c r="EL25" s="22">
        <v>43388</v>
      </c>
      <c r="EM25" s="22">
        <v>1260</v>
      </c>
      <c r="EN25" s="25">
        <v>81858</v>
      </c>
      <c r="EO25" s="26">
        <v>81858</v>
      </c>
      <c r="EP25" s="21">
        <v>0</v>
      </c>
      <c r="EQ25" s="22">
        <v>0</v>
      </c>
      <c r="ER25" s="23">
        <v>0</v>
      </c>
      <c r="ES25" s="390">
        <v>0</v>
      </c>
      <c r="ET25" s="22">
        <v>0</v>
      </c>
      <c r="EU25" s="22">
        <v>0</v>
      </c>
      <c r="EV25" s="22">
        <v>0</v>
      </c>
      <c r="EW25" s="22">
        <v>0</v>
      </c>
      <c r="EX25" s="22">
        <v>0</v>
      </c>
      <c r="EY25" s="25">
        <v>0</v>
      </c>
      <c r="EZ25" s="26">
        <v>0</v>
      </c>
      <c r="FA25" s="21">
        <v>0</v>
      </c>
      <c r="FB25" s="22">
        <v>0</v>
      </c>
      <c r="FC25" s="23">
        <v>0</v>
      </c>
      <c r="FD25" s="390">
        <v>0</v>
      </c>
      <c r="FE25" s="22">
        <v>0</v>
      </c>
      <c r="FF25" s="22">
        <v>0</v>
      </c>
      <c r="FG25" s="22">
        <v>0</v>
      </c>
      <c r="FH25" s="22">
        <v>10950</v>
      </c>
      <c r="FI25" s="22">
        <v>420</v>
      </c>
      <c r="FJ25" s="25">
        <v>11370</v>
      </c>
      <c r="FK25" s="26">
        <v>11370</v>
      </c>
      <c r="FL25" s="21">
        <v>0</v>
      </c>
      <c r="FM25" s="22">
        <v>0</v>
      </c>
      <c r="FN25" s="23">
        <v>0</v>
      </c>
      <c r="FO25" s="390">
        <v>0</v>
      </c>
      <c r="FP25" s="22">
        <v>0</v>
      </c>
      <c r="FQ25" s="22">
        <v>0</v>
      </c>
      <c r="FR25" s="22">
        <v>62640</v>
      </c>
      <c r="FS25" s="22">
        <v>102468</v>
      </c>
      <c r="FT25" s="22">
        <v>92040</v>
      </c>
      <c r="FU25" s="25">
        <v>257148</v>
      </c>
      <c r="FV25" s="26">
        <v>257148</v>
      </c>
      <c r="FW25" s="21">
        <v>0</v>
      </c>
      <c r="FX25" s="22">
        <v>0</v>
      </c>
      <c r="FY25" s="23">
        <v>0</v>
      </c>
      <c r="FZ25" s="24">
        <v>0</v>
      </c>
      <c r="GA25" s="22">
        <v>1404</v>
      </c>
      <c r="GB25" s="22">
        <v>13983</v>
      </c>
      <c r="GC25" s="22">
        <v>93464</v>
      </c>
      <c r="GD25" s="22">
        <v>93515</v>
      </c>
      <c r="GE25" s="22">
        <v>15771</v>
      </c>
      <c r="GF25" s="25">
        <v>218137</v>
      </c>
      <c r="GG25" s="26">
        <v>218137</v>
      </c>
      <c r="GH25" s="21">
        <v>0</v>
      </c>
      <c r="GI25" s="22">
        <v>0</v>
      </c>
      <c r="GJ25" s="23">
        <v>0</v>
      </c>
      <c r="GK25" s="24">
        <v>0</v>
      </c>
      <c r="GL25" s="22">
        <v>77</v>
      </c>
      <c r="GM25" s="22">
        <v>0</v>
      </c>
      <c r="GN25" s="22">
        <v>0</v>
      </c>
      <c r="GO25" s="22">
        <v>0</v>
      </c>
      <c r="GP25" s="22">
        <v>730</v>
      </c>
      <c r="GQ25" s="25">
        <v>807</v>
      </c>
      <c r="GR25" s="26">
        <v>807</v>
      </c>
      <c r="GS25" s="21">
        <v>0</v>
      </c>
      <c r="GT25" s="22">
        <v>0</v>
      </c>
      <c r="GU25" s="23">
        <v>0</v>
      </c>
      <c r="GV25" s="24">
        <v>0</v>
      </c>
      <c r="GW25" s="22">
        <v>0</v>
      </c>
      <c r="GX25" s="22">
        <v>0</v>
      </c>
      <c r="GY25" s="22">
        <v>0</v>
      </c>
      <c r="GZ25" s="22">
        <v>0</v>
      </c>
      <c r="HA25" s="22">
        <v>0</v>
      </c>
      <c r="HB25" s="25">
        <v>0</v>
      </c>
      <c r="HC25" s="26">
        <v>0</v>
      </c>
      <c r="HD25" s="21">
        <v>0</v>
      </c>
      <c r="HE25" s="22">
        <v>0</v>
      </c>
      <c r="HF25" s="23">
        <v>0</v>
      </c>
      <c r="HG25" s="390">
        <v>0</v>
      </c>
      <c r="HH25" s="22">
        <v>0</v>
      </c>
      <c r="HI25" s="22">
        <v>0</v>
      </c>
      <c r="HJ25" s="22">
        <v>0</v>
      </c>
      <c r="HK25" s="22">
        <v>0</v>
      </c>
      <c r="HL25" s="22">
        <v>0</v>
      </c>
      <c r="HM25" s="25">
        <v>0</v>
      </c>
      <c r="HN25" s="26">
        <v>0</v>
      </c>
      <c r="HO25" s="21">
        <v>0</v>
      </c>
      <c r="HP25" s="22">
        <v>0</v>
      </c>
      <c r="HQ25" s="23">
        <v>0</v>
      </c>
      <c r="HR25" s="24">
        <v>0</v>
      </c>
      <c r="HS25" s="22">
        <v>167717</v>
      </c>
      <c r="HT25" s="22">
        <v>261247</v>
      </c>
      <c r="HU25" s="22">
        <v>1164110</v>
      </c>
      <c r="HV25" s="22">
        <v>2260541</v>
      </c>
      <c r="HW25" s="22">
        <v>771773</v>
      </c>
      <c r="HX25" s="25">
        <v>4625388</v>
      </c>
      <c r="HY25" s="26">
        <v>4625388</v>
      </c>
    </row>
    <row r="26" spans="2:233" ht="21" customHeight="1" x14ac:dyDescent="0.2">
      <c r="B26" s="92" t="s">
        <v>23</v>
      </c>
      <c r="C26" s="21">
        <v>0</v>
      </c>
      <c r="D26" s="22">
        <v>0</v>
      </c>
      <c r="E26" s="23">
        <v>0</v>
      </c>
      <c r="F26" s="24">
        <v>0</v>
      </c>
      <c r="G26" s="22">
        <v>276376</v>
      </c>
      <c r="H26" s="22">
        <v>192794</v>
      </c>
      <c r="I26" s="22">
        <v>972384</v>
      </c>
      <c r="J26" s="22">
        <v>1304987</v>
      </c>
      <c r="K26" s="22">
        <v>881271</v>
      </c>
      <c r="L26" s="25">
        <v>3627812</v>
      </c>
      <c r="M26" s="26">
        <v>3627812</v>
      </c>
      <c r="N26" s="21">
        <v>0</v>
      </c>
      <c r="O26" s="22">
        <v>0</v>
      </c>
      <c r="P26" s="23">
        <v>0</v>
      </c>
      <c r="Q26" s="390">
        <v>0</v>
      </c>
      <c r="R26" s="22">
        <v>68550</v>
      </c>
      <c r="S26" s="22">
        <v>128070</v>
      </c>
      <c r="T26" s="22">
        <v>658825</v>
      </c>
      <c r="U26" s="22">
        <v>958175</v>
      </c>
      <c r="V26" s="22">
        <v>588255</v>
      </c>
      <c r="W26" s="25">
        <v>2401875</v>
      </c>
      <c r="X26" s="26">
        <v>2401875</v>
      </c>
      <c r="Y26" s="21">
        <v>0</v>
      </c>
      <c r="Z26" s="22">
        <v>0</v>
      </c>
      <c r="AA26" s="23">
        <v>0</v>
      </c>
      <c r="AB26" s="390">
        <v>0</v>
      </c>
      <c r="AC26" s="22">
        <v>147110</v>
      </c>
      <c r="AD26" s="22">
        <v>41700</v>
      </c>
      <c r="AE26" s="22">
        <v>239505</v>
      </c>
      <c r="AF26" s="22">
        <v>248135</v>
      </c>
      <c r="AG26" s="22">
        <v>181056</v>
      </c>
      <c r="AH26" s="25">
        <v>857506</v>
      </c>
      <c r="AI26" s="26">
        <v>857506</v>
      </c>
      <c r="AJ26" s="21">
        <v>0</v>
      </c>
      <c r="AK26" s="22">
        <v>0</v>
      </c>
      <c r="AL26" s="23">
        <v>0</v>
      </c>
      <c r="AM26" s="390">
        <v>0</v>
      </c>
      <c r="AN26" s="22">
        <v>0</v>
      </c>
      <c r="AO26" s="22">
        <v>0</v>
      </c>
      <c r="AP26" s="22">
        <v>0</v>
      </c>
      <c r="AQ26" s="22">
        <v>0</v>
      </c>
      <c r="AR26" s="22">
        <v>0</v>
      </c>
      <c r="AS26" s="25">
        <v>0</v>
      </c>
      <c r="AT26" s="26">
        <v>0</v>
      </c>
      <c r="AU26" s="21">
        <v>0</v>
      </c>
      <c r="AV26" s="22">
        <v>0</v>
      </c>
      <c r="AW26" s="23">
        <v>0</v>
      </c>
      <c r="AX26" s="390">
        <v>0</v>
      </c>
      <c r="AY26" s="22">
        <v>0</v>
      </c>
      <c r="AZ26" s="22">
        <v>0</v>
      </c>
      <c r="BA26" s="22">
        <v>0</v>
      </c>
      <c r="BB26" s="22">
        <v>47700</v>
      </c>
      <c r="BC26" s="22">
        <v>78240</v>
      </c>
      <c r="BD26" s="25">
        <v>125940</v>
      </c>
      <c r="BE26" s="26">
        <v>125940</v>
      </c>
      <c r="BF26" s="21">
        <v>0</v>
      </c>
      <c r="BG26" s="22">
        <v>0</v>
      </c>
      <c r="BH26" s="23">
        <v>0</v>
      </c>
      <c r="BI26" s="390">
        <v>0</v>
      </c>
      <c r="BJ26" s="22">
        <v>0</v>
      </c>
      <c r="BK26" s="22">
        <v>0</v>
      </c>
      <c r="BL26" s="22">
        <v>0</v>
      </c>
      <c r="BM26" s="22">
        <v>0</v>
      </c>
      <c r="BN26" s="22">
        <v>0</v>
      </c>
      <c r="BO26" s="25">
        <v>0</v>
      </c>
      <c r="BP26" s="26">
        <v>0</v>
      </c>
      <c r="BQ26" s="21">
        <v>0</v>
      </c>
      <c r="BR26" s="22">
        <v>0</v>
      </c>
      <c r="BS26" s="23">
        <v>0</v>
      </c>
      <c r="BT26" s="24">
        <v>0</v>
      </c>
      <c r="BU26" s="22">
        <v>60716</v>
      </c>
      <c r="BV26" s="22">
        <v>23024</v>
      </c>
      <c r="BW26" s="22">
        <v>72894</v>
      </c>
      <c r="BX26" s="22">
        <v>50977</v>
      </c>
      <c r="BY26" s="22">
        <v>33720</v>
      </c>
      <c r="BZ26" s="25">
        <v>241331</v>
      </c>
      <c r="CA26" s="26">
        <v>241331</v>
      </c>
      <c r="CB26" s="21">
        <v>0</v>
      </c>
      <c r="CC26" s="22">
        <v>0</v>
      </c>
      <c r="CD26" s="23">
        <v>0</v>
      </c>
      <c r="CE26" s="24">
        <v>0</v>
      </c>
      <c r="CF26" s="22">
        <v>0</v>
      </c>
      <c r="CG26" s="22">
        <v>0</v>
      </c>
      <c r="CH26" s="22">
        <v>1160</v>
      </c>
      <c r="CI26" s="22">
        <v>0</v>
      </c>
      <c r="CJ26" s="22">
        <v>0</v>
      </c>
      <c r="CK26" s="25">
        <v>1160</v>
      </c>
      <c r="CL26" s="26">
        <v>1160</v>
      </c>
      <c r="CM26" s="21">
        <v>0</v>
      </c>
      <c r="CN26" s="22">
        <v>0</v>
      </c>
      <c r="CO26" s="23">
        <v>0</v>
      </c>
      <c r="CP26" s="24">
        <v>0</v>
      </c>
      <c r="CQ26" s="22">
        <v>0</v>
      </c>
      <c r="CR26" s="22">
        <v>0</v>
      </c>
      <c r="CS26" s="22">
        <v>0</v>
      </c>
      <c r="CT26" s="22">
        <v>0</v>
      </c>
      <c r="CU26" s="22">
        <v>0</v>
      </c>
      <c r="CV26" s="25">
        <v>0</v>
      </c>
      <c r="CW26" s="26">
        <v>0</v>
      </c>
      <c r="CX26" s="21">
        <v>0</v>
      </c>
      <c r="CY26" s="22">
        <v>0</v>
      </c>
      <c r="CZ26" s="23">
        <v>0</v>
      </c>
      <c r="DA26" s="390">
        <v>0</v>
      </c>
      <c r="DB26" s="22">
        <v>0</v>
      </c>
      <c r="DC26" s="22">
        <v>0</v>
      </c>
      <c r="DD26" s="22">
        <v>0</v>
      </c>
      <c r="DE26" s="22">
        <v>0</v>
      </c>
      <c r="DF26" s="22">
        <v>0</v>
      </c>
      <c r="DG26" s="25">
        <v>0</v>
      </c>
      <c r="DH26" s="26">
        <v>0</v>
      </c>
      <c r="DI26" s="21">
        <v>0</v>
      </c>
      <c r="DJ26" s="22">
        <v>0</v>
      </c>
      <c r="DK26" s="23">
        <v>0</v>
      </c>
      <c r="DL26" s="24">
        <v>0</v>
      </c>
      <c r="DM26" s="22">
        <v>163379</v>
      </c>
      <c r="DN26" s="22">
        <v>197800</v>
      </c>
      <c r="DO26" s="22">
        <v>1133051</v>
      </c>
      <c r="DP26" s="22">
        <v>1431900</v>
      </c>
      <c r="DQ26" s="22">
        <v>725874</v>
      </c>
      <c r="DR26" s="25">
        <v>3652004</v>
      </c>
      <c r="DS26" s="27">
        <v>3652004</v>
      </c>
      <c r="DT26" s="21">
        <v>0</v>
      </c>
      <c r="DU26" s="22">
        <v>0</v>
      </c>
      <c r="DV26" s="23">
        <v>0</v>
      </c>
      <c r="DW26" s="390">
        <v>0</v>
      </c>
      <c r="DX26" s="22">
        <v>71280</v>
      </c>
      <c r="DY26" s="22">
        <v>135804</v>
      </c>
      <c r="DZ26" s="22">
        <v>950607</v>
      </c>
      <c r="EA26" s="22">
        <v>1291554</v>
      </c>
      <c r="EB26" s="22">
        <v>615984</v>
      </c>
      <c r="EC26" s="25">
        <v>3065229</v>
      </c>
      <c r="ED26" s="26">
        <v>3065229</v>
      </c>
      <c r="EE26" s="21">
        <v>0</v>
      </c>
      <c r="EF26" s="22">
        <v>0</v>
      </c>
      <c r="EG26" s="23">
        <v>0</v>
      </c>
      <c r="EH26" s="390">
        <v>0</v>
      </c>
      <c r="EI26" s="22">
        <v>45941</v>
      </c>
      <c r="EJ26" s="22">
        <v>1680</v>
      </c>
      <c r="EK26" s="22">
        <v>37320</v>
      </c>
      <c r="EL26" s="22">
        <v>4669</v>
      </c>
      <c r="EM26" s="22">
        <v>38275</v>
      </c>
      <c r="EN26" s="25">
        <v>127885</v>
      </c>
      <c r="EO26" s="26">
        <v>127885</v>
      </c>
      <c r="EP26" s="21">
        <v>0</v>
      </c>
      <c r="EQ26" s="22">
        <v>0</v>
      </c>
      <c r="ER26" s="23">
        <v>0</v>
      </c>
      <c r="ES26" s="390">
        <v>0</v>
      </c>
      <c r="ET26" s="22">
        <v>0</v>
      </c>
      <c r="EU26" s="22">
        <v>0</v>
      </c>
      <c r="EV26" s="22">
        <v>0</v>
      </c>
      <c r="EW26" s="22">
        <v>0</v>
      </c>
      <c r="EX26" s="22">
        <v>0</v>
      </c>
      <c r="EY26" s="25">
        <v>0</v>
      </c>
      <c r="EZ26" s="26">
        <v>0</v>
      </c>
      <c r="FA26" s="21">
        <v>0</v>
      </c>
      <c r="FB26" s="22">
        <v>0</v>
      </c>
      <c r="FC26" s="23">
        <v>0</v>
      </c>
      <c r="FD26" s="390">
        <v>0</v>
      </c>
      <c r="FE26" s="22">
        <v>0</v>
      </c>
      <c r="FF26" s="22">
        <v>0</v>
      </c>
      <c r="FG26" s="22">
        <v>0</v>
      </c>
      <c r="FH26" s="22">
        <v>210</v>
      </c>
      <c r="FI26" s="22">
        <v>13530</v>
      </c>
      <c r="FJ26" s="25">
        <v>13740</v>
      </c>
      <c r="FK26" s="26">
        <v>13740</v>
      </c>
      <c r="FL26" s="21">
        <v>0</v>
      </c>
      <c r="FM26" s="22">
        <v>0</v>
      </c>
      <c r="FN26" s="23">
        <v>0</v>
      </c>
      <c r="FO26" s="390">
        <v>0</v>
      </c>
      <c r="FP26" s="22">
        <v>0</v>
      </c>
      <c r="FQ26" s="22">
        <v>0</v>
      </c>
      <c r="FR26" s="22">
        <v>0</v>
      </c>
      <c r="FS26" s="22">
        <v>0</v>
      </c>
      <c r="FT26" s="22">
        <v>0</v>
      </c>
      <c r="FU26" s="25">
        <v>0</v>
      </c>
      <c r="FV26" s="26">
        <v>0</v>
      </c>
      <c r="FW26" s="21">
        <v>0</v>
      </c>
      <c r="FX26" s="22">
        <v>0</v>
      </c>
      <c r="FY26" s="23">
        <v>0</v>
      </c>
      <c r="FZ26" s="24">
        <v>0</v>
      </c>
      <c r="GA26" s="22">
        <v>46158</v>
      </c>
      <c r="GB26" s="22">
        <v>60316</v>
      </c>
      <c r="GC26" s="22">
        <v>139556</v>
      </c>
      <c r="GD26" s="22">
        <v>135467</v>
      </c>
      <c r="GE26" s="22">
        <v>58085</v>
      </c>
      <c r="GF26" s="25">
        <v>439582</v>
      </c>
      <c r="GG26" s="26">
        <v>439582</v>
      </c>
      <c r="GH26" s="21">
        <v>0</v>
      </c>
      <c r="GI26" s="22">
        <v>0</v>
      </c>
      <c r="GJ26" s="23">
        <v>0</v>
      </c>
      <c r="GK26" s="24">
        <v>0</v>
      </c>
      <c r="GL26" s="22">
        <v>0</v>
      </c>
      <c r="GM26" s="22">
        <v>0</v>
      </c>
      <c r="GN26" s="22">
        <v>5568</v>
      </c>
      <c r="GO26" s="22">
        <v>0</v>
      </c>
      <c r="GP26" s="22">
        <v>0</v>
      </c>
      <c r="GQ26" s="25">
        <v>5568</v>
      </c>
      <c r="GR26" s="26">
        <v>5568</v>
      </c>
      <c r="GS26" s="21">
        <v>0</v>
      </c>
      <c r="GT26" s="22">
        <v>0</v>
      </c>
      <c r="GU26" s="23">
        <v>0</v>
      </c>
      <c r="GV26" s="24">
        <v>0</v>
      </c>
      <c r="GW26" s="22">
        <v>0</v>
      </c>
      <c r="GX26" s="22">
        <v>0</v>
      </c>
      <c r="GY26" s="22">
        <v>0</v>
      </c>
      <c r="GZ26" s="22">
        <v>0</v>
      </c>
      <c r="HA26" s="22">
        <v>0</v>
      </c>
      <c r="HB26" s="25">
        <v>0</v>
      </c>
      <c r="HC26" s="26">
        <v>0</v>
      </c>
      <c r="HD26" s="21">
        <v>0</v>
      </c>
      <c r="HE26" s="22">
        <v>0</v>
      </c>
      <c r="HF26" s="23">
        <v>0</v>
      </c>
      <c r="HG26" s="390">
        <v>0</v>
      </c>
      <c r="HH26" s="22">
        <v>0</v>
      </c>
      <c r="HI26" s="22">
        <v>0</v>
      </c>
      <c r="HJ26" s="22">
        <v>0</v>
      </c>
      <c r="HK26" s="22">
        <v>0</v>
      </c>
      <c r="HL26" s="22">
        <v>0</v>
      </c>
      <c r="HM26" s="25">
        <v>0</v>
      </c>
      <c r="HN26" s="26">
        <v>0</v>
      </c>
      <c r="HO26" s="21">
        <v>0</v>
      </c>
      <c r="HP26" s="22">
        <v>0</v>
      </c>
      <c r="HQ26" s="23">
        <v>0</v>
      </c>
      <c r="HR26" s="24">
        <v>0</v>
      </c>
      <c r="HS26" s="22">
        <v>439755</v>
      </c>
      <c r="HT26" s="22">
        <v>390594</v>
      </c>
      <c r="HU26" s="22">
        <v>2105435</v>
      </c>
      <c r="HV26" s="22">
        <v>2736887</v>
      </c>
      <c r="HW26" s="22">
        <v>1607145</v>
      </c>
      <c r="HX26" s="25">
        <v>7279816</v>
      </c>
      <c r="HY26" s="26">
        <v>7279816</v>
      </c>
    </row>
    <row r="27" spans="2:233" ht="21" customHeight="1" x14ac:dyDescent="0.2">
      <c r="B27" s="92" t="s">
        <v>24</v>
      </c>
      <c r="C27" s="21">
        <v>0</v>
      </c>
      <c r="D27" s="22">
        <v>0</v>
      </c>
      <c r="E27" s="23">
        <v>0</v>
      </c>
      <c r="F27" s="24">
        <v>0</v>
      </c>
      <c r="G27" s="22">
        <v>67190</v>
      </c>
      <c r="H27" s="22">
        <v>42765</v>
      </c>
      <c r="I27" s="22">
        <v>207660</v>
      </c>
      <c r="J27" s="22">
        <v>686905</v>
      </c>
      <c r="K27" s="22">
        <v>347718</v>
      </c>
      <c r="L27" s="25">
        <v>1352238</v>
      </c>
      <c r="M27" s="26">
        <v>1352238</v>
      </c>
      <c r="N27" s="21">
        <v>0</v>
      </c>
      <c r="O27" s="22">
        <v>0</v>
      </c>
      <c r="P27" s="23">
        <v>0</v>
      </c>
      <c r="Q27" s="390">
        <v>0</v>
      </c>
      <c r="R27" s="22">
        <v>0</v>
      </c>
      <c r="S27" s="22">
        <v>2550</v>
      </c>
      <c r="T27" s="22">
        <v>123750</v>
      </c>
      <c r="U27" s="22">
        <v>626500</v>
      </c>
      <c r="V27" s="22">
        <v>238395</v>
      </c>
      <c r="W27" s="25">
        <v>991195</v>
      </c>
      <c r="X27" s="26">
        <v>991195</v>
      </c>
      <c r="Y27" s="21">
        <v>0</v>
      </c>
      <c r="Z27" s="22">
        <v>0</v>
      </c>
      <c r="AA27" s="23">
        <v>0</v>
      </c>
      <c r="AB27" s="390">
        <v>0</v>
      </c>
      <c r="AC27" s="22">
        <v>57710</v>
      </c>
      <c r="AD27" s="22">
        <v>40215</v>
      </c>
      <c r="AE27" s="22">
        <v>31500</v>
      </c>
      <c r="AF27" s="22">
        <v>47020</v>
      </c>
      <c r="AG27" s="22">
        <v>64503</v>
      </c>
      <c r="AH27" s="25">
        <v>240948</v>
      </c>
      <c r="AI27" s="26">
        <v>240948</v>
      </c>
      <c r="AJ27" s="21">
        <v>0</v>
      </c>
      <c r="AK27" s="22">
        <v>0</v>
      </c>
      <c r="AL27" s="23">
        <v>0</v>
      </c>
      <c r="AM27" s="390">
        <v>0</v>
      </c>
      <c r="AN27" s="22">
        <v>0</v>
      </c>
      <c r="AO27" s="22">
        <v>0</v>
      </c>
      <c r="AP27" s="22">
        <v>0</v>
      </c>
      <c r="AQ27" s="22">
        <v>0</v>
      </c>
      <c r="AR27" s="22">
        <v>0</v>
      </c>
      <c r="AS27" s="25">
        <v>0</v>
      </c>
      <c r="AT27" s="26">
        <v>0</v>
      </c>
      <c r="AU27" s="21">
        <v>0</v>
      </c>
      <c r="AV27" s="22">
        <v>0</v>
      </c>
      <c r="AW27" s="23">
        <v>0</v>
      </c>
      <c r="AX27" s="390">
        <v>0</v>
      </c>
      <c r="AY27" s="22">
        <v>0</v>
      </c>
      <c r="AZ27" s="22">
        <v>0</v>
      </c>
      <c r="BA27" s="22">
        <v>0</v>
      </c>
      <c r="BB27" s="22">
        <v>0</v>
      </c>
      <c r="BC27" s="22">
        <v>31650</v>
      </c>
      <c r="BD27" s="25">
        <v>31650</v>
      </c>
      <c r="BE27" s="26">
        <v>31650</v>
      </c>
      <c r="BF27" s="21">
        <v>0</v>
      </c>
      <c r="BG27" s="22">
        <v>0</v>
      </c>
      <c r="BH27" s="23">
        <v>0</v>
      </c>
      <c r="BI27" s="390">
        <v>0</v>
      </c>
      <c r="BJ27" s="22">
        <v>0</v>
      </c>
      <c r="BK27" s="22">
        <v>0</v>
      </c>
      <c r="BL27" s="22">
        <v>0</v>
      </c>
      <c r="BM27" s="22">
        <v>0</v>
      </c>
      <c r="BN27" s="22">
        <v>0</v>
      </c>
      <c r="BO27" s="25">
        <v>0</v>
      </c>
      <c r="BP27" s="26">
        <v>0</v>
      </c>
      <c r="BQ27" s="21">
        <v>0</v>
      </c>
      <c r="BR27" s="22">
        <v>0</v>
      </c>
      <c r="BS27" s="23">
        <v>0</v>
      </c>
      <c r="BT27" s="24">
        <v>0</v>
      </c>
      <c r="BU27" s="22">
        <v>9480</v>
      </c>
      <c r="BV27" s="22">
        <v>0</v>
      </c>
      <c r="BW27" s="22">
        <v>52410</v>
      </c>
      <c r="BX27" s="22">
        <v>13385</v>
      </c>
      <c r="BY27" s="22">
        <v>13170</v>
      </c>
      <c r="BZ27" s="25">
        <v>88445</v>
      </c>
      <c r="CA27" s="26">
        <v>88445</v>
      </c>
      <c r="CB27" s="21">
        <v>0</v>
      </c>
      <c r="CC27" s="22">
        <v>0</v>
      </c>
      <c r="CD27" s="23">
        <v>0</v>
      </c>
      <c r="CE27" s="24">
        <v>0</v>
      </c>
      <c r="CF27" s="22">
        <v>0</v>
      </c>
      <c r="CG27" s="22">
        <v>0</v>
      </c>
      <c r="CH27" s="22">
        <v>0</v>
      </c>
      <c r="CI27" s="22">
        <v>0</v>
      </c>
      <c r="CJ27" s="22">
        <v>0</v>
      </c>
      <c r="CK27" s="25">
        <v>0</v>
      </c>
      <c r="CL27" s="26">
        <v>0</v>
      </c>
      <c r="CM27" s="21">
        <v>0</v>
      </c>
      <c r="CN27" s="22">
        <v>0</v>
      </c>
      <c r="CO27" s="23">
        <v>0</v>
      </c>
      <c r="CP27" s="24">
        <v>0</v>
      </c>
      <c r="CQ27" s="22">
        <v>0</v>
      </c>
      <c r="CR27" s="22">
        <v>0</v>
      </c>
      <c r="CS27" s="22">
        <v>0</v>
      </c>
      <c r="CT27" s="22">
        <v>0</v>
      </c>
      <c r="CU27" s="22">
        <v>0</v>
      </c>
      <c r="CV27" s="25">
        <v>0</v>
      </c>
      <c r="CW27" s="26">
        <v>0</v>
      </c>
      <c r="CX27" s="21">
        <v>0</v>
      </c>
      <c r="CY27" s="22">
        <v>0</v>
      </c>
      <c r="CZ27" s="23">
        <v>0</v>
      </c>
      <c r="DA27" s="390">
        <v>0</v>
      </c>
      <c r="DB27" s="22">
        <v>0</v>
      </c>
      <c r="DC27" s="22">
        <v>0</v>
      </c>
      <c r="DD27" s="22">
        <v>0</v>
      </c>
      <c r="DE27" s="22">
        <v>0</v>
      </c>
      <c r="DF27" s="22">
        <v>0</v>
      </c>
      <c r="DG27" s="25">
        <v>0</v>
      </c>
      <c r="DH27" s="26">
        <v>0</v>
      </c>
      <c r="DI27" s="21">
        <v>0</v>
      </c>
      <c r="DJ27" s="22">
        <v>0</v>
      </c>
      <c r="DK27" s="23">
        <v>0</v>
      </c>
      <c r="DL27" s="24">
        <v>0</v>
      </c>
      <c r="DM27" s="22">
        <v>16933</v>
      </c>
      <c r="DN27" s="22">
        <v>34473</v>
      </c>
      <c r="DO27" s="22">
        <v>309489</v>
      </c>
      <c r="DP27" s="22">
        <v>862362</v>
      </c>
      <c r="DQ27" s="22">
        <v>384542</v>
      </c>
      <c r="DR27" s="25">
        <v>1607799</v>
      </c>
      <c r="DS27" s="27">
        <v>1607799</v>
      </c>
      <c r="DT27" s="21">
        <v>0</v>
      </c>
      <c r="DU27" s="22">
        <v>0</v>
      </c>
      <c r="DV27" s="23">
        <v>0</v>
      </c>
      <c r="DW27" s="390">
        <v>0</v>
      </c>
      <c r="DX27" s="22">
        <v>0</v>
      </c>
      <c r="DY27" s="22">
        <v>20880</v>
      </c>
      <c r="DZ27" s="22">
        <v>168780</v>
      </c>
      <c r="EA27" s="22">
        <v>840465</v>
      </c>
      <c r="EB27" s="22">
        <v>327105</v>
      </c>
      <c r="EC27" s="25">
        <v>1357230</v>
      </c>
      <c r="ED27" s="26">
        <v>1357230</v>
      </c>
      <c r="EE27" s="21">
        <v>0</v>
      </c>
      <c r="EF27" s="22">
        <v>0</v>
      </c>
      <c r="EG27" s="23">
        <v>0</v>
      </c>
      <c r="EH27" s="390">
        <v>0</v>
      </c>
      <c r="EI27" s="22">
        <v>602</v>
      </c>
      <c r="EJ27" s="22">
        <v>13593</v>
      </c>
      <c r="EK27" s="22">
        <v>62850</v>
      </c>
      <c r="EL27" s="22">
        <v>924</v>
      </c>
      <c r="EM27" s="22">
        <v>37198</v>
      </c>
      <c r="EN27" s="25">
        <v>115167</v>
      </c>
      <c r="EO27" s="26">
        <v>115167</v>
      </c>
      <c r="EP27" s="21">
        <v>0</v>
      </c>
      <c r="EQ27" s="22">
        <v>0</v>
      </c>
      <c r="ER27" s="23">
        <v>0</v>
      </c>
      <c r="ES27" s="390">
        <v>0</v>
      </c>
      <c r="ET27" s="22">
        <v>0</v>
      </c>
      <c r="EU27" s="22">
        <v>0</v>
      </c>
      <c r="EV27" s="22">
        <v>0</v>
      </c>
      <c r="EW27" s="22">
        <v>0</v>
      </c>
      <c r="EX27" s="22">
        <v>0</v>
      </c>
      <c r="EY27" s="25">
        <v>0</v>
      </c>
      <c r="EZ27" s="26">
        <v>0</v>
      </c>
      <c r="FA27" s="21">
        <v>0</v>
      </c>
      <c r="FB27" s="22">
        <v>0</v>
      </c>
      <c r="FC27" s="23">
        <v>0</v>
      </c>
      <c r="FD27" s="390">
        <v>0</v>
      </c>
      <c r="FE27" s="22">
        <v>0</v>
      </c>
      <c r="FF27" s="22">
        <v>0</v>
      </c>
      <c r="FG27" s="22">
        <v>0</v>
      </c>
      <c r="FH27" s="22">
        <v>0</v>
      </c>
      <c r="FI27" s="22">
        <v>210</v>
      </c>
      <c r="FJ27" s="25">
        <v>210</v>
      </c>
      <c r="FK27" s="26">
        <v>210</v>
      </c>
      <c r="FL27" s="21">
        <v>0</v>
      </c>
      <c r="FM27" s="22">
        <v>0</v>
      </c>
      <c r="FN27" s="23">
        <v>0</v>
      </c>
      <c r="FO27" s="390">
        <v>0</v>
      </c>
      <c r="FP27" s="22">
        <v>0</v>
      </c>
      <c r="FQ27" s="22">
        <v>0</v>
      </c>
      <c r="FR27" s="22">
        <v>0</v>
      </c>
      <c r="FS27" s="22">
        <v>0</v>
      </c>
      <c r="FT27" s="22">
        <v>0</v>
      </c>
      <c r="FU27" s="25">
        <v>0</v>
      </c>
      <c r="FV27" s="26">
        <v>0</v>
      </c>
      <c r="FW27" s="21">
        <v>0</v>
      </c>
      <c r="FX27" s="22">
        <v>0</v>
      </c>
      <c r="FY27" s="23">
        <v>0</v>
      </c>
      <c r="FZ27" s="24">
        <v>0</v>
      </c>
      <c r="GA27" s="22">
        <v>16331</v>
      </c>
      <c r="GB27" s="22">
        <v>0</v>
      </c>
      <c r="GC27" s="22">
        <v>77859</v>
      </c>
      <c r="GD27" s="22">
        <v>20973</v>
      </c>
      <c r="GE27" s="22">
        <v>20029</v>
      </c>
      <c r="GF27" s="25">
        <v>135192</v>
      </c>
      <c r="GG27" s="26">
        <v>135192</v>
      </c>
      <c r="GH27" s="21">
        <v>0</v>
      </c>
      <c r="GI27" s="22">
        <v>0</v>
      </c>
      <c r="GJ27" s="23">
        <v>0</v>
      </c>
      <c r="GK27" s="24">
        <v>0</v>
      </c>
      <c r="GL27" s="22">
        <v>0</v>
      </c>
      <c r="GM27" s="22">
        <v>0</v>
      </c>
      <c r="GN27" s="22">
        <v>0</v>
      </c>
      <c r="GO27" s="22">
        <v>0</v>
      </c>
      <c r="GP27" s="22">
        <v>0</v>
      </c>
      <c r="GQ27" s="25">
        <v>0</v>
      </c>
      <c r="GR27" s="26">
        <v>0</v>
      </c>
      <c r="GS27" s="21">
        <v>0</v>
      </c>
      <c r="GT27" s="22">
        <v>0</v>
      </c>
      <c r="GU27" s="23">
        <v>0</v>
      </c>
      <c r="GV27" s="24">
        <v>0</v>
      </c>
      <c r="GW27" s="22">
        <v>0</v>
      </c>
      <c r="GX27" s="22">
        <v>0</v>
      </c>
      <c r="GY27" s="22">
        <v>0</v>
      </c>
      <c r="GZ27" s="22">
        <v>0</v>
      </c>
      <c r="HA27" s="22">
        <v>0</v>
      </c>
      <c r="HB27" s="25">
        <v>0</v>
      </c>
      <c r="HC27" s="26">
        <v>0</v>
      </c>
      <c r="HD27" s="21">
        <v>0</v>
      </c>
      <c r="HE27" s="22">
        <v>0</v>
      </c>
      <c r="HF27" s="23">
        <v>0</v>
      </c>
      <c r="HG27" s="390">
        <v>0</v>
      </c>
      <c r="HH27" s="22">
        <v>0</v>
      </c>
      <c r="HI27" s="22">
        <v>0</v>
      </c>
      <c r="HJ27" s="22">
        <v>0</v>
      </c>
      <c r="HK27" s="22">
        <v>0</v>
      </c>
      <c r="HL27" s="22">
        <v>0</v>
      </c>
      <c r="HM27" s="25">
        <v>0</v>
      </c>
      <c r="HN27" s="26">
        <v>0</v>
      </c>
      <c r="HO27" s="21">
        <v>0</v>
      </c>
      <c r="HP27" s="22">
        <v>0</v>
      </c>
      <c r="HQ27" s="23">
        <v>0</v>
      </c>
      <c r="HR27" s="24">
        <v>0</v>
      </c>
      <c r="HS27" s="22">
        <v>84123</v>
      </c>
      <c r="HT27" s="22">
        <v>77238</v>
      </c>
      <c r="HU27" s="22">
        <v>517149</v>
      </c>
      <c r="HV27" s="22">
        <v>1549267</v>
      </c>
      <c r="HW27" s="22">
        <v>732260</v>
      </c>
      <c r="HX27" s="25">
        <v>2960037</v>
      </c>
      <c r="HY27" s="26">
        <v>2960037</v>
      </c>
    </row>
    <row r="28" spans="2:233" ht="21" customHeight="1" x14ac:dyDescent="0.2">
      <c r="B28" s="92" t="s">
        <v>25</v>
      </c>
      <c r="C28" s="21">
        <v>0</v>
      </c>
      <c r="D28" s="22">
        <v>0</v>
      </c>
      <c r="E28" s="23">
        <v>0</v>
      </c>
      <c r="F28" s="24">
        <v>0</v>
      </c>
      <c r="G28" s="22">
        <v>49420</v>
      </c>
      <c r="H28" s="22">
        <v>275567</v>
      </c>
      <c r="I28" s="22">
        <v>596725</v>
      </c>
      <c r="J28" s="22">
        <v>700267</v>
      </c>
      <c r="K28" s="22">
        <v>319460</v>
      </c>
      <c r="L28" s="25">
        <v>1941439</v>
      </c>
      <c r="M28" s="26">
        <v>1941439</v>
      </c>
      <c r="N28" s="21">
        <v>0</v>
      </c>
      <c r="O28" s="22">
        <v>0</v>
      </c>
      <c r="P28" s="23">
        <v>0</v>
      </c>
      <c r="Q28" s="390">
        <v>0</v>
      </c>
      <c r="R28" s="22">
        <v>0</v>
      </c>
      <c r="S28" s="22">
        <v>26400</v>
      </c>
      <c r="T28" s="22">
        <v>435355</v>
      </c>
      <c r="U28" s="22">
        <v>425825</v>
      </c>
      <c r="V28" s="22">
        <v>283220</v>
      </c>
      <c r="W28" s="25">
        <v>1170800</v>
      </c>
      <c r="X28" s="26">
        <v>1170800</v>
      </c>
      <c r="Y28" s="21">
        <v>0</v>
      </c>
      <c r="Z28" s="22">
        <v>0</v>
      </c>
      <c r="AA28" s="23">
        <v>0</v>
      </c>
      <c r="AB28" s="390">
        <v>0</v>
      </c>
      <c r="AC28" s="22">
        <v>31650</v>
      </c>
      <c r="AD28" s="22">
        <v>246570</v>
      </c>
      <c r="AE28" s="22">
        <v>73385</v>
      </c>
      <c r="AF28" s="22">
        <v>260798</v>
      </c>
      <c r="AG28" s="22">
        <v>4590</v>
      </c>
      <c r="AH28" s="25">
        <v>616993</v>
      </c>
      <c r="AI28" s="26">
        <v>616993</v>
      </c>
      <c r="AJ28" s="21">
        <v>0</v>
      </c>
      <c r="AK28" s="22">
        <v>0</v>
      </c>
      <c r="AL28" s="23">
        <v>0</v>
      </c>
      <c r="AM28" s="390">
        <v>0</v>
      </c>
      <c r="AN28" s="22">
        <v>0</v>
      </c>
      <c r="AO28" s="22">
        <v>0</v>
      </c>
      <c r="AP28" s="22">
        <v>0</v>
      </c>
      <c r="AQ28" s="22">
        <v>0</v>
      </c>
      <c r="AR28" s="22">
        <v>0</v>
      </c>
      <c r="AS28" s="25">
        <v>0</v>
      </c>
      <c r="AT28" s="26">
        <v>0</v>
      </c>
      <c r="AU28" s="21">
        <v>0</v>
      </c>
      <c r="AV28" s="22">
        <v>0</v>
      </c>
      <c r="AW28" s="23">
        <v>0</v>
      </c>
      <c r="AX28" s="390">
        <v>0</v>
      </c>
      <c r="AY28" s="22">
        <v>0</v>
      </c>
      <c r="AZ28" s="22">
        <v>0</v>
      </c>
      <c r="BA28" s="22">
        <v>0</v>
      </c>
      <c r="BB28" s="22">
        <v>0</v>
      </c>
      <c r="BC28" s="22">
        <v>31650</v>
      </c>
      <c r="BD28" s="25">
        <v>31650</v>
      </c>
      <c r="BE28" s="26">
        <v>31650</v>
      </c>
      <c r="BF28" s="21">
        <v>0</v>
      </c>
      <c r="BG28" s="22">
        <v>0</v>
      </c>
      <c r="BH28" s="23">
        <v>0</v>
      </c>
      <c r="BI28" s="390">
        <v>0</v>
      </c>
      <c r="BJ28" s="22">
        <v>0</v>
      </c>
      <c r="BK28" s="22">
        <v>0</v>
      </c>
      <c r="BL28" s="22">
        <v>0</v>
      </c>
      <c r="BM28" s="22">
        <v>0</v>
      </c>
      <c r="BN28" s="22">
        <v>0</v>
      </c>
      <c r="BO28" s="25">
        <v>0</v>
      </c>
      <c r="BP28" s="26">
        <v>0</v>
      </c>
      <c r="BQ28" s="21">
        <v>0</v>
      </c>
      <c r="BR28" s="22">
        <v>0</v>
      </c>
      <c r="BS28" s="23">
        <v>0</v>
      </c>
      <c r="BT28" s="24">
        <v>0</v>
      </c>
      <c r="BU28" s="22">
        <v>17770</v>
      </c>
      <c r="BV28" s="22">
        <v>2597</v>
      </c>
      <c r="BW28" s="22">
        <v>87540</v>
      </c>
      <c r="BX28" s="22">
        <v>13644</v>
      </c>
      <c r="BY28" s="22">
        <v>0</v>
      </c>
      <c r="BZ28" s="25">
        <v>121551</v>
      </c>
      <c r="CA28" s="26">
        <v>121551</v>
      </c>
      <c r="CB28" s="21">
        <v>0</v>
      </c>
      <c r="CC28" s="22">
        <v>0</v>
      </c>
      <c r="CD28" s="23">
        <v>0</v>
      </c>
      <c r="CE28" s="24">
        <v>0</v>
      </c>
      <c r="CF28" s="22">
        <v>0</v>
      </c>
      <c r="CG28" s="22">
        <v>0</v>
      </c>
      <c r="CH28" s="22">
        <v>445</v>
      </c>
      <c r="CI28" s="22">
        <v>0</v>
      </c>
      <c r="CJ28" s="22">
        <v>0</v>
      </c>
      <c r="CK28" s="25">
        <v>445</v>
      </c>
      <c r="CL28" s="26">
        <v>445</v>
      </c>
      <c r="CM28" s="21">
        <v>0</v>
      </c>
      <c r="CN28" s="22">
        <v>0</v>
      </c>
      <c r="CO28" s="23">
        <v>0</v>
      </c>
      <c r="CP28" s="24">
        <v>0</v>
      </c>
      <c r="CQ28" s="22">
        <v>0</v>
      </c>
      <c r="CR28" s="22">
        <v>0</v>
      </c>
      <c r="CS28" s="22">
        <v>0</v>
      </c>
      <c r="CT28" s="22">
        <v>0</v>
      </c>
      <c r="CU28" s="22">
        <v>0</v>
      </c>
      <c r="CV28" s="25">
        <v>0</v>
      </c>
      <c r="CW28" s="26">
        <v>0</v>
      </c>
      <c r="CX28" s="21">
        <v>0</v>
      </c>
      <c r="CY28" s="22">
        <v>0</v>
      </c>
      <c r="CZ28" s="23">
        <v>0</v>
      </c>
      <c r="DA28" s="390">
        <v>0</v>
      </c>
      <c r="DB28" s="22">
        <v>0</v>
      </c>
      <c r="DC28" s="22">
        <v>0</v>
      </c>
      <c r="DD28" s="22">
        <v>0</v>
      </c>
      <c r="DE28" s="22">
        <v>0</v>
      </c>
      <c r="DF28" s="22">
        <v>0</v>
      </c>
      <c r="DG28" s="25">
        <v>0</v>
      </c>
      <c r="DH28" s="26">
        <v>0</v>
      </c>
      <c r="DI28" s="21">
        <v>0</v>
      </c>
      <c r="DJ28" s="22">
        <v>0</v>
      </c>
      <c r="DK28" s="23">
        <v>0</v>
      </c>
      <c r="DL28" s="24">
        <v>0</v>
      </c>
      <c r="DM28" s="22">
        <v>13983</v>
      </c>
      <c r="DN28" s="22">
        <v>54511</v>
      </c>
      <c r="DO28" s="22">
        <v>747974</v>
      </c>
      <c r="DP28" s="22">
        <v>837016</v>
      </c>
      <c r="DQ28" s="22">
        <v>316708</v>
      </c>
      <c r="DR28" s="25">
        <v>1970192</v>
      </c>
      <c r="DS28" s="27">
        <v>1970192</v>
      </c>
      <c r="DT28" s="21">
        <v>0</v>
      </c>
      <c r="DU28" s="22">
        <v>0</v>
      </c>
      <c r="DV28" s="23">
        <v>0</v>
      </c>
      <c r="DW28" s="390">
        <v>0</v>
      </c>
      <c r="DX28" s="22">
        <v>0</v>
      </c>
      <c r="DY28" s="22">
        <v>35430</v>
      </c>
      <c r="DZ28" s="22">
        <v>610228</v>
      </c>
      <c r="EA28" s="22">
        <v>772337</v>
      </c>
      <c r="EB28" s="22">
        <v>316120</v>
      </c>
      <c r="EC28" s="25">
        <v>1734115</v>
      </c>
      <c r="ED28" s="26">
        <v>1734115</v>
      </c>
      <c r="EE28" s="21">
        <v>0</v>
      </c>
      <c r="EF28" s="22">
        <v>0</v>
      </c>
      <c r="EG28" s="23">
        <v>0</v>
      </c>
      <c r="EH28" s="390">
        <v>0</v>
      </c>
      <c r="EI28" s="22">
        <v>210</v>
      </c>
      <c r="EJ28" s="22">
        <v>35351</v>
      </c>
      <c r="EK28" s="22">
        <v>35430</v>
      </c>
      <c r="EL28" s="22">
        <v>30203</v>
      </c>
      <c r="EM28" s="22">
        <v>378</v>
      </c>
      <c r="EN28" s="25">
        <v>101572</v>
      </c>
      <c r="EO28" s="26">
        <v>101572</v>
      </c>
      <c r="EP28" s="21">
        <v>0</v>
      </c>
      <c r="EQ28" s="22">
        <v>0</v>
      </c>
      <c r="ER28" s="23">
        <v>0</v>
      </c>
      <c r="ES28" s="390">
        <v>0</v>
      </c>
      <c r="ET28" s="22">
        <v>0</v>
      </c>
      <c r="EU28" s="22">
        <v>0</v>
      </c>
      <c r="EV28" s="22">
        <v>0</v>
      </c>
      <c r="EW28" s="22">
        <v>0</v>
      </c>
      <c r="EX28" s="22">
        <v>0</v>
      </c>
      <c r="EY28" s="25">
        <v>0</v>
      </c>
      <c r="EZ28" s="26">
        <v>0</v>
      </c>
      <c r="FA28" s="21">
        <v>0</v>
      </c>
      <c r="FB28" s="22">
        <v>0</v>
      </c>
      <c r="FC28" s="23">
        <v>0</v>
      </c>
      <c r="FD28" s="390">
        <v>0</v>
      </c>
      <c r="FE28" s="22">
        <v>0</v>
      </c>
      <c r="FF28" s="22">
        <v>0</v>
      </c>
      <c r="FG28" s="22">
        <v>0</v>
      </c>
      <c r="FH28" s="22">
        <v>0</v>
      </c>
      <c r="FI28" s="22">
        <v>210</v>
      </c>
      <c r="FJ28" s="25">
        <v>210</v>
      </c>
      <c r="FK28" s="26">
        <v>210</v>
      </c>
      <c r="FL28" s="21">
        <v>0</v>
      </c>
      <c r="FM28" s="22">
        <v>0</v>
      </c>
      <c r="FN28" s="23">
        <v>0</v>
      </c>
      <c r="FO28" s="390">
        <v>0</v>
      </c>
      <c r="FP28" s="22">
        <v>0</v>
      </c>
      <c r="FQ28" s="22">
        <v>0</v>
      </c>
      <c r="FR28" s="22">
        <v>0</v>
      </c>
      <c r="FS28" s="22">
        <v>0</v>
      </c>
      <c r="FT28" s="22">
        <v>0</v>
      </c>
      <c r="FU28" s="25">
        <v>0</v>
      </c>
      <c r="FV28" s="26">
        <v>0</v>
      </c>
      <c r="FW28" s="21">
        <v>0</v>
      </c>
      <c r="FX28" s="22">
        <v>0</v>
      </c>
      <c r="FY28" s="23">
        <v>0</v>
      </c>
      <c r="FZ28" s="24">
        <v>0</v>
      </c>
      <c r="GA28" s="22">
        <v>13773</v>
      </c>
      <c r="GB28" s="22">
        <v>-16270</v>
      </c>
      <c r="GC28" s="22">
        <v>101242</v>
      </c>
      <c r="GD28" s="22">
        <v>34476</v>
      </c>
      <c r="GE28" s="22">
        <v>0</v>
      </c>
      <c r="GF28" s="25">
        <v>133221</v>
      </c>
      <c r="GG28" s="26">
        <v>133221</v>
      </c>
      <c r="GH28" s="21">
        <v>0</v>
      </c>
      <c r="GI28" s="22">
        <v>0</v>
      </c>
      <c r="GJ28" s="23">
        <v>0</v>
      </c>
      <c r="GK28" s="24">
        <v>0</v>
      </c>
      <c r="GL28" s="22">
        <v>0</v>
      </c>
      <c r="GM28" s="22">
        <v>0</v>
      </c>
      <c r="GN28" s="22">
        <v>1074</v>
      </c>
      <c r="GO28" s="22">
        <v>0</v>
      </c>
      <c r="GP28" s="22">
        <v>0</v>
      </c>
      <c r="GQ28" s="25">
        <v>1074</v>
      </c>
      <c r="GR28" s="26">
        <v>1074</v>
      </c>
      <c r="GS28" s="21">
        <v>0</v>
      </c>
      <c r="GT28" s="22">
        <v>0</v>
      </c>
      <c r="GU28" s="23">
        <v>0</v>
      </c>
      <c r="GV28" s="24">
        <v>0</v>
      </c>
      <c r="GW28" s="22">
        <v>0</v>
      </c>
      <c r="GX28" s="22">
        <v>0</v>
      </c>
      <c r="GY28" s="22">
        <v>0</v>
      </c>
      <c r="GZ28" s="22">
        <v>0</v>
      </c>
      <c r="HA28" s="22">
        <v>0</v>
      </c>
      <c r="HB28" s="25">
        <v>0</v>
      </c>
      <c r="HC28" s="26">
        <v>0</v>
      </c>
      <c r="HD28" s="21">
        <v>0</v>
      </c>
      <c r="HE28" s="22">
        <v>0</v>
      </c>
      <c r="HF28" s="23">
        <v>0</v>
      </c>
      <c r="HG28" s="390">
        <v>0</v>
      </c>
      <c r="HH28" s="22">
        <v>0</v>
      </c>
      <c r="HI28" s="22">
        <v>0</v>
      </c>
      <c r="HJ28" s="22">
        <v>0</v>
      </c>
      <c r="HK28" s="22">
        <v>0</v>
      </c>
      <c r="HL28" s="22">
        <v>0</v>
      </c>
      <c r="HM28" s="25">
        <v>0</v>
      </c>
      <c r="HN28" s="26">
        <v>0</v>
      </c>
      <c r="HO28" s="21">
        <v>0</v>
      </c>
      <c r="HP28" s="22">
        <v>0</v>
      </c>
      <c r="HQ28" s="23">
        <v>0</v>
      </c>
      <c r="HR28" s="24">
        <v>0</v>
      </c>
      <c r="HS28" s="22">
        <v>63403</v>
      </c>
      <c r="HT28" s="22">
        <v>330078</v>
      </c>
      <c r="HU28" s="22">
        <v>1344699</v>
      </c>
      <c r="HV28" s="22">
        <v>1537283</v>
      </c>
      <c r="HW28" s="22">
        <v>636168</v>
      </c>
      <c r="HX28" s="25">
        <v>3911631</v>
      </c>
      <c r="HY28" s="26">
        <v>3911631</v>
      </c>
    </row>
    <row r="29" spans="2:233" ht="21" customHeight="1" x14ac:dyDescent="0.2">
      <c r="B29" s="92" t="s">
        <v>26</v>
      </c>
      <c r="C29" s="21">
        <v>0</v>
      </c>
      <c r="D29" s="22">
        <v>0</v>
      </c>
      <c r="E29" s="23">
        <v>0</v>
      </c>
      <c r="F29" s="24">
        <v>0</v>
      </c>
      <c r="G29" s="22">
        <v>36115</v>
      </c>
      <c r="H29" s="22">
        <v>111569</v>
      </c>
      <c r="I29" s="22">
        <v>364415</v>
      </c>
      <c r="J29" s="22">
        <v>572255</v>
      </c>
      <c r="K29" s="22">
        <v>484645</v>
      </c>
      <c r="L29" s="25">
        <v>1568999</v>
      </c>
      <c r="M29" s="26">
        <v>1568999</v>
      </c>
      <c r="N29" s="21">
        <v>0</v>
      </c>
      <c r="O29" s="22">
        <v>0</v>
      </c>
      <c r="P29" s="23">
        <v>0</v>
      </c>
      <c r="Q29" s="390">
        <v>0</v>
      </c>
      <c r="R29" s="22">
        <v>2550</v>
      </c>
      <c r="S29" s="22">
        <v>31650</v>
      </c>
      <c r="T29" s="22">
        <v>167585</v>
      </c>
      <c r="U29" s="22">
        <v>353010</v>
      </c>
      <c r="V29" s="22">
        <v>426835</v>
      </c>
      <c r="W29" s="25">
        <v>981630</v>
      </c>
      <c r="X29" s="26">
        <v>981630</v>
      </c>
      <c r="Y29" s="21">
        <v>0</v>
      </c>
      <c r="Z29" s="22">
        <v>0</v>
      </c>
      <c r="AA29" s="23">
        <v>0</v>
      </c>
      <c r="AB29" s="390">
        <v>0</v>
      </c>
      <c r="AC29" s="22">
        <v>31650</v>
      </c>
      <c r="AD29" s="22">
        <v>68400</v>
      </c>
      <c r="AE29" s="22">
        <v>139415</v>
      </c>
      <c r="AF29" s="22">
        <v>214605</v>
      </c>
      <c r="AG29" s="22">
        <v>28950</v>
      </c>
      <c r="AH29" s="25">
        <v>483020</v>
      </c>
      <c r="AI29" s="26">
        <v>483020</v>
      </c>
      <c r="AJ29" s="21">
        <v>0</v>
      </c>
      <c r="AK29" s="22">
        <v>0</v>
      </c>
      <c r="AL29" s="23">
        <v>0</v>
      </c>
      <c r="AM29" s="390">
        <v>0</v>
      </c>
      <c r="AN29" s="22">
        <v>0</v>
      </c>
      <c r="AO29" s="22">
        <v>0</v>
      </c>
      <c r="AP29" s="22">
        <v>0</v>
      </c>
      <c r="AQ29" s="22">
        <v>0</v>
      </c>
      <c r="AR29" s="22">
        <v>0</v>
      </c>
      <c r="AS29" s="25">
        <v>0</v>
      </c>
      <c r="AT29" s="26">
        <v>0</v>
      </c>
      <c r="AU29" s="21">
        <v>0</v>
      </c>
      <c r="AV29" s="22">
        <v>0</v>
      </c>
      <c r="AW29" s="23">
        <v>0</v>
      </c>
      <c r="AX29" s="390">
        <v>0</v>
      </c>
      <c r="AY29" s="22">
        <v>0</v>
      </c>
      <c r="AZ29" s="22">
        <v>2550</v>
      </c>
      <c r="BA29" s="22">
        <v>0</v>
      </c>
      <c r="BB29" s="22">
        <v>0</v>
      </c>
      <c r="BC29" s="22">
        <v>2550</v>
      </c>
      <c r="BD29" s="25">
        <v>5100</v>
      </c>
      <c r="BE29" s="26">
        <v>5100</v>
      </c>
      <c r="BF29" s="21">
        <v>0</v>
      </c>
      <c r="BG29" s="22">
        <v>0</v>
      </c>
      <c r="BH29" s="23">
        <v>0</v>
      </c>
      <c r="BI29" s="390">
        <v>0</v>
      </c>
      <c r="BJ29" s="22">
        <v>0</v>
      </c>
      <c r="BK29" s="22">
        <v>0</v>
      </c>
      <c r="BL29" s="22">
        <v>0</v>
      </c>
      <c r="BM29" s="22">
        <v>0</v>
      </c>
      <c r="BN29" s="22">
        <v>0</v>
      </c>
      <c r="BO29" s="25">
        <v>0</v>
      </c>
      <c r="BP29" s="26">
        <v>0</v>
      </c>
      <c r="BQ29" s="21">
        <v>0</v>
      </c>
      <c r="BR29" s="22">
        <v>0</v>
      </c>
      <c r="BS29" s="23">
        <v>0</v>
      </c>
      <c r="BT29" s="24">
        <v>0</v>
      </c>
      <c r="BU29" s="22">
        <v>1915</v>
      </c>
      <c r="BV29" s="22">
        <v>8534</v>
      </c>
      <c r="BW29" s="22">
        <v>57415</v>
      </c>
      <c r="BX29" s="22">
        <v>4640</v>
      </c>
      <c r="BY29" s="22">
        <v>26310</v>
      </c>
      <c r="BZ29" s="25">
        <v>98814</v>
      </c>
      <c r="CA29" s="26">
        <v>98814</v>
      </c>
      <c r="CB29" s="21">
        <v>0</v>
      </c>
      <c r="CC29" s="22">
        <v>0</v>
      </c>
      <c r="CD29" s="23">
        <v>0</v>
      </c>
      <c r="CE29" s="24">
        <v>0</v>
      </c>
      <c r="CF29" s="22">
        <v>0</v>
      </c>
      <c r="CG29" s="22">
        <v>435</v>
      </c>
      <c r="CH29" s="22">
        <v>0</v>
      </c>
      <c r="CI29" s="22">
        <v>0</v>
      </c>
      <c r="CJ29" s="22">
        <v>0</v>
      </c>
      <c r="CK29" s="25">
        <v>435</v>
      </c>
      <c r="CL29" s="26">
        <v>435</v>
      </c>
      <c r="CM29" s="21">
        <v>0</v>
      </c>
      <c r="CN29" s="22">
        <v>0</v>
      </c>
      <c r="CO29" s="23">
        <v>0</v>
      </c>
      <c r="CP29" s="24">
        <v>0</v>
      </c>
      <c r="CQ29" s="22">
        <v>0</v>
      </c>
      <c r="CR29" s="22">
        <v>0</v>
      </c>
      <c r="CS29" s="22">
        <v>0</v>
      </c>
      <c r="CT29" s="22">
        <v>0</v>
      </c>
      <c r="CU29" s="22">
        <v>0</v>
      </c>
      <c r="CV29" s="25">
        <v>0</v>
      </c>
      <c r="CW29" s="26">
        <v>0</v>
      </c>
      <c r="CX29" s="21">
        <v>0</v>
      </c>
      <c r="CY29" s="22">
        <v>0</v>
      </c>
      <c r="CZ29" s="23">
        <v>0</v>
      </c>
      <c r="DA29" s="390">
        <v>0</v>
      </c>
      <c r="DB29" s="22">
        <v>0</v>
      </c>
      <c r="DC29" s="22">
        <v>0</v>
      </c>
      <c r="DD29" s="22">
        <v>0</v>
      </c>
      <c r="DE29" s="22">
        <v>0</v>
      </c>
      <c r="DF29" s="22">
        <v>0</v>
      </c>
      <c r="DG29" s="25">
        <v>0</v>
      </c>
      <c r="DH29" s="26">
        <v>0</v>
      </c>
      <c r="DI29" s="21">
        <v>0</v>
      </c>
      <c r="DJ29" s="22">
        <v>0</v>
      </c>
      <c r="DK29" s="23">
        <v>0</v>
      </c>
      <c r="DL29" s="24">
        <v>0</v>
      </c>
      <c r="DM29" s="22">
        <v>27711</v>
      </c>
      <c r="DN29" s="22">
        <v>69606</v>
      </c>
      <c r="DO29" s="22">
        <v>386453</v>
      </c>
      <c r="DP29" s="22">
        <v>646317</v>
      </c>
      <c r="DQ29" s="22">
        <v>514264</v>
      </c>
      <c r="DR29" s="25">
        <v>1644351</v>
      </c>
      <c r="DS29" s="27">
        <v>1644351</v>
      </c>
      <c r="DT29" s="21">
        <v>0</v>
      </c>
      <c r="DU29" s="22">
        <v>0</v>
      </c>
      <c r="DV29" s="23">
        <v>0</v>
      </c>
      <c r="DW29" s="390">
        <v>0</v>
      </c>
      <c r="DX29" s="22">
        <v>20880</v>
      </c>
      <c r="DY29" s="22">
        <v>35580</v>
      </c>
      <c r="DZ29" s="22">
        <v>306176</v>
      </c>
      <c r="EA29" s="22">
        <v>557070</v>
      </c>
      <c r="EB29" s="22">
        <v>442329</v>
      </c>
      <c r="EC29" s="25">
        <v>1362035</v>
      </c>
      <c r="ED29" s="26">
        <v>1362035</v>
      </c>
      <c r="EE29" s="21">
        <v>0</v>
      </c>
      <c r="EF29" s="22">
        <v>0</v>
      </c>
      <c r="EG29" s="23">
        <v>0</v>
      </c>
      <c r="EH29" s="390">
        <v>0</v>
      </c>
      <c r="EI29" s="22">
        <v>210</v>
      </c>
      <c r="EJ29" s="22">
        <v>840</v>
      </c>
      <c r="EK29" s="22">
        <v>14580</v>
      </c>
      <c r="EL29" s="22">
        <v>62799</v>
      </c>
      <c r="EM29" s="22">
        <v>630</v>
      </c>
      <c r="EN29" s="25">
        <v>79059</v>
      </c>
      <c r="EO29" s="26">
        <v>79059</v>
      </c>
      <c r="EP29" s="21">
        <v>0</v>
      </c>
      <c r="EQ29" s="22">
        <v>0</v>
      </c>
      <c r="ER29" s="23">
        <v>0</v>
      </c>
      <c r="ES29" s="390">
        <v>0</v>
      </c>
      <c r="ET29" s="22">
        <v>0</v>
      </c>
      <c r="EU29" s="22">
        <v>0</v>
      </c>
      <c r="EV29" s="22">
        <v>0</v>
      </c>
      <c r="EW29" s="22">
        <v>0</v>
      </c>
      <c r="EX29" s="22">
        <v>0</v>
      </c>
      <c r="EY29" s="25">
        <v>0</v>
      </c>
      <c r="EZ29" s="26">
        <v>0</v>
      </c>
      <c r="FA29" s="21">
        <v>0</v>
      </c>
      <c r="FB29" s="22">
        <v>0</v>
      </c>
      <c r="FC29" s="23">
        <v>0</v>
      </c>
      <c r="FD29" s="390">
        <v>0</v>
      </c>
      <c r="FE29" s="22">
        <v>0</v>
      </c>
      <c r="FF29" s="22">
        <v>210</v>
      </c>
      <c r="FG29" s="22">
        <v>0</v>
      </c>
      <c r="FH29" s="22">
        <v>0</v>
      </c>
      <c r="FI29" s="22">
        <v>420</v>
      </c>
      <c r="FJ29" s="25">
        <v>630</v>
      </c>
      <c r="FK29" s="26">
        <v>630</v>
      </c>
      <c r="FL29" s="21">
        <v>0</v>
      </c>
      <c r="FM29" s="22">
        <v>0</v>
      </c>
      <c r="FN29" s="23">
        <v>0</v>
      </c>
      <c r="FO29" s="390">
        <v>0</v>
      </c>
      <c r="FP29" s="22">
        <v>0</v>
      </c>
      <c r="FQ29" s="22">
        <v>0</v>
      </c>
      <c r="FR29" s="22">
        <v>0</v>
      </c>
      <c r="FS29" s="22">
        <v>0</v>
      </c>
      <c r="FT29" s="22">
        <v>0</v>
      </c>
      <c r="FU29" s="25">
        <v>0</v>
      </c>
      <c r="FV29" s="26">
        <v>0</v>
      </c>
      <c r="FW29" s="21">
        <v>0</v>
      </c>
      <c r="FX29" s="22">
        <v>0</v>
      </c>
      <c r="FY29" s="23">
        <v>0</v>
      </c>
      <c r="FZ29" s="24">
        <v>0</v>
      </c>
      <c r="GA29" s="22">
        <v>6621</v>
      </c>
      <c r="GB29" s="22">
        <v>31902</v>
      </c>
      <c r="GC29" s="22">
        <v>65697</v>
      </c>
      <c r="GD29" s="22">
        <v>26448</v>
      </c>
      <c r="GE29" s="22">
        <v>70885</v>
      </c>
      <c r="GF29" s="25">
        <v>201553</v>
      </c>
      <c r="GG29" s="26">
        <v>201553</v>
      </c>
      <c r="GH29" s="21">
        <v>0</v>
      </c>
      <c r="GI29" s="22">
        <v>0</v>
      </c>
      <c r="GJ29" s="23">
        <v>0</v>
      </c>
      <c r="GK29" s="24">
        <v>0</v>
      </c>
      <c r="GL29" s="22">
        <v>0</v>
      </c>
      <c r="GM29" s="22">
        <v>1074</v>
      </c>
      <c r="GN29" s="22">
        <v>0</v>
      </c>
      <c r="GO29" s="22">
        <v>0</v>
      </c>
      <c r="GP29" s="22">
        <v>0</v>
      </c>
      <c r="GQ29" s="25">
        <v>1074</v>
      </c>
      <c r="GR29" s="26">
        <v>1074</v>
      </c>
      <c r="GS29" s="21">
        <v>0</v>
      </c>
      <c r="GT29" s="22">
        <v>0</v>
      </c>
      <c r="GU29" s="23">
        <v>0</v>
      </c>
      <c r="GV29" s="24">
        <v>0</v>
      </c>
      <c r="GW29" s="22">
        <v>0</v>
      </c>
      <c r="GX29" s="22">
        <v>0</v>
      </c>
      <c r="GY29" s="22">
        <v>0</v>
      </c>
      <c r="GZ29" s="22">
        <v>0</v>
      </c>
      <c r="HA29" s="22">
        <v>0</v>
      </c>
      <c r="HB29" s="25">
        <v>0</v>
      </c>
      <c r="HC29" s="26">
        <v>0</v>
      </c>
      <c r="HD29" s="21">
        <v>0</v>
      </c>
      <c r="HE29" s="22">
        <v>0</v>
      </c>
      <c r="HF29" s="23">
        <v>0</v>
      </c>
      <c r="HG29" s="390">
        <v>0</v>
      </c>
      <c r="HH29" s="22">
        <v>0</v>
      </c>
      <c r="HI29" s="22">
        <v>0</v>
      </c>
      <c r="HJ29" s="22">
        <v>0</v>
      </c>
      <c r="HK29" s="22">
        <v>0</v>
      </c>
      <c r="HL29" s="22">
        <v>0</v>
      </c>
      <c r="HM29" s="25">
        <v>0</v>
      </c>
      <c r="HN29" s="26">
        <v>0</v>
      </c>
      <c r="HO29" s="21">
        <v>0</v>
      </c>
      <c r="HP29" s="22">
        <v>0</v>
      </c>
      <c r="HQ29" s="23">
        <v>0</v>
      </c>
      <c r="HR29" s="24">
        <v>0</v>
      </c>
      <c r="HS29" s="22">
        <v>63826</v>
      </c>
      <c r="HT29" s="22">
        <v>181175</v>
      </c>
      <c r="HU29" s="22">
        <v>750868</v>
      </c>
      <c r="HV29" s="22">
        <v>1218572</v>
      </c>
      <c r="HW29" s="22">
        <v>998909</v>
      </c>
      <c r="HX29" s="25">
        <v>3213350</v>
      </c>
      <c r="HY29" s="26">
        <v>3213350</v>
      </c>
    </row>
    <row r="30" spans="2:233" ht="21" customHeight="1" x14ac:dyDescent="0.2">
      <c r="B30" s="92" t="s">
        <v>27</v>
      </c>
      <c r="C30" s="21">
        <v>0</v>
      </c>
      <c r="D30" s="22">
        <v>0</v>
      </c>
      <c r="E30" s="23">
        <v>0</v>
      </c>
      <c r="F30" s="24">
        <v>0</v>
      </c>
      <c r="G30" s="22">
        <v>100325</v>
      </c>
      <c r="H30" s="22">
        <v>87785</v>
      </c>
      <c r="I30" s="22">
        <v>490632</v>
      </c>
      <c r="J30" s="22">
        <v>611339</v>
      </c>
      <c r="K30" s="22">
        <v>371070</v>
      </c>
      <c r="L30" s="25">
        <v>1661151</v>
      </c>
      <c r="M30" s="26">
        <v>1661151</v>
      </c>
      <c r="N30" s="21">
        <v>0</v>
      </c>
      <c r="O30" s="22">
        <v>0</v>
      </c>
      <c r="P30" s="23">
        <v>0</v>
      </c>
      <c r="Q30" s="390">
        <v>0</v>
      </c>
      <c r="R30" s="22">
        <v>63300</v>
      </c>
      <c r="S30" s="22">
        <v>2550</v>
      </c>
      <c r="T30" s="22">
        <v>285660</v>
      </c>
      <c r="U30" s="22">
        <v>405265</v>
      </c>
      <c r="V30" s="22">
        <v>346715</v>
      </c>
      <c r="W30" s="25">
        <v>1103490</v>
      </c>
      <c r="X30" s="26">
        <v>1103490</v>
      </c>
      <c r="Y30" s="21">
        <v>0</v>
      </c>
      <c r="Z30" s="22">
        <v>0</v>
      </c>
      <c r="AA30" s="23">
        <v>0</v>
      </c>
      <c r="AB30" s="390">
        <v>0</v>
      </c>
      <c r="AC30" s="22">
        <v>36155</v>
      </c>
      <c r="AD30" s="22">
        <v>81900</v>
      </c>
      <c r="AE30" s="22">
        <v>97350</v>
      </c>
      <c r="AF30" s="22">
        <v>144454</v>
      </c>
      <c r="AG30" s="22">
        <v>2550</v>
      </c>
      <c r="AH30" s="25">
        <v>362409</v>
      </c>
      <c r="AI30" s="26">
        <v>362409</v>
      </c>
      <c r="AJ30" s="21">
        <v>0</v>
      </c>
      <c r="AK30" s="22">
        <v>0</v>
      </c>
      <c r="AL30" s="23">
        <v>0</v>
      </c>
      <c r="AM30" s="390">
        <v>0</v>
      </c>
      <c r="AN30" s="22">
        <v>0</v>
      </c>
      <c r="AO30" s="22">
        <v>0</v>
      </c>
      <c r="AP30" s="22">
        <v>0</v>
      </c>
      <c r="AQ30" s="22">
        <v>0</v>
      </c>
      <c r="AR30" s="22">
        <v>0</v>
      </c>
      <c r="AS30" s="25">
        <v>0</v>
      </c>
      <c r="AT30" s="26">
        <v>0</v>
      </c>
      <c r="AU30" s="21">
        <v>0</v>
      </c>
      <c r="AV30" s="22">
        <v>0</v>
      </c>
      <c r="AW30" s="23">
        <v>0</v>
      </c>
      <c r="AX30" s="390">
        <v>0</v>
      </c>
      <c r="AY30" s="22">
        <v>0</v>
      </c>
      <c r="AZ30" s="22">
        <v>0</v>
      </c>
      <c r="BA30" s="22">
        <v>0</v>
      </c>
      <c r="BB30" s="22">
        <v>0</v>
      </c>
      <c r="BC30" s="22">
        <v>0</v>
      </c>
      <c r="BD30" s="25">
        <v>0</v>
      </c>
      <c r="BE30" s="26">
        <v>0</v>
      </c>
      <c r="BF30" s="21">
        <v>0</v>
      </c>
      <c r="BG30" s="22">
        <v>0</v>
      </c>
      <c r="BH30" s="23">
        <v>0</v>
      </c>
      <c r="BI30" s="390">
        <v>0</v>
      </c>
      <c r="BJ30" s="22">
        <v>0</v>
      </c>
      <c r="BK30" s="22">
        <v>0</v>
      </c>
      <c r="BL30" s="22">
        <v>58050</v>
      </c>
      <c r="BM30" s="22">
        <v>35135</v>
      </c>
      <c r="BN30" s="22">
        <v>0</v>
      </c>
      <c r="BO30" s="25">
        <v>93185</v>
      </c>
      <c r="BP30" s="26">
        <v>93185</v>
      </c>
      <c r="BQ30" s="21">
        <v>0</v>
      </c>
      <c r="BR30" s="22">
        <v>0</v>
      </c>
      <c r="BS30" s="23">
        <v>0</v>
      </c>
      <c r="BT30" s="24">
        <v>0</v>
      </c>
      <c r="BU30" s="22">
        <v>870</v>
      </c>
      <c r="BV30" s="22">
        <v>3335</v>
      </c>
      <c r="BW30" s="22">
        <v>49572</v>
      </c>
      <c r="BX30" s="22">
        <v>26485</v>
      </c>
      <c r="BY30" s="22">
        <v>21805</v>
      </c>
      <c r="BZ30" s="25">
        <v>102067</v>
      </c>
      <c r="CA30" s="26">
        <v>102067</v>
      </c>
      <c r="CB30" s="21">
        <v>0</v>
      </c>
      <c r="CC30" s="22">
        <v>0</v>
      </c>
      <c r="CD30" s="23">
        <v>0</v>
      </c>
      <c r="CE30" s="24">
        <v>0</v>
      </c>
      <c r="CF30" s="22">
        <v>0</v>
      </c>
      <c r="CG30" s="22">
        <v>0</v>
      </c>
      <c r="CH30" s="22">
        <v>0</v>
      </c>
      <c r="CI30" s="22">
        <v>0</v>
      </c>
      <c r="CJ30" s="22">
        <v>0</v>
      </c>
      <c r="CK30" s="25">
        <v>0</v>
      </c>
      <c r="CL30" s="26">
        <v>0</v>
      </c>
      <c r="CM30" s="21">
        <v>0</v>
      </c>
      <c r="CN30" s="22">
        <v>0</v>
      </c>
      <c r="CO30" s="23">
        <v>0</v>
      </c>
      <c r="CP30" s="24">
        <v>0</v>
      </c>
      <c r="CQ30" s="22">
        <v>0</v>
      </c>
      <c r="CR30" s="22">
        <v>0</v>
      </c>
      <c r="CS30" s="22">
        <v>0</v>
      </c>
      <c r="CT30" s="22">
        <v>0</v>
      </c>
      <c r="CU30" s="22">
        <v>0</v>
      </c>
      <c r="CV30" s="25">
        <v>0</v>
      </c>
      <c r="CW30" s="26">
        <v>0</v>
      </c>
      <c r="CX30" s="21">
        <v>0</v>
      </c>
      <c r="CY30" s="22">
        <v>0</v>
      </c>
      <c r="CZ30" s="23">
        <v>0</v>
      </c>
      <c r="DA30" s="390">
        <v>0</v>
      </c>
      <c r="DB30" s="22">
        <v>0</v>
      </c>
      <c r="DC30" s="22">
        <v>0</v>
      </c>
      <c r="DD30" s="22">
        <v>0</v>
      </c>
      <c r="DE30" s="22">
        <v>0</v>
      </c>
      <c r="DF30" s="22">
        <v>0</v>
      </c>
      <c r="DG30" s="25">
        <v>0</v>
      </c>
      <c r="DH30" s="26">
        <v>0</v>
      </c>
      <c r="DI30" s="21">
        <v>0</v>
      </c>
      <c r="DJ30" s="22">
        <v>0</v>
      </c>
      <c r="DK30" s="23">
        <v>0</v>
      </c>
      <c r="DL30" s="24">
        <v>0</v>
      </c>
      <c r="DM30" s="22">
        <v>52275</v>
      </c>
      <c r="DN30" s="22">
        <v>25230</v>
      </c>
      <c r="DO30" s="22">
        <v>463178</v>
      </c>
      <c r="DP30" s="22">
        <v>510250</v>
      </c>
      <c r="DQ30" s="22">
        <v>318249</v>
      </c>
      <c r="DR30" s="25">
        <v>1369182</v>
      </c>
      <c r="DS30" s="27">
        <v>1369182</v>
      </c>
      <c r="DT30" s="21">
        <v>0</v>
      </c>
      <c r="DU30" s="22">
        <v>0</v>
      </c>
      <c r="DV30" s="23">
        <v>0</v>
      </c>
      <c r="DW30" s="390">
        <v>0</v>
      </c>
      <c r="DX30" s="22">
        <v>47880</v>
      </c>
      <c r="DY30" s="22">
        <v>14550</v>
      </c>
      <c r="DZ30" s="22">
        <v>277338</v>
      </c>
      <c r="EA30" s="22">
        <v>380125</v>
      </c>
      <c r="EB30" s="22">
        <v>292248</v>
      </c>
      <c r="EC30" s="25">
        <v>1012141</v>
      </c>
      <c r="ED30" s="26">
        <v>1012141</v>
      </c>
      <c r="EE30" s="21">
        <v>0</v>
      </c>
      <c r="EF30" s="22">
        <v>0</v>
      </c>
      <c r="EG30" s="23">
        <v>0</v>
      </c>
      <c r="EH30" s="390">
        <v>0</v>
      </c>
      <c r="EI30" s="22">
        <v>588</v>
      </c>
      <c r="EJ30" s="22">
        <v>840</v>
      </c>
      <c r="EK30" s="22">
        <v>62520</v>
      </c>
      <c r="EL30" s="22">
        <v>46379</v>
      </c>
      <c r="EM30" s="22">
        <v>8100</v>
      </c>
      <c r="EN30" s="25">
        <v>118427</v>
      </c>
      <c r="EO30" s="26">
        <v>118427</v>
      </c>
      <c r="EP30" s="21">
        <v>0</v>
      </c>
      <c r="EQ30" s="22">
        <v>0</v>
      </c>
      <c r="ER30" s="23">
        <v>0</v>
      </c>
      <c r="ES30" s="390">
        <v>0</v>
      </c>
      <c r="ET30" s="22">
        <v>0</v>
      </c>
      <c r="EU30" s="22">
        <v>0</v>
      </c>
      <c r="EV30" s="22">
        <v>0</v>
      </c>
      <c r="EW30" s="22">
        <v>0</v>
      </c>
      <c r="EX30" s="22">
        <v>0</v>
      </c>
      <c r="EY30" s="25">
        <v>0</v>
      </c>
      <c r="EZ30" s="26">
        <v>0</v>
      </c>
      <c r="FA30" s="21">
        <v>0</v>
      </c>
      <c r="FB30" s="22">
        <v>0</v>
      </c>
      <c r="FC30" s="23">
        <v>0</v>
      </c>
      <c r="FD30" s="390">
        <v>0</v>
      </c>
      <c r="FE30" s="22">
        <v>0</v>
      </c>
      <c r="FF30" s="22">
        <v>0</v>
      </c>
      <c r="FG30" s="22">
        <v>0</v>
      </c>
      <c r="FH30" s="22">
        <v>0</v>
      </c>
      <c r="FI30" s="22">
        <v>0</v>
      </c>
      <c r="FJ30" s="25">
        <v>0</v>
      </c>
      <c r="FK30" s="26">
        <v>0</v>
      </c>
      <c r="FL30" s="21">
        <v>0</v>
      </c>
      <c r="FM30" s="22">
        <v>0</v>
      </c>
      <c r="FN30" s="23">
        <v>0</v>
      </c>
      <c r="FO30" s="390">
        <v>0</v>
      </c>
      <c r="FP30" s="22">
        <v>0</v>
      </c>
      <c r="FQ30" s="22">
        <v>0</v>
      </c>
      <c r="FR30" s="22">
        <v>77340</v>
      </c>
      <c r="FS30" s="22">
        <v>68292</v>
      </c>
      <c r="FT30" s="22">
        <v>0</v>
      </c>
      <c r="FU30" s="25">
        <v>145632</v>
      </c>
      <c r="FV30" s="26">
        <v>145632</v>
      </c>
      <c r="FW30" s="21">
        <v>0</v>
      </c>
      <c r="FX30" s="22">
        <v>0</v>
      </c>
      <c r="FY30" s="23">
        <v>0</v>
      </c>
      <c r="FZ30" s="24">
        <v>0</v>
      </c>
      <c r="GA30" s="22">
        <v>3807</v>
      </c>
      <c r="GB30" s="22">
        <v>9840</v>
      </c>
      <c r="GC30" s="22">
        <v>45980</v>
      </c>
      <c r="GD30" s="22">
        <v>15454</v>
      </c>
      <c r="GE30" s="22">
        <v>17901</v>
      </c>
      <c r="GF30" s="25">
        <v>92982</v>
      </c>
      <c r="GG30" s="26">
        <v>92982</v>
      </c>
      <c r="GH30" s="21">
        <v>0</v>
      </c>
      <c r="GI30" s="22">
        <v>0</v>
      </c>
      <c r="GJ30" s="23">
        <v>0</v>
      </c>
      <c r="GK30" s="24">
        <v>0</v>
      </c>
      <c r="GL30" s="22">
        <v>0</v>
      </c>
      <c r="GM30" s="22">
        <v>0</v>
      </c>
      <c r="GN30" s="22">
        <v>0</v>
      </c>
      <c r="GO30" s="22">
        <v>0</v>
      </c>
      <c r="GP30" s="22">
        <v>0</v>
      </c>
      <c r="GQ30" s="25">
        <v>0</v>
      </c>
      <c r="GR30" s="26">
        <v>0</v>
      </c>
      <c r="GS30" s="21">
        <v>0</v>
      </c>
      <c r="GT30" s="22">
        <v>0</v>
      </c>
      <c r="GU30" s="23">
        <v>0</v>
      </c>
      <c r="GV30" s="24">
        <v>0</v>
      </c>
      <c r="GW30" s="22">
        <v>0</v>
      </c>
      <c r="GX30" s="22">
        <v>0</v>
      </c>
      <c r="GY30" s="22">
        <v>0</v>
      </c>
      <c r="GZ30" s="22">
        <v>0</v>
      </c>
      <c r="HA30" s="22">
        <v>0</v>
      </c>
      <c r="HB30" s="25">
        <v>0</v>
      </c>
      <c r="HC30" s="26">
        <v>0</v>
      </c>
      <c r="HD30" s="21">
        <v>0</v>
      </c>
      <c r="HE30" s="22">
        <v>0</v>
      </c>
      <c r="HF30" s="23">
        <v>0</v>
      </c>
      <c r="HG30" s="390">
        <v>0</v>
      </c>
      <c r="HH30" s="22">
        <v>0</v>
      </c>
      <c r="HI30" s="22">
        <v>0</v>
      </c>
      <c r="HJ30" s="22">
        <v>0</v>
      </c>
      <c r="HK30" s="22">
        <v>0</v>
      </c>
      <c r="HL30" s="22">
        <v>0</v>
      </c>
      <c r="HM30" s="25">
        <v>0</v>
      </c>
      <c r="HN30" s="26">
        <v>0</v>
      </c>
      <c r="HO30" s="21">
        <v>0</v>
      </c>
      <c r="HP30" s="22">
        <v>0</v>
      </c>
      <c r="HQ30" s="23">
        <v>0</v>
      </c>
      <c r="HR30" s="24">
        <v>0</v>
      </c>
      <c r="HS30" s="22">
        <v>152600</v>
      </c>
      <c r="HT30" s="22">
        <v>113015</v>
      </c>
      <c r="HU30" s="22">
        <v>953810</v>
      </c>
      <c r="HV30" s="22">
        <v>1121589</v>
      </c>
      <c r="HW30" s="22">
        <v>689319</v>
      </c>
      <c r="HX30" s="25">
        <v>3030333</v>
      </c>
      <c r="HY30" s="26">
        <v>3030333</v>
      </c>
    </row>
    <row r="31" spans="2:233" ht="21" customHeight="1" x14ac:dyDescent="0.2">
      <c r="B31" s="92" t="s">
        <v>28</v>
      </c>
      <c r="C31" s="21">
        <v>0</v>
      </c>
      <c r="D31" s="22">
        <v>0</v>
      </c>
      <c r="E31" s="23">
        <v>0</v>
      </c>
      <c r="F31" s="24">
        <v>0</v>
      </c>
      <c r="G31" s="22">
        <v>0</v>
      </c>
      <c r="H31" s="22">
        <v>23850</v>
      </c>
      <c r="I31" s="22">
        <v>220325</v>
      </c>
      <c r="J31" s="22">
        <v>281325</v>
      </c>
      <c r="K31" s="22">
        <v>78640</v>
      </c>
      <c r="L31" s="25">
        <v>604140</v>
      </c>
      <c r="M31" s="26">
        <v>604140</v>
      </c>
      <c r="N31" s="21">
        <v>0</v>
      </c>
      <c r="O31" s="22">
        <v>0</v>
      </c>
      <c r="P31" s="23">
        <v>0</v>
      </c>
      <c r="Q31" s="390">
        <v>0</v>
      </c>
      <c r="R31" s="22">
        <v>0</v>
      </c>
      <c r="S31" s="22">
        <v>0</v>
      </c>
      <c r="T31" s="22">
        <v>153000</v>
      </c>
      <c r="U31" s="22">
        <v>269085</v>
      </c>
      <c r="V31" s="22">
        <v>55350</v>
      </c>
      <c r="W31" s="25">
        <v>477435</v>
      </c>
      <c r="X31" s="26">
        <v>477435</v>
      </c>
      <c r="Y31" s="21">
        <v>0</v>
      </c>
      <c r="Z31" s="22">
        <v>0</v>
      </c>
      <c r="AA31" s="23">
        <v>0</v>
      </c>
      <c r="AB31" s="390">
        <v>0</v>
      </c>
      <c r="AC31" s="22">
        <v>0</v>
      </c>
      <c r="AD31" s="22">
        <v>23850</v>
      </c>
      <c r="AE31" s="22">
        <v>58875</v>
      </c>
      <c r="AF31" s="22">
        <v>12240</v>
      </c>
      <c r="AG31" s="22">
        <v>19875</v>
      </c>
      <c r="AH31" s="25">
        <v>114840</v>
      </c>
      <c r="AI31" s="26">
        <v>114840</v>
      </c>
      <c r="AJ31" s="21">
        <v>0</v>
      </c>
      <c r="AK31" s="22">
        <v>0</v>
      </c>
      <c r="AL31" s="23">
        <v>0</v>
      </c>
      <c r="AM31" s="390">
        <v>0</v>
      </c>
      <c r="AN31" s="22">
        <v>0</v>
      </c>
      <c r="AO31" s="22">
        <v>0</v>
      </c>
      <c r="AP31" s="22">
        <v>0</v>
      </c>
      <c r="AQ31" s="22">
        <v>0</v>
      </c>
      <c r="AR31" s="22">
        <v>0</v>
      </c>
      <c r="AS31" s="25">
        <v>0</v>
      </c>
      <c r="AT31" s="26">
        <v>0</v>
      </c>
      <c r="AU31" s="21">
        <v>0</v>
      </c>
      <c r="AV31" s="22">
        <v>0</v>
      </c>
      <c r="AW31" s="23">
        <v>0</v>
      </c>
      <c r="AX31" s="390">
        <v>0</v>
      </c>
      <c r="AY31" s="22">
        <v>0</v>
      </c>
      <c r="AZ31" s="22">
        <v>0</v>
      </c>
      <c r="BA31" s="22">
        <v>0</v>
      </c>
      <c r="BB31" s="22">
        <v>0</v>
      </c>
      <c r="BC31" s="22">
        <v>0</v>
      </c>
      <c r="BD31" s="25">
        <v>0</v>
      </c>
      <c r="BE31" s="26">
        <v>0</v>
      </c>
      <c r="BF31" s="21">
        <v>0</v>
      </c>
      <c r="BG31" s="22">
        <v>0</v>
      </c>
      <c r="BH31" s="23">
        <v>0</v>
      </c>
      <c r="BI31" s="390">
        <v>0</v>
      </c>
      <c r="BJ31" s="22">
        <v>0</v>
      </c>
      <c r="BK31" s="22">
        <v>0</v>
      </c>
      <c r="BL31" s="22">
        <v>0</v>
      </c>
      <c r="BM31" s="22">
        <v>0</v>
      </c>
      <c r="BN31" s="22">
        <v>0</v>
      </c>
      <c r="BO31" s="25">
        <v>0</v>
      </c>
      <c r="BP31" s="26">
        <v>0</v>
      </c>
      <c r="BQ31" s="21">
        <v>0</v>
      </c>
      <c r="BR31" s="22">
        <v>0</v>
      </c>
      <c r="BS31" s="23">
        <v>0</v>
      </c>
      <c r="BT31" s="24">
        <v>0</v>
      </c>
      <c r="BU31" s="22">
        <v>0</v>
      </c>
      <c r="BV31" s="22">
        <v>0</v>
      </c>
      <c r="BW31" s="22">
        <v>8450</v>
      </c>
      <c r="BX31" s="22">
        <v>0</v>
      </c>
      <c r="BY31" s="22">
        <v>2175</v>
      </c>
      <c r="BZ31" s="25">
        <v>10625</v>
      </c>
      <c r="CA31" s="26">
        <v>10625</v>
      </c>
      <c r="CB31" s="21">
        <v>0</v>
      </c>
      <c r="CC31" s="22">
        <v>0</v>
      </c>
      <c r="CD31" s="23">
        <v>0</v>
      </c>
      <c r="CE31" s="24">
        <v>0</v>
      </c>
      <c r="CF31" s="22">
        <v>0</v>
      </c>
      <c r="CG31" s="22">
        <v>0</v>
      </c>
      <c r="CH31" s="22">
        <v>0</v>
      </c>
      <c r="CI31" s="22">
        <v>0</v>
      </c>
      <c r="CJ31" s="22">
        <v>1240</v>
      </c>
      <c r="CK31" s="25">
        <v>1240</v>
      </c>
      <c r="CL31" s="26">
        <v>1240</v>
      </c>
      <c r="CM31" s="21">
        <v>0</v>
      </c>
      <c r="CN31" s="22">
        <v>0</v>
      </c>
      <c r="CO31" s="23">
        <v>0</v>
      </c>
      <c r="CP31" s="24">
        <v>0</v>
      </c>
      <c r="CQ31" s="22">
        <v>0</v>
      </c>
      <c r="CR31" s="22">
        <v>0</v>
      </c>
      <c r="CS31" s="22">
        <v>0</v>
      </c>
      <c r="CT31" s="22">
        <v>0</v>
      </c>
      <c r="CU31" s="22">
        <v>0</v>
      </c>
      <c r="CV31" s="25">
        <v>0</v>
      </c>
      <c r="CW31" s="26">
        <v>0</v>
      </c>
      <c r="CX31" s="21">
        <v>0</v>
      </c>
      <c r="CY31" s="22">
        <v>0</v>
      </c>
      <c r="CZ31" s="23">
        <v>0</v>
      </c>
      <c r="DA31" s="390">
        <v>0</v>
      </c>
      <c r="DB31" s="22">
        <v>0</v>
      </c>
      <c r="DC31" s="22">
        <v>0</v>
      </c>
      <c r="DD31" s="22">
        <v>0</v>
      </c>
      <c r="DE31" s="22">
        <v>0</v>
      </c>
      <c r="DF31" s="22">
        <v>0</v>
      </c>
      <c r="DG31" s="25">
        <v>0</v>
      </c>
      <c r="DH31" s="26">
        <v>0</v>
      </c>
      <c r="DI31" s="21">
        <v>0</v>
      </c>
      <c r="DJ31" s="22">
        <v>0</v>
      </c>
      <c r="DK31" s="23">
        <v>0</v>
      </c>
      <c r="DL31" s="24">
        <v>0</v>
      </c>
      <c r="DM31" s="22">
        <v>0</v>
      </c>
      <c r="DN31" s="22">
        <v>210</v>
      </c>
      <c r="DO31" s="22">
        <v>131024</v>
      </c>
      <c r="DP31" s="22">
        <v>235681</v>
      </c>
      <c r="DQ31" s="22">
        <v>84870</v>
      </c>
      <c r="DR31" s="25">
        <v>451785</v>
      </c>
      <c r="DS31" s="27">
        <v>451785</v>
      </c>
      <c r="DT31" s="21">
        <v>0</v>
      </c>
      <c r="DU31" s="22">
        <v>0</v>
      </c>
      <c r="DV31" s="23">
        <v>0</v>
      </c>
      <c r="DW31" s="390">
        <v>0</v>
      </c>
      <c r="DX31" s="22">
        <v>0</v>
      </c>
      <c r="DY31" s="22">
        <v>0</v>
      </c>
      <c r="DZ31" s="22">
        <v>125460</v>
      </c>
      <c r="EA31" s="22">
        <v>204870</v>
      </c>
      <c r="EB31" s="22">
        <v>73680</v>
      </c>
      <c r="EC31" s="25">
        <v>404010</v>
      </c>
      <c r="ED31" s="26">
        <v>404010</v>
      </c>
      <c r="EE31" s="21">
        <v>0</v>
      </c>
      <c r="EF31" s="22">
        <v>0</v>
      </c>
      <c r="EG31" s="23">
        <v>0</v>
      </c>
      <c r="EH31" s="390">
        <v>0</v>
      </c>
      <c r="EI31" s="22">
        <v>0</v>
      </c>
      <c r="EJ31" s="22">
        <v>210</v>
      </c>
      <c r="EK31" s="22">
        <v>714</v>
      </c>
      <c r="EL31" s="22">
        <v>30811</v>
      </c>
      <c r="EM31" s="22">
        <v>175</v>
      </c>
      <c r="EN31" s="25">
        <v>31910</v>
      </c>
      <c r="EO31" s="26">
        <v>31910</v>
      </c>
      <c r="EP31" s="21">
        <v>0</v>
      </c>
      <c r="EQ31" s="22">
        <v>0</v>
      </c>
      <c r="ER31" s="23">
        <v>0</v>
      </c>
      <c r="ES31" s="390">
        <v>0</v>
      </c>
      <c r="ET31" s="22">
        <v>0</v>
      </c>
      <c r="EU31" s="22">
        <v>0</v>
      </c>
      <c r="EV31" s="22">
        <v>0</v>
      </c>
      <c r="EW31" s="22">
        <v>0</v>
      </c>
      <c r="EX31" s="22">
        <v>0</v>
      </c>
      <c r="EY31" s="25">
        <v>0</v>
      </c>
      <c r="EZ31" s="26">
        <v>0</v>
      </c>
      <c r="FA31" s="21">
        <v>0</v>
      </c>
      <c r="FB31" s="22">
        <v>0</v>
      </c>
      <c r="FC31" s="23">
        <v>0</v>
      </c>
      <c r="FD31" s="390">
        <v>0</v>
      </c>
      <c r="FE31" s="22">
        <v>0</v>
      </c>
      <c r="FF31" s="22">
        <v>0</v>
      </c>
      <c r="FG31" s="22">
        <v>0</v>
      </c>
      <c r="FH31" s="22">
        <v>0</v>
      </c>
      <c r="FI31" s="22">
        <v>0</v>
      </c>
      <c r="FJ31" s="25">
        <v>0</v>
      </c>
      <c r="FK31" s="26">
        <v>0</v>
      </c>
      <c r="FL31" s="21">
        <v>0</v>
      </c>
      <c r="FM31" s="22">
        <v>0</v>
      </c>
      <c r="FN31" s="23">
        <v>0</v>
      </c>
      <c r="FO31" s="390">
        <v>0</v>
      </c>
      <c r="FP31" s="22">
        <v>0</v>
      </c>
      <c r="FQ31" s="22">
        <v>0</v>
      </c>
      <c r="FR31" s="22">
        <v>0</v>
      </c>
      <c r="FS31" s="22">
        <v>0</v>
      </c>
      <c r="FT31" s="22">
        <v>0</v>
      </c>
      <c r="FU31" s="25">
        <v>0</v>
      </c>
      <c r="FV31" s="26">
        <v>0</v>
      </c>
      <c r="FW31" s="21">
        <v>0</v>
      </c>
      <c r="FX31" s="22">
        <v>0</v>
      </c>
      <c r="FY31" s="23">
        <v>0</v>
      </c>
      <c r="FZ31" s="24">
        <v>0</v>
      </c>
      <c r="GA31" s="22">
        <v>0</v>
      </c>
      <c r="GB31" s="22">
        <v>0</v>
      </c>
      <c r="GC31" s="22">
        <v>4850</v>
      </c>
      <c r="GD31" s="22">
        <v>0</v>
      </c>
      <c r="GE31" s="22">
        <v>10205</v>
      </c>
      <c r="GF31" s="25">
        <v>15055</v>
      </c>
      <c r="GG31" s="26">
        <v>15055</v>
      </c>
      <c r="GH31" s="21">
        <v>0</v>
      </c>
      <c r="GI31" s="22">
        <v>0</v>
      </c>
      <c r="GJ31" s="23">
        <v>0</v>
      </c>
      <c r="GK31" s="24">
        <v>0</v>
      </c>
      <c r="GL31" s="22">
        <v>0</v>
      </c>
      <c r="GM31" s="22">
        <v>0</v>
      </c>
      <c r="GN31" s="22">
        <v>0</v>
      </c>
      <c r="GO31" s="22">
        <v>0</v>
      </c>
      <c r="GP31" s="22">
        <v>810</v>
      </c>
      <c r="GQ31" s="25">
        <v>810</v>
      </c>
      <c r="GR31" s="26">
        <v>810</v>
      </c>
      <c r="GS31" s="21">
        <v>0</v>
      </c>
      <c r="GT31" s="22">
        <v>0</v>
      </c>
      <c r="GU31" s="23">
        <v>0</v>
      </c>
      <c r="GV31" s="24">
        <v>0</v>
      </c>
      <c r="GW31" s="22">
        <v>0</v>
      </c>
      <c r="GX31" s="22">
        <v>0</v>
      </c>
      <c r="GY31" s="22">
        <v>0</v>
      </c>
      <c r="GZ31" s="22">
        <v>0</v>
      </c>
      <c r="HA31" s="22">
        <v>0</v>
      </c>
      <c r="HB31" s="25">
        <v>0</v>
      </c>
      <c r="HC31" s="26">
        <v>0</v>
      </c>
      <c r="HD31" s="21">
        <v>0</v>
      </c>
      <c r="HE31" s="22">
        <v>0</v>
      </c>
      <c r="HF31" s="23">
        <v>0</v>
      </c>
      <c r="HG31" s="390">
        <v>0</v>
      </c>
      <c r="HH31" s="22">
        <v>0</v>
      </c>
      <c r="HI31" s="22">
        <v>0</v>
      </c>
      <c r="HJ31" s="22">
        <v>0</v>
      </c>
      <c r="HK31" s="22">
        <v>0</v>
      </c>
      <c r="HL31" s="22">
        <v>0</v>
      </c>
      <c r="HM31" s="25">
        <v>0</v>
      </c>
      <c r="HN31" s="26">
        <v>0</v>
      </c>
      <c r="HO31" s="21">
        <v>0</v>
      </c>
      <c r="HP31" s="22">
        <v>0</v>
      </c>
      <c r="HQ31" s="23">
        <v>0</v>
      </c>
      <c r="HR31" s="24">
        <v>0</v>
      </c>
      <c r="HS31" s="22">
        <v>0</v>
      </c>
      <c r="HT31" s="22">
        <v>24060</v>
      </c>
      <c r="HU31" s="22">
        <v>351349</v>
      </c>
      <c r="HV31" s="22">
        <v>517006</v>
      </c>
      <c r="HW31" s="22">
        <v>163510</v>
      </c>
      <c r="HX31" s="25">
        <v>1055925</v>
      </c>
      <c r="HY31" s="26">
        <v>1055925</v>
      </c>
    </row>
    <row r="32" spans="2:233" ht="21" customHeight="1" x14ac:dyDescent="0.2">
      <c r="B32" s="92" t="s">
        <v>29</v>
      </c>
      <c r="C32" s="21">
        <v>0</v>
      </c>
      <c r="D32" s="22">
        <v>0</v>
      </c>
      <c r="E32" s="23">
        <v>0</v>
      </c>
      <c r="F32" s="24">
        <v>0</v>
      </c>
      <c r="G32" s="22">
        <v>23850</v>
      </c>
      <c r="H32" s="22">
        <v>63052</v>
      </c>
      <c r="I32" s="22">
        <v>247430</v>
      </c>
      <c r="J32" s="22">
        <v>298160</v>
      </c>
      <c r="K32" s="22">
        <v>186545</v>
      </c>
      <c r="L32" s="25">
        <v>819037</v>
      </c>
      <c r="M32" s="26">
        <v>819037</v>
      </c>
      <c r="N32" s="21">
        <v>0</v>
      </c>
      <c r="O32" s="22">
        <v>0</v>
      </c>
      <c r="P32" s="23">
        <v>0</v>
      </c>
      <c r="Q32" s="390">
        <v>0</v>
      </c>
      <c r="R32" s="22">
        <v>0</v>
      </c>
      <c r="S32" s="22">
        <v>31650</v>
      </c>
      <c r="T32" s="22">
        <v>87150</v>
      </c>
      <c r="U32" s="22">
        <v>168450</v>
      </c>
      <c r="V32" s="22">
        <v>150450</v>
      </c>
      <c r="W32" s="25">
        <v>437700</v>
      </c>
      <c r="X32" s="26">
        <v>437700</v>
      </c>
      <c r="Y32" s="21">
        <v>0</v>
      </c>
      <c r="Z32" s="22">
        <v>0</v>
      </c>
      <c r="AA32" s="23">
        <v>0</v>
      </c>
      <c r="AB32" s="390">
        <v>0</v>
      </c>
      <c r="AC32" s="22">
        <v>23850</v>
      </c>
      <c r="AD32" s="22">
        <v>28377</v>
      </c>
      <c r="AE32" s="22">
        <v>107790</v>
      </c>
      <c r="AF32" s="22">
        <v>29365</v>
      </c>
      <c r="AG32" s="22">
        <v>31650</v>
      </c>
      <c r="AH32" s="25">
        <v>221032</v>
      </c>
      <c r="AI32" s="26">
        <v>221032</v>
      </c>
      <c r="AJ32" s="21">
        <v>0</v>
      </c>
      <c r="AK32" s="22">
        <v>0</v>
      </c>
      <c r="AL32" s="23">
        <v>0</v>
      </c>
      <c r="AM32" s="390">
        <v>0</v>
      </c>
      <c r="AN32" s="22">
        <v>0</v>
      </c>
      <c r="AO32" s="22">
        <v>0</v>
      </c>
      <c r="AP32" s="22">
        <v>0</v>
      </c>
      <c r="AQ32" s="22">
        <v>0</v>
      </c>
      <c r="AR32" s="22">
        <v>0</v>
      </c>
      <c r="AS32" s="25">
        <v>0</v>
      </c>
      <c r="AT32" s="26">
        <v>0</v>
      </c>
      <c r="AU32" s="21">
        <v>0</v>
      </c>
      <c r="AV32" s="22">
        <v>0</v>
      </c>
      <c r="AW32" s="23">
        <v>0</v>
      </c>
      <c r="AX32" s="390">
        <v>0</v>
      </c>
      <c r="AY32" s="22">
        <v>0</v>
      </c>
      <c r="AZ32" s="22">
        <v>0</v>
      </c>
      <c r="BA32" s="22">
        <v>0</v>
      </c>
      <c r="BB32" s="22">
        <v>0</v>
      </c>
      <c r="BC32" s="22">
        <v>0</v>
      </c>
      <c r="BD32" s="25">
        <v>0</v>
      </c>
      <c r="BE32" s="26">
        <v>0</v>
      </c>
      <c r="BF32" s="21">
        <v>0</v>
      </c>
      <c r="BG32" s="22">
        <v>0</v>
      </c>
      <c r="BH32" s="23">
        <v>0</v>
      </c>
      <c r="BI32" s="390">
        <v>0</v>
      </c>
      <c r="BJ32" s="22">
        <v>0</v>
      </c>
      <c r="BK32" s="22">
        <v>0</v>
      </c>
      <c r="BL32" s="22">
        <v>36750</v>
      </c>
      <c r="BM32" s="22">
        <v>68740</v>
      </c>
      <c r="BN32" s="22">
        <v>2550</v>
      </c>
      <c r="BO32" s="25">
        <v>108040</v>
      </c>
      <c r="BP32" s="26">
        <v>108040</v>
      </c>
      <c r="BQ32" s="21">
        <v>0</v>
      </c>
      <c r="BR32" s="22">
        <v>0</v>
      </c>
      <c r="BS32" s="23">
        <v>0</v>
      </c>
      <c r="BT32" s="24">
        <v>0</v>
      </c>
      <c r="BU32" s="22">
        <v>0</v>
      </c>
      <c r="BV32" s="22">
        <v>3025</v>
      </c>
      <c r="BW32" s="22">
        <v>15740</v>
      </c>
      <c r="BX32" s="22">
        <v>2030</v>
      </c>
      <c r="BY32" s="22">
        <v>1895</v>
      </c>
      <c r="BZ32" s="25">
        <v>22690</v>
      </c>
      <c r="CA32" s="26">
        <v>22690</v>
      </c>
      <c r="CB32" s="21">
        <v>0</v>
      </c>
      <c r="CC32" s="22">
        <v>0</v>
      </c>
      <c r="CD32" s="23">
        <v>0</v>
      </c>
      <c r="CE32" s="24">
        <v>0</v>
      </c>
      <c r="CF32" s="22">
        <v>0</v>
      </c>
      <c r="CG32" s="22">
        <v>0</v>
      </c>
      <c r="CH32" s="22">
        <v>0</v>
      </c>
      <c r="CI32" s="22">
        <v>29575</v>
      </c>
      <c r="CJ32" s="22">
        <v>0</v>
      </c>
      <c r="CK32" s="25">
        <v>29575</v>
      </c>
      <c r="CL32" s="26">
        <v>29575</v>
      </c>
      <c r="CM32" s="21">
        <v>0</v>
      </c>
      <c r="CN32" s="22">
        <v>0</v>
      </c>
      <c r="CO32" s="23">
        <v>0</v>
      </c>
      <c r="CP32" s="24">
        <v>0</v>
      </c>
      <c r="CQ32" s="22">
        <v>0</v>
      </c>
      <c r="CR32" s="22">
        <v>0</v>
      </c>
      <c r="CS32" s="22">
        <v>0</v>
      </c>
      <c r="CT32" s="22">
        <v>0</v>
      </c>
      <c r="CU32" s="22">
        <v>0</v>
      </c>
      <c r="CV32" s="25">
        <v>0</v>
      </c>
      <c r="CW32" s="26">
        <v>0</v>
      </c>
      <c r="CX32" s="21">
        <v>0</v>
      </c>
      <c r="CY32" s="22">
        <v>0</v>
      </c>
      <c r="CZ32" s="23">
        <v>0</v>
      </c>
      <c r="DA32" s="390">
        <v>0</v>
      </c>
      <c r="DB32" s="22">
        <v>0</v>
      </c>
      <c r="DC32" s="22">
        <v>0</v>
      </c>
      <c r="DD32" s="22">
        <v>0</v>
      </c>
      <c r="DE32" s="22">
        <v>0</v>
      </c>
      <c r="DF32" s="22">
        <v>0</v>
      </c>
      <c r="DG32" s="25">
        <v>0</v>
      </c>
      <c r="DH32" s="26">
        <v>0</v>
      </c>
      <c r="DI32" s="21">
        <v>0</v>
      </c>
      <c r="DJ32" s="22">
        <v>0</v>
      </c>
      <c r="DK32" s="23">
        <v>0</v>
      </c>
      <c r="DL32" s="24">
        <v>0</v>
      </c>
      <c r="DM32" s="22">
        <v>210</v>
      </c>
      <c r="DN32" s="22">
        <v>30458</v>
      </c>
      <c r="DO32" s="22">
        <v>151903</v>
      </c>
      <c r="DP32" s="22">
        <v>303861</v>
      </c>
      <c r="DQ32" s="22">
        <v>138555</v>
      </c>
      <c r="DR32" s="25">
        <v>624987</v>
      </c>
      <c r="DS32" s="27">
        <v>624987</v>
      </c>
      <c r="DT32" s="21">
        <v>0</v>
      </c>
      <c r="DU32" s="22">
        <v>0</v>
      </c>
      <c r="DV32" s="23">
        <v>0</v>
      </c>
      <c r="DW32" s="390">
        <v>0</v>
      </c>
      <c r="DX32" s="22">
        <v>0</v>
      </c>
      <c r="DY32" s="22">
        <v>14550</v>
      </c>
      <c r="DZ32" s="22">
        <v>49980</v>
      </c>
      <c r="EA32" s="22">
        <v>178230</v>
      </c>
      <c r="EB32" s="22">
        <v>126360</v>
      </c>
      <c r="EC32" s="25">
        <v>369120</v>
      </c>
      <c r="ED32" s="26">
        <v>369120</v>
      </c>
      <c r="EE32" s="21">
        <v>0</v>
      </c>
      <c r="EF32" s="22">
        <v>0</v>
      </c>
      <c r="EG32" s="23">
        <v>0</v>
      </c>
      <c r="EH32" s="390">
        <v>0</v>
      </c>
      <c r="EI32" s="22">
        <v>210</v>
      </c>
      <c r="EJ32" s="22">
        <v>11160</v>
      </c>
      <c r="EK32" s="22">
        <v>9108</v>
      </c>
      <c r="EL32" s="22">
        <v>581</v>
      </c>
      <c r="EM32" s="22">
        <v>210</v>
      </c>
      <c r="EN32" s="25">
        <v>21269</v>
      </c>
      <c r="EO32" s="26">
        <v>21269</v>
      </c>
      <c r="EP32" s="21">
        <v>0</v>
      </c>
      <c r="EQ32" s="22">
        <v>0</v>
      </c>
      <c r="ER32" s="23">
        <v>0</v>
      </c>
      <c r="ES32" s="390">
        <v>0</v>
      </c>
      <c r="ET32" s="22">
        <v>0</v>
      </c>
      <c r="EU32" s="22">
        <v>0</v>
      </c>
      <c r="EV32" s="22">
        <v>0</v>
      </c>
      <c r="EW32" s="22">
        <v>0</v>
      </c>
      <c r="EX32" s="22">
        <v>0</v>
      </c>
      <c r="EY32" s="25">
        <v>0</v>
      </c>
      <c r="EZ32" s="26">
        <v>0</v>
      </c>
      <c r="FA32" s="21">
        <v>0</v>
      </c>
      <c r="FB32" s="22">
        <v>0</v>
      </c>
      <c r="FC32" s="23">
        <v>0</v>
      </c>
      <c r="FD32" s="390">
        <v>0</v>
      </c>
      <c r="FE32" s="22">
        <v>0</v>
      </c>
      <c r="FF32" s="22">
        <v>0</v>
      </c>
      <c r="FG32" s="22">
        <v>0</v>
      </c>
      <c r="FH32" s="22">
        <v>0</v>
      </c>
      <c r="FI32" s="22">
        <v>0</v>
      </c>
      <c r="FJ32" s="25">
        <v>0</v>
      </c>
      <c r="FK32" s="26">
        <v>0</v>
      </c>
      <c r="FL32" s="21">
        <v>0</v>
      </c>
      <c r="FM32" s="22">
        <v>0</v>
      </c>
      <c r="FN32" s="23">
        <v>0</v>
      </c>
      <c r="FO32" s="390">
        <v>0</v>
      </c>
      <c r="FP32" s="22">
        <v>0</v>
      </c>
      <c r="FQ32" s="22">
        <v>0</v>
      </c>
      <c r="FR32" s="22">
        <v>77340</v>
      </c>
      <c r="FS32" s="22">
        <v>113616</v>
      </c>
      <c r="FT32" s="22">
        <v>10530</v>
      </c>
      <c r="FU32" s="25">
        <v>201486</v>
      </c>
      <c r="FV32" s="26">
        <v>201486</v>
      </c>
      <c r="FW32" s="21">
        <v>0</v>
      </c>
      <c r="FX32" s="22">
        <v>0</v>
      </c>
      <c r="FY32" s="23">
        <v>0</v>
      </c>
      <c r="FZ32" s="24">
        <v>0</v>
      </c>
      <c r="GA32" s="22">
        <v>0</v>
      </c>
      <c r="GB32" s="22">
        <v>4748</v>
      </c>
      <c r="GC32" s="22">
        <v>15475</v>
      </c>
      <c r="GD32" s="22">
        <v>7760</v>
      </c>
      <c r="GE32" s="22">
        <v>1455</v>
      </c>
      <c r="GF32" s="25">
        <v>29438</v>
      </c>
      <c r="GG32" s="26">
        <v>29438</v>
      </c>
      <c r="GH32" s="21">
        <v>0</v>
      </c>
      <c r="GI32" s="22">
        <v>0</v>
      </c>
      <c r="GJ32" s="23">
        <v>0</v>
      </c>
      <c r="GK32" s="24">
        <v>0</v>
      </c>
      <c r="GL32" s="22">
        <v>0</v>
      </c>
      <c r="GM32" s="22">
        <v>0</v>
      </c>
      <c r="GN32" s="22">
        <v>0</v>
      </c>
      <c r="GO32" s="22">
        <v>3674</v>
      </c>
      <c r="GP32" s="22">
        <v>0</v>
      </c>
      <c r="GQ32" s="25">
        <v>3674</v>
      </c>
      <c r="GR32" s="26">
        <v>3674</v>
      </c>
      <c r="GS32" s="21">
        <v>0</v>
      </c>
      <c r="GT32" s="22">
        <v>0</v>
      </c>
      <c r="GU32" s="23">
        <v>0</v>
      </c>
      <c r="GV32" s="24">
        <v>0</v>
      </c>
      <c r="GW32" s="22">
        <v>0</v>
      </c>
      <c r="GX32" s="22">
        <v>0</v>
      </c>
      <c r="GY32" s="22">
        <v>0</v>
      </c>
      <c r="GZ32" s="22">
        <v>0</v>
      </c>
      <c r="HA32" s="22">
        <v>0</v>
      </c>
      <c r="HB32" s="25">
        <v>0</v>
      </c>
      <c r="HC32" s="26">
        <v>0</v>
      </c>
      <c r="HD32" s="21">
        <v>0</v>
      </c>
      <c r="HE32" s="22">
        <v>0</v>
      </c>
      <c r="HF32" s="23">
        <v>0</v>
      </c>
      <c r="HG32" s="390">
        <v>0</v>
      </c>
      <c r="HH32" s="22">
        <v>0</v>
      </c>
      <c r="HI32" s="22">
        <v>0</v>
      </c>
      <c r="HJ32" s="22">
        <v>0</v>
      </c>
      <c r="HK32" s="22">
        <v>0</v>
      </c>
      <c r="HL32" s="22">
        <v>0</v>
      </c>
      <c r="HM32" s="25">
        <v>0</v>
      </c>
      <c r="HN32" s="26">
        <v>0</v>
      </c>
      <c r="HO32" s="21">
        <v>0</v>
      </c>
      <c r="HP32" s="22">
        <v>0</v>
      </c>
      <c r="HQ32" s="23">
        <v>0</v>
      </c>
      <c r="HR32" s="24">
        <v>0</v>
      </c>
      <c r="HS32" s="22">
        <v>24060</v>
      </c>
      <c r="HT32" s="22">
        <v>93510</v>
      </c>
      <c r="HU32" s="22">
        <v>399333</v>
      </c>
      <c r="HV32" s="22">
        <v>602021</v>
      </c>
      <c r="HW32" s="22">
        <v>325100</v>
      </c>
      <c r="HX32" s="25">
        <v>1444024</v>
      </c>
      <c r="HY32" s="26">
        <v>1444024</v>
      </c>
    </row>
    <row r="33" spans="2:233" ht="21" customHeight="1" x14ac:dyDescent="0.2">
      <c r="B33" s="92" t="s">
        <v>30</v>
      </c>
      <c r="C33" s="21">
        <v>0</v>
      </c>
      <c r="D33" s="22">
        <v>0</v>
      </c>
      <c r="E33" s="23">
        <v>0</v>
      </c>
      <c r="F33" s="24">
        <v>0</v>
      </c>
      <c r="G33" s="22">
        <v>95675</v>
      </c>
      <c r="H33" s="22">
        <v>31500</v>
      </c>
      <c r="I33" s="22">
        <v>252946</v>
      </c>
      <c r="J33" s="22">
        <v>352510</v>
      </c>
      <c r="K33" s="22">
        <v>192300</v>
      </c>
      <c r="L33" s="25">
        <v>924931</v>
      </c>
      <c r="M33" s="26">
        <v>924931</v>
      </c>
      <c r="N33" s="21">
        <v>0</v>
      </c>
      <c r="O33" s="22">
        <v>0</v>
      </c>
      <c r="P33" s="23">
        <v>0</v>
      </c>
      <c r="Q33" s="390">
        <v>0</v>
      </c>
      <c r="R33" s="22">
        <v>0</v>
      </c>
      <c r="S33" s="22">
        <v>2550</v>
      </c>
      <c r="T33" s="22">
        <v>215206</v>
      </c>
      <c r="U33" s="22">
        <v>290250</v>
      </c>
      <c r="V33" s="22">
        <v>155400</v>
      </c>
      <c r="W33" s="25">
        <v>663406</v>
      </c>
      <c r="X33" s="26">
        <v>663406</v>
      </c>
      <c r="Y33" s="21">
        <v>0</v>
      </c>
      <c r="Z33" s="22">
        <v>0</v>
      </c>
      <c r="AA33" s="23">
        <v>0</v>
      </c>
      <c r="AB33" s="390">
        <v>0</v>
      </c>
      <c r="AC33" s="22">
        <v>94800</v>
      </c>
      <c r="AD33" s="22">
        <v>28950</v>
      </c>
      <c r="AE33" s="22">
        <v>31650</v>
      </c>
      <c r="AF33" s="22">
        <v>55500</v>
      </c>
      <c r="AG33" s="22">
        <v>2550</v>
      </c>
      <c r="AH33" s="25">
        <v>213450</v>
      </c>
      <c r="AI33" s="26">
        <v>213450</v>
      </c>
      <c r="AJ33" s="21">
        <v>0</v>
      </c>
      <c r="AK33" s="22">
        <v>0</v>
      </c>
      <c r="AL33" s="23">
        <v>0</v>
      </c>
      <c r="AM33" s="390">
        <v>0</v>
      </c>
      <c r="AN33" s="22">
        <v>0</v>
      </c>
      <c r="AO33" s="22">
        <v>0</v>
      </c>
      <c r="AP33" s="22">
        <v>0</v>
      </c>
      <c r="AQ33" s="22">
        <v>0</v>
      </c>
      <c r="AR33" s="22">
        <v>0</v>
      </c>
      <c r="AS33" s="25">
        <v>0</v>
      </c>
      <c r="AT33" s="26">
        <v>0</v>
      </c>
      <c r="AU33" s="21">
        <v>0</v>
      </c>
      <c r="AV33" s="22">
        <v>0</v>
      </c>
      <c r="AW33" s="23">
        <v>0</v>
      </c>
      <c r="AX33" s="390">
        <v>0</v>
      </c>
      <c r="AY33" s="22">
        <v>0</v>
      </c>
      <c r="AZ33" s="22">
        <v>0</v>
      </c>
      <c r="BA33" s="22">
        <v>0</v>
      </c>
      <c r="BB33" s="22">
        <v>0</v>
      </c>
      <c r="BC33" s="22">
        <v>34350</v>
      </c>
      <c r="BD33" s="25">
        <v>34350</v>
      </c>
      <c r="BE33" s="26">
        <v>34350</v>
      </c>
      <c r="BF33" s="21">
        <v>0</v>
      </c>
      <c r="BG33" s="22">
        <v>0</v>
      </c>
      <c r="BH33" s="23">
        <v>0</v>
      </c>
      <c r="BI33" s="390">
        <v>0</v>
      </c>
      <c r="BJ33" s="22">
        <v>0</v>
      </c>
      <c r="BK33" s="22">
        <v>0</v>
      </c>
      <c r="BL33" s="22">
        <v>0</v>
      </c>
      <c r="BM33" s="22">
        <v>0</v>
      </c>
      <c r="BN33" s="22">
        <v>0</v>
      </c>
      <c r="BO33" s="25">
        <v>0</v>
      </c>
      <c r="BP33" s="26">
        <v>0</v>
      </c>
      <c r="BQ33" s="21">
        <v>0</v>
      </c>
      <c r="BR33" s="22">
        <v>0</v>
      </c>
      <c r="BS33" s="23">
        <v>0</v>
      </c>
      <c r="BT33" s="24">
        <v>0</v>
      </c>
      <c r="BU33" s="22">
        <v>875</v>
      </c>
      <c r="BV33" s="22">
        <v>0</v>
      </c>
      <c r="BW33" s="22">
        <v>6090</v>
      </c>
      <c r="BX33" s="22">
        <v>6760</v>
      </c>
      <c r="BY33" s="22">
        <v>0</v>
      </c>
      <c r="BZ33" s="25">
        <v>13725</v>
      </c>
      <c r="CA33" s="26">
        <v>13725</v>
      </c>
      <c r="CB33" s="21">
        <v>0</v>
      </c>
      <c r="CC33" s="22">
        <v>0</v>
      </c>
      <c r="CD33" s="23">
        <v>0</v>
      </c>
      <c r="CE33" s="24">
        <v>0</v>
      </c>
      <c r="CF33" s="22">
        <v>0</v>
      </c>
      <c r="CG33" s="22">
        <v>0</v>
      </c>
      <c r="CH33" s="22">
        <v>0</v>
      </c>
      <c r="CI33" s="22">
        <v>0</v>
      </c>
      <c r="CJ33" s="22">
        <v>0</v>
      </c>
      <c r="CK33" s="25">
        <v>0</v>
      </c>
      <c r="CL33" s="26">
        <v>0</v>
      </c>
      <c r="CM33" s="21">
        <v>0</v>
      </c>
      <c r="CN33" s="22">
        <v>0</v>
      </c>
      <c r="CO33" s="23">
        <v>0</v>
      </c>
      <c r="CP33" s="24">
        <v>0</v>
      </c>
      <c r="CQ33" s="22">
        <v>0</v>
      </c>
      <c r="CR33" s="22">
        <v>0</v>
      </c>
      <c r="CS33" s="22">
        <v>0</v>
      </c>
      <c r="CT33" s="22">
        <v>0</v>
      </c>
      <c r="CU33" s="22">
        <v>0</v>
      </c>
      <c r="CV33" s="25">
        <v>0</v>
      </c>
      <c r="CW33" s="26">
        <v>0</v>
      </c>
      <c r="CX33" s="21">
        <v>0</v>
      </c>
      <c r="CY33" s="22">
        <v>0</v>
      </c>
      <c r="CZ33" s="23">
        <v>0</v>
      </c>
      <c r="DA33" s="390">
        <v>0</v>
      </c>
      <c r="DB33" s="22">
        <v>0</v>
      </c>
      <c r="DC33" s="22">
        <v>0</v>
      </c>
      <c r="DD33" s="22">
        <v>0</v>
      </c>
      <c r="DE33" s="22">
        <v>0</v>
      </c>
      <c r="DF33" s="22">
        <v>0</v>
      </c>
      <c r="DG33" s="25">
        <v>0</v>
      </c>
      <c r="DH33" s="26">
        <v>0</v>
      </c>
      <c r="DI33" s="21">
        <v>0</v>
      </c>
      <c r="DJ33" s="22">
        <v>0</v>
      </c>
      <c r="DK33" s="23">
        <v>0</v>
      </c>
      <c r="DL33" s="24">
        <v>0</v>
      </c>
      <c r="DM33" s="22">
        <v>36122</v>
      </c>
      <c r="DN33" s="22">
        <v>31200</v>
      </c>
      <c r="DO33" s="22">
        <v>337473</v>
      </c>
      <c r="DP33" s="22">
        <v>368516</v>
      </c>
      <c r="DQ33" s="22">
        <v>191460</v>
      </c>
      <c r="DR33" s="25">
        <v>964771</v>
      </c>
      <c r="DS33" s="27">
        <v>964771</v>
      </c>
      <c r="DT33" s="21">
        <v>0</v>
      </c>
      <c r="DU33" s="22">
        <v>0</v>
      </c>
      <c r="DV33" s="23">
        <v>0</v>
      </c>
      <c r="DW33" s="390">
        <v>0</v>
      </c>
      <c r="DX33" s="22">
        <v>0</v>
      </c>
      <c r="DY33" s="22">
        <v>20880</v>
      </c>
      <c r="DZ33" s="22">
        <v>308226</v>
      </c>
      <c r="EA33" s="22">
        <v>359280</v>
      </c>
      <c r="EB33" s="22">
        <v>178140</v>
      </c>
      <c r="EC33" s="25">
        <v>866526</v>
      </c>
      <c r="ED33" s="26">
        <v>866526</v>
      </c>
      <c r="EE33" s="21">
        <v>0</v>
      </c>
      <c r="EF33" s="22">
        <v>0</v>
      </c>
      <c r="EG33" s="23">
        <v>0</v>
      </c>
      <c r="EH33" s="390">
        <v>0</v>
      </c>
      <c r="EI33" s="22">
        <v>33750</v>
      </c>
      <c r="EJ33" s="22">
        <v>10320</v>
      </c>
      <c r="EK33" s="22">
        <v>210</v>
      </c>
      <c r="EL33" s="22">
        <v>420</v>
      </c>
      <c r="EM33" s="22">
        <v>210</v>
      </c>
      <c r="EN33" s="25">
        <v>44910</v>
      </c>
      <c r="EO33" s="26">
        <v>44910</v>
      </c>
      <c r="EP33" s="21">
        <v>0</v>
      </c>
      <c r="EQ33" s="22">
        <v>0</v>
      </c>
      <c r="ER33" s="23">
        <v>0</v>
      </c>
      <c r="ES33" s="390">
        <v>0</v>
      </c>
      <c r="ET33" s="22">
        <v>0</v>
      </c>
      <c r="EU33" s="22">
        <v>0</v>
      </c>
      <c r="EV33" s="22">
        <v>0</v>
      </c>
      <c r="EW33" s="22">
        <v>0</v>
      </c>
      <c r="EX33" s="22">
        <v>0</v>
      </c>
      <c r="EY33" s="25">
        <v>0</v>
      </c>
      <c r="EZ33" s="26">
        <v>0</v>
      </c>
      <c r="FA33" s="21">
        <v>0</v>
      </c>
      <c r="FB33" s="22">
        <v>0</v>
      </c>
      <c r="FC33" s="23">
        <v>0</v>
      </c>
      <c r="FD33" s="390">
        <v>0</v>
      </c>
      <c r="FE33" s="22">
        <v>0</v>
      </c>
      <c r="FF33" s="22">
        <v>0</v>
      </c>
      <c r="FG33" s="22">
        <v>0</v>
      </c>
      <c r="FH33" s="22">
        <v>0</v>
      </c>
      <c r="FI33" s="22">
        <v>13110</v>
      </c>
      <c r="FJ33" s="25">
        <v>13110</v>
      </c>
      <c r="FK33" s="26">
        <v>13110</v>
      </c>
      <c r="FL33" s="21">
        <v>0</v>
      </c>
      <c r="FM33" s="22">
        <v>0</v>
      </c>
      <c r="FN33" s="23">
        <v>0</v>
      </c>
      <c r="FO33" s="390">
        <v>0</v>
      </c>
      <c r="FP33" s="22">
        <v>0</v>
      </c>
      <c r="FQ33" s="22">
        <v>0</v>
      </c>
      <c r="FR33" s="22">
        <v>0</v>
      </c>
      <c r="FS33" s="22">
        <v>0</v>
      </c>
      <c r="FT33" s="22">
        <v>0</v>
      </c>
      <c r="FU33" s="25">
        <v>0</v>
      </c>
      <c r="FV33" s="26">
        <v>0</v>
      </c>
      <c r="FW33" s="21">
        <v>0</v>
      </c>
      <c r="FX33" s="22">
        <v>0</v>
      </c>
      <c r="FY33" s="23">
        <v>0</v>
      </c>
      <c r="FZ33" s="24">
        <v>0</v>
      </c>
      <c r="GA33" s="22">
        <v>2372</v>
      </c>
      <c r="GB33" s="22">
        <v>0</v>
      </c>
      <c r="GC33" s="22">
        <v>29037</v>
      </c>
      <c r="GD33" s="22">
        <v>8816</v>
      </c>
      <c r="GE33" s="22">
        <v>0</v>
      </c>
      <c r="GF33" s="25">
        <v>40225</v>
      </c>
      <c r="GG33" s="26">
        <v>40225</v>
      </c>
      <c r="GH33" s="21">
        <v>0</v>
      </c>
      <c r="GI33" s="22">
        <v>0</v>
      </c>
      <c r="GJ33" s="23">
        <v>0</v>
      </c>
      <c r="GK33" s="24">
        <v>0</v>
      </c>
      <c r="GL33" s="22">
        <v>0</v>
      </c>
      <c r="GM33" s="22">
        <v>0</v>
      </c>
      <c r="GN33" s="22">
        <v>0</v>
      </c>
      <c r="GO33" s="22">
        <v>0</v>
      </c>
      <c r="GP33" s="22">
        <v>0</v>
      </c>
      <c r="GQ33" s="25">
        <v>0</v>
      </c>
      <c r="GR33" s="26">
        <v>0</v>
      </c>
      <c r="GS33" s="21">
        <v>0</v>
      </c>
      <c r="GT33" s="22">
        <v>0</v>
      </c>
      <c r="GU33" s="23">
        <v>0</v>
      </c>
      <c r="GV33" s="24">
        <v>0</v>
      </c>
      <c r="GW33" s="22">
        <v>0</v>
      </c>
      <c r="GX33" s="22">
        <v>0</v>
      </c>
      <c r="GY33" s="22">
        <v>0</v>
      </c>
      <c r="GZ33" s="22">
        <v>0</v>
      </c>
      <c r="HA33" s="22">
        <v>0</v>
      </c>
      <c r="HB33" s="25">
        <v>0</v>
      </c>
      <c r="HC33" s="26">
        <v>0</v>
      </c>
      <c r="HD33" s="21">
        <v>0</v>
      </c>
      <c r="HE33" s="22">
        <v>0</v>
      </c>
      <c r="HF33" s="23">
        <v>0</v>
      </c>
      <c r="HG33" s="390">
        <v>0</v>
      </c>
      <c r="HH33" s="22">
        <v>0</v>
      </c>
      <c r="HI33" s="22">
        <v>0</v>
      </c>
      <c r="HJ33" s="22">
        <v>0</v>
      </c>
      <c r="HK33" s="22">
        <v>0</v>
      </c>
      <c r="HL33" s="22">
        <v>0</v>
      </c>
      <c r="HM33" s="25">
        <v>0</v>
      </c>
      <c r="HN33" s="26">
        <v>0</v>
      </c>
      <c r="HO33" s="21">
        <v>0</v>
      </c>
      <c r="HP33" s="22">
        <v>0</v>
      </c>
      <c r="HQ33" s="23">
        <v>0</v>
      </c>
      <c r="HR33" s="24">
        <v>0</v>
      </c>
      <c r="HS33" s="22">
        <v>131797</v>
      </c>
      <c r="HT33" s="22">
        <v>62700</v>
      </c>
      <c r="HU33" s="22">
        <v>590419</v>
      </c>
      <c r="HV33" s="22">
        <v>721026</v>
      </c>
      <c r="HW33" s="22">
        <v>383760</v>
      </c>
      <c r="HX33" s="25">
        <v>1889702</v>
      </c>
      <c r="HY33" s="26">
        <v>1889702</v>
      </c>
    </row>
    <row r="34" spans="2:233" ht="21" customHeight="1" x14ac:dyDescent="0.2">
      <c r="B34" s="92" t="s">
        <v>31</v>
      </c>
      <c r="C34" s="21">
        <v>0</v>
      </c>
      <c r="D34" s="22">
        <v>0</v>
      </c>
      <c r="E34" s="23">
        <v>0</v>
      </c>
      <c r="F34" s="24">
        <v>0</v>
      </c>
      <c r="G34" s="22">
        <v>37185</v>
      </c>
      <c r="H34" s="22">
        <v>114175</v>
      </c>
      <c r="I34" s="22">
        <v>172940</v>
      </c>
      <c r="J34" s="22">
        <v>153180</v>
      </c>
      <c r="K34" s="22">
        <v>222346</v>
      </c>
      <c r="L34" s="25">
        <v>699826</v>
      </c>
      <c r="M34" s="26">
        <v>699826</v>
      </c>
      <c r="N34" s="21">
        <v>0</v>
      </c>
      <c r="O34" s="22">
        <v>0</v>
      </c>
      <c r="P34" s="23">
        <v>0</v>
      </c>
      <c r="Q34" s="390">
        <v>0</v>
      </c>
      <c r="R34" s="22">
        <v>2550</v>
      </c>
      <c r="S34" s="22">
        <v>26400</v>
      </c>
      <c r="T34" s="22">
        <v>165405</v>
      </c>
      <c r="U34" s="22">
        <v>121530</v>
      </c>
      <c r="V34" s="22">
        <v>130181</v>
      </c>
      <c r="W34" s="25">
        <v>446066</v>
      </c>
      <c r="X34" s="26">
        <v>446066</v>
      </c>
      <c r="Y34" s="21">
        <v>0</v>
      </c>
      <c r="Z34" s="22">
        <v>0</v>
      </c>
      <c r="AA34" s="23">
        <v>0</v>
      </c>
      <c r="AB34" s="390">
        <v>0</v>
      </c>
      <c r="AC34" s="22">
        <v>2550</v>
      </c>
      <c r="AD34" s="22">
        <v>50250</v>
      </c>
      <c r="AE34" s="22">
        <v>5100</v>
      </c>
      <c r="AF34" s="22">
        <v>31650</v>
      </c>
      <c r="AG34" s="22">
        <v>60515</v>
      </c>
      <c r="AH34" s="25">
        <v>150065</v>
      </c>
      <c r="AI34" s="26">
        <v>150065</v>
      </c>
      <c r="AJ34" s="21">
        <v>0</v>
      </c>
      <c r="AK34" s="22">
        <v>0</v>
      </c>
      <c r="AL34" s="23">
        <v>0</v>
      </c>
      <c r="AM34" s="390">
        <v>0</v>
      </c>
      <c r="AN34" s="22">
        <v>0</v>
      </c>
      <c r="AO34" s="22">
        <v>0</v>
      </c>
      <c r="AP34" s="22">
        <v>0</v>
      </c>
      <c r="AQ34" s="22">
        <v>0</v>
      </c>
      <c r="AR34" s="22">
        <v>0</v>
      </c>
      <c r="AS34" s="25">
        <v>0</v>
      </c>
      <c r="AT34" s="26">
        <v>0</v>
      </c>
      <c r="AU34" s="21">
        <v>0</v>
      </c>
      <c r="AV34" s="22">
        <v>0</v>
      </c>
      <c r="AW34" s="23">
        <v>0</v>
      </c>
      <c r="AX34" s="390">
        <v>0</v>
      </c>
      <c r="AY34" s="22">
        <v>31650</v>
      </c>
      <c r="AZ34" s="22">
        <v>0</v>
      </c>
      <c r="BA34" s="22">
        <v>0</v>
      </c>
      <c r="BB34" s="22">
        <v>0</v>
      </c>
      <c r="BC34" s="22">
        <v>31650</v>
      </c>
      <c r="BD34" s="25">
        <v>63300</v>
      </c>
      <c r="BE34" s="26">
        <v>63300</v>
      </c>
      <c r="BF34" s="21">
        <v>0</v>
      </c>
      <c r="BG34" s="22">
        <v>0</v>
      </c>
      <c r="BH34" s="23">
        <v>0</v>
      </c>
      <c r="BI34" s="390">
        <v>0</v>
      </c>
      <c r="BJ34" s="22">
        <v>0</v>
      </c>
      <c r="BK34" s="22">
        <v>0</v>
      </c>
      <c r="BL34" s="22">
        <v>0</v>
      </c>
      <c r="BM34" s="22">
        <v>0</v>
      </c>
      <c r="BN34" s="22">
        <v>0</v>
      </c>
      <c r="BO34" s="25">
        <v>0</v>
      </c>
      <c r="BP34" s="26">
        <v>0</v>
      </c>
      <c r="BQ34" s="21">
        <v>0</v>
      </c>
      <c r="BR34" s="22">
        <v>0</v>
      </c>
      <c r="BS34" s="23">
        <v>0</v>
      </c>
      <c r="BT34" s="24">
        <v>0</v>
      </c>
      <c r="BU34" s="22">
        <v>435</v>
      </c>
      <c r="BV34" s="22">
        <v>37525</v>
      </c>
      <c r="BW34" s="22">
        <v>2290</v>
      </c>
      <c r="BX34" s="22">
        <v>0</v>
      </c>
      <c r="BY34" s="22">
        <v>0</v>
      </c>
      <c r="BZ34" s="25">
        <v>40250</v>
      </c>
      <c r="CA34" s="26">
        <v>40250</v>
      </c>
      <c r="CB34" s="21">
        <v>0</v>
      </c>
      <c r="CC34" s="22">
        <v>0</v>
      </c>
      <c r="CD34" s="23">
        <v>0</v>
      </c>
      <c r="CE34" s="24">
        <v>0</v>
      </c>
      <c r="CF34" s="22">
        <v>0</v>
      </c>
      <c r="CG34" s="22">
        <v>0</v>
      </c>
      <c r="CH34" s="22">
        <v>145</v>
      </c>
      <c r="CI34" s="22">
        <v>0</v>
      </c>
      <c r="CJ34" s="22">
        <v>0</v>
      </c>
      <c r="CK34" s="25">
        <v>145</v>
      </c>
      <c r="CL34" s="26">
        <v>145</v>
      </c>
      <c r="CM34" s="21">
        <v>0</v>
      </c>
      <c r="CN34" s="22">
        <v>0</v>
      </c>
      <c r="CO34" s="23">
        <v>0</v>
      </c>
      <c r="CP34" s="24">
        <v>0</v>
      </c>
      <c r="CQ34" s="22">
        <v>0</v>
      </c>
      <c r="CR34" s="22">
        <v>0</v>
      </c>
      <c r="CS34" s="22">
        <v>0</v>
      </c>
      <c r="CT34" s="22">
        <v>0</v>
      </c>
      <c r="CU34" s="22">
        <v>0</v>
      </c>
      <c r="CV34" s="25">
        <v>0</v>
      </c>
      <c r="CW34" s="26">
        <v>0</v>
      </c>
      <c r="CX34" s="21">
        <v>0</v>
      </c>
      <c r="CY34" s="22">
        <v>0</v>
      </c>
      <c r="CZ34" s="23">
        <v>0</v>
      </c>
      <c r="DA34" s="390">
        <v>0</v>
      </c>
      <c r="DB34" s="22">
        <v>0</v>
      </c>
      <c r="DC34" s="22">
        <v>0</v>
      </c>
      <c r="DD34" s="22">
        <v>0</v>
      </c>
      <c r="DE34" s="22">
        <v>0</v>
      </c>
      <c r="DF34" s="22">
        <v>0</v>
      </c>
      <c r="DG34" s="25">
        <v>0</v>
      </c>
      <c r="DH34" s="26">
        <v>0</v>
      </c>
      <c r="DI34" s="21">
        <v>0</v>
      </c>
      <c r="DJ34" s="22">
        <v>0</v>
      </c>
      <c r="DK34" s="23">
        <v>0</v>
      </c>
      <c r="DL34" s="24">
        <v>0</v>
      </c>
      <c r="DM34" s="22">
        <v>16374</v>
      </c>
      <c r="DN34" s="22">
        <v>64457</v>
      </c>
      <c r="DO34" s="22">
        <v>190412</v>
      </c>
      <c r="DP34" s="22">
        <v>193148</v>
      </c>
      <c r="DQ34" s="22">
        <v>181056</v>
      </c>
      <c r="DR34" s="25">
        <v>645447</v>
      </c>
      <c r="DS34" s="27">
        <v>645447</v>
      </c>
      <c r="DT34" s="21">
        <v>0</v>
      </c>
      <c r="DU34" s="22">
        <v>0</v>
      </c>
      <c r="DV34" s="23">
        <v>0</v>
      </c>
      <c r="DW34" s="390">
        <v>0</v>
      </c>
      <c r="DX34" s="22">
        <v>14550</v>
      </c>
      <c r="DY34" s="22">
        <v>29100</v>
      </c>
      <c r="DZ34" s="22">
        <v>181149</v>
      </c>
      <c r="EA34" s="22">
        <v>192938</v>
      </c>
      <c r="EB34" s="22">
        <v>180006</v>
      </c>
      <c r="EC34" s="25">
        <v>597743</v>
      </c>
      <c r="ED34" s="26">
        <v>597743</v>
      </c>
      <c r="EE34" s="21">
        <v>0</v>
      </c>
      <c r="EF34" s="22">
        <v>0</v>
      </c>
      <c r="EG34" s="23">
        <v>0</v>
      </c>
      <c r="EH34" s="390">
        <v>0</v>
      </c>
      <c r="EI34" s="22">
        <v>210</v>
      </c>
      <c r="EJ34" s="22">
        <v>630</v>
      </c>
      <c r="EK34" s="22">
        <v>420</v>
      </c>
      <c r="EL34" s="22">
        <v>210</v>
      </c>
      <c r="EM34" s="22">
        <v>840</v>
      </c>
      <c r="EN34" s="25">
        <v>2310</v>
      </c>
      <c r="EO34" s="26">
        <v>2310</v>
      </c>
      <c r="EP34" s="21">
        <v>0</v>
      </c>
      <c r="EQ34" s="22">
        <v>0</v>
      </c>
      <c r="ER34" s="23">
        <v>0</v>
      </c>
      <c r="ES34" s="390">
        <v>0</v>
      </c>
      <c r="ET34" s="22">
        <v>0</v>
      </c>
      <c r="EU34" s="22">
        <v>0</v>
      </c>
      <c r="EV34" s="22">
        <v>0</v>
      </c>
      <c r="EW34" s="22">
        <v>0</v>
      </c>
      <c r="EX34" s="22">
        <v>0</v>
      </c>
      <c r="EY34" s="25">
        <v>0</v>
      </c>
      <c r="EZ34" s="26">
        <v>0</v>
      </c>
      <c r="FA34" s="21">
        <v>0</v>
      </c>
      <c r="FB34" s="22">
        <v>0</v>
      </c>
      <c r="FC34" s="23">
        <v>0</v>
      </c>
      <c r="FD34" s="390">
        <v>0</v>
      </c>
      <c r="FE34" s="22">
        <v>210</v>
      </c>
      <c r="FF34" s="22">
        <v>0</v>
      </c>
      <c r="FG34" s="22">
        <v>0</v>
      </c>
      <c r="FH34" s="22">
        <v>0</v>
      </c>
      <c r="FI34" s="22">
        <v>210</v>
      </c>
      <c r="FJ34" s="25">
        <v>420</v>
      </c>
      <c r="FK34" s="26">
        <v>420</v>
      </c>
      <c r="FL34" s="21">
        <v>0</v>
      </c>
      <c r="FM34" s="22">
        <v>0</v>
      </c>
      <c r="FN34" s="23">
        <v>0</v>
      </c>
      <c r="FO34" s="390">
        <v>0</v>
      </c>
      <c r="FP34" s="22">
        <v>0</v>
      </c>
      <c r="FQ34" s="22">
        <v>0</v>
      </c>
      <c r="FR34" s="22">
        <v>0</v>
      </c>
      <c r="FS34" s="22">
        <v>0</v>
      </c>
      <c r="FT34" s="22">
        <v>0</v>
      </c>
      <c r="FU34" s="25">
        <v>0</v>
      </c>
      <c r="FV34" s="26">
        <v>0</v>
      </c>
      <c r="FW34" s="21">
        <v>0</v>
      </c>
      <c r="FX34" s="22">
        <v>0</v>
      </c>
      <c r="FY34" s="23">
        <v>0</v>
      </c>
      <c r="FZ34" s="24">
        <v>0</v>
      </c>
      <c r="GA34" s="22">
        <v>1404</v>
      </c>
      <c r="GB34" s="22">
        <v>34727</v>
      </c>
      <c r="GC34" s="22">
        <v>8513</v>
      </c>
      <c r="GD34" s="22">
        <v>0</v>
      </c>
      <c r="GE34" s="22">
        <v>0</v>
      </c>
      <c r="GF34" s="25">
        <v>44644</v>
      </c>
      <c r="GG34" s="26">
        <v>44644</v>
      </c>
      <c r="GH34" s="21">
        <v>0</v>
      </c>
      <c r="GI34" s="22">
        <v>0</v>
      </c>
      <c r="GJ34" s="23">
        <v>0</v>
      </c>
      <c r="GK34" s="24">
        <v>0</v>
      </c>
      <c r="GL34" s="22">
        <v>0</v>
      </c>
      <c r="GM34" s="22">
        <v>0</v>
      </c>
      <c r="GN34" s="22">
        <v>330</v>
      </c>
      <c r="GO34" s="22">
        <v>0</v>
      </c>
      <c r="GP34" s="22">
        <v>0</v>
      </c>
      <c r="GQ34" s="25">
        <v>330</v>
      </c>
      <c r="GR34" s="26">
        <v>330</v>
      </c>
      <c r="GS34" s="21">
        <v>0</v>
      </c>
      <c r="GT34" s="22">
        <v>0</v>
      </c>
      <c r="GU34" s="23">
        <v>0</v>
      </c>
      <c r="GV34" s="24">
        <v>0</v>
      </c>
      <c r="GW34" s="22">
        <v>0</v>
      </c>
      <c r="GX34" s="22">
        <v>0</v>
      </c>
      <c r="GY34" s="22">
        <v>0</v>
      </c>
      <c r="GZ34" s="22">
        <v>0</v>
      </c>
      <c r="HA34" s="22">
        <v>0</v>
      </c>
      <c r="HB34" s="25">
        <v>0</v>
      </c>
      <c r="HC34" s="26">
        <v>0</v>
      </c>
      <c r="HD34" s="21">
        <v>0</v>
      </c>
      <c r="HE34" s="22">
        <v>0</v>
      </c>
      <c r="HF34" s="23">
        <v>0</v>
      </c>
      <c r="HG34" s="390">
        <v>0</v>
      </c>
      <c r="HH34" s="22">
        <v>0</v>
      </c>
      <c r="HI34" s="22">
        <v>0</v>
      </c>
      <c r="HJ34" s="22">
        <v>0</v>
      </c>
      <c r="HK34" s="22">
        <v>0</v>
      </c>
      <c r="HL34" s="22">
        <v>0</v>
      </c>
      <c r="HM34" s="25">
        <v>0</v>
      </c>
      <c r="HN34" s="26">
        <v>0</v>
      </c>
      <c r="HO34" s="21">
        <v>0</v>
      </c>
      <c r="HP34" s="22">
        <v>0</v>
      </c>
      <c r="HQ34" s="23">
        <v>0</v>
      </c>
      <c r="HR34" s="24">
        <v>0</v>
      </c>
      <c r="HS34" s="22">
        <v>53559</v>
      </c>
      <c r="HT34" s="22">
        <v>178632</v>
      </c>
      <c r="HU34" s="22">
        <v>363352</v>
      </c>
      <c r="HV34" s="22">
        <v>346328</v>
      </c>
      <c r="HW34" s="22">
        <v>403402</v>
      </c>
      <c r="HX34" s="25">
        <v>1345273</v>
      </c>
      <c r="HY34" s="26">
        <v>1345273</v>
      </c>
    </row>
    <row r="35" spans="2:233" ht="21" customHeight="1" x14ac:dyDescent="0.2">
      <c r="B35" s="92" t="s">
        <v>32</v>
      </c>
      <c r="C35" s="21">
        <v>0</v>
      </c>
      <c r="D35" s="22">
        <v>0</v>
      </c>
      <c r="E35" s="23">
        <v>0</v>
      </c>
      <c r="F35" s="24">
        <v>0</v>
      </c>
      <c r="G35" s="22">
        <v>2550</v>
      </c>
      <c r="H35" s="22">
        <v>87440</v>
      </c>
      <c r="I35" s="22">
        <v>182430</v>
      </c>
      <c r="J35" s="22">
        <v>530680</v>
      </c>
      <c r="K35" s="22">
        <v>213648</v>
      </c>
      <c r="L35" s="25">
        <v>1016748</v>
      </c>
      <c r="M35" s="26">
        <v>1016748</v>
      </c>
      <c r="N35" s="21">
        <v>0</v>
      </c>
      <c r="O35" s="22">
        <v>0</v>
      </c>
      <c r="P35" s="23">
        <v>0</v>
      </c>
      <c r="Q35" s="390">
        <v>0</v>
      </c>
      <c r="R35" s="22">
        <v>0</v>
      </c>
      <c r="S35" s="22">
        <v>0</v>
      </c>
      <c r="T35" s="22">
        <v>70780</v>
      </c>
      <c r="U35" s="22">
        <v>334245</v>
      </c>
      <c r="V35" s="22">
        <v>152113</v>
      </c>
      <c r="W35" s="25">
        <v>557138</v>
      </c>
      <c r="X35" s="26">
        <v>557138</v>
      </c>
      <c r="Y35" s="21">
        <v>0</v>
      </c>
      <c r="Z35" s="22">
        <v>0</v>
      </c>
      <c r="AA35" s="23">
        <v>0</v>
      </c>
      <c r="AB35" s="390">
        <v>0</v>
      </c>
      <c r="AC35" s="22">
        <v>2550</v>
      </c>
      <c r="AD35" s="22">
        <v>87150</v>
      </c>
      <c r="AE35" s="22">
        <v>5100</v>
      </c>
      <c r="AF35" s="22">
        <v>113740</v>
      </c>
      <c r="AG35" s="22">
        <v>935</v>
      </c>
      <c r="AH35" s="25">
        <v>209475</v>
      </c>
      <c r="AI35" s="26">
        <v>209475</v>
      </c>
      <c r="AJ35" s="21">
        <v>0</v>
      </c>
      <c r="AK35" s="22">
        <v>0</v>
      </c>
      <c r="AL35" s="23">
        <v>0</v>
      </c>
      <c r="AM35" s="390">
        <v>0</v>
      </c>
      <c r="AN35" s="22">
        <v>0</v>
      </c>
      <c r="AO35" s="22">
        <v>0</v>
      </c>
      <c r="AP35" s="22">
        <v>0</v>
      </c>
      <c r="AQ35" s="22">
        <v>0</v>
      </c>
      <c r="AR35" s="22">
        <v>0</v>
      </c>
      <c r="AS35" s="25">
        <v>0</v>
      </c>
      <c r="AT35" s="26">
        <v>0</v>
      </c>
      <c r="AU35" s="21">
        <v>0</v>
      </c>
      <c r="AV35" s="22">
        <v>0</v>
      </c>
      <c r="AW35" s="23">
        <v>0</v>
      </c>
      <c r="AX35" s="390">
        <v>0</v>
      </c>
      <c r="AY35" s="22">
        <v>0</v>
      </c>
      <c r="AZ35" s="22">
        <v>0</v>
      </c>
      <c r="BA35" s="22">
        <v>0</v>
      </c>
      <c r="BB35" s="22">
        <v>0</v>
      </c>
      <c r="BC35" s="22">
        <v>31650</v>
      </c>
      <c r="BD35" s="25">
        <v>31650</v>
      </c>
      <c r="BE35" s="26">
        <v>31650</v>
      </c>
      <c r="BF35" s="21">
        <v>0</v>
      </c>
      <c r="BG35" s="22">
        <v>0</v>
      </c>
      <c r="BH35" s="23">
        <v>0</v>
      </c>
      <c r="BI35" s="390">
        <v>0</v>
      </c>
      <c r="BJ35" s="22">
        <v>0</v>
      </c>
      <c r="BK35" s="22">
        <v>0</v>
      </c>
      <c r="BL35" s="22">
        <v>100540</v>
      </c>
      <c r="BM35" s="22">
        <v>82695</v>
      </c>
      <c r="BN35" s="22">
        <v>28950</v>
      </c>
      <c r="BO35" s="25">
        <v>212185</v>
      </c>
      <c r="BP35" s="26">
        <v>212185</v>
      </c>
      <c r="BQ35" s="21">
        <v>0</v>
      </c>
      <c r="BR35" s="22">
        <v>0</v>
      </c>
      <c r="BS35" s="23">
        <v>0</v>
      </c>
      <c r="BT35" s="24">
        <v>0</v>
      </c>
      <c r="BU35" s="22">
        <v>0</v>
      </c>
      <c r="BV35" s="22">
        <v>0</v>
      </c>
      <c r="BW35" s="22">
        <v>6010</v>
      </c>
      <c r="BX35" s="22">
        <v>0</v>
      </c>
      <c r="BY35" s="22">
        <v>0</v>
      </c>
      <c r="BZ35" s="25">
        <v>6010</v>
      </c>
      <c r="CA35" s="26">
        <v>6010</v>
      </c>
      <c r="CB35" s="21">
        <v>0</v>
      </c>
      <c r="CC35" s="22">
        <v>0</v>
      </c>
      <c r="CD35" s="23">
        <v>0</v>
      </c>
      <c r="CE35" s="24">
        <v>0</v>
      </c>
      <c r="CF35" s="22">
        <v>0</v>
      </c>
      <c r="CG35" s="22">
        <v>290</v>
      </c>
      <c r="CH35" s="22">
        <v>0</v>
      </c>
      <c r="CI35" s="22">
        <v>0</v>
      </c>
      <c r="CJ35" s="22">
        <v>0</v>
      </c>
      <c r="CK35" s="25">
        <v>290</v>
      </c>
      <c r="CL35" s="26">
        <v>290</v>
      </c>
      <c r="CM35" s="21">
        <v>0</v>
      </c>
      <c r="CN35" s="22">
        <v>0</v>
      </c>
      <c r="CO35" s="23">
        <v>0</v>
      </c>
      <c r="CP35" s="24">
        <v>0</v>
      </c>
      <c r="CQ35" s="22">
        <v>0</v>
      </c>
      <c r="CR35" s="22">
        <v>0</v>
      </c>
      <c r="CS35" s="22">
        <v>0</v>
      </c>
      <c r="CT35" s="22">
        <v>0</v>
      </c>
      <c r="CU35" s="22">
        <v>0</v>
      </c>
      <c r="CV35" s="25">
        <v>0</v>
      </c>
      <c r="CW35" s="26">
        <v>0</v>
      </c>
      <c r="CX35" s="21">
        <v>0</v>
      </c>
      <c r="CY35" s="22">
        <v>0</v>
      </c>
      <c r="CZ35" s="23">
        <v>0</v>
      </c>
      <c r="DA35" s="390">
        <v>0</v>
      </c>
      <c r="DB35" s="22">
        <v>0</v>
      </c>
      <c r="DC35" s="22">
        <v>0</v>
      </c>
      <c r="DD35" s="22">
        <v>0</v>
      </c>
      <c r="DE35" s="22">
        <v>0</v>
      </c>
      <c r="DF35" s="22">
        <v>0</v>
      </c>
      <c r="DG35" s="25">
        <v>0</v>
      </c>
      <c r="DH35" s="26">
        <v>0</v>
      </c>
      <c r="DI35" s="21">
        <v>0</v>
      </c>
      <c r="DJ35" s="22">
        <v>0</v>
      </c>
      <c r="DK35" s="23">
        <v>0</v>
      </c>
      <c r="DL35" s="24">
        <v>0</v>
      </c>
      <c r="DM35" s="22">
        <v>210</v>
      </c>
      <c r="DN35" s="22">
        <v>1950</v>
      </c>
      <c r="DO35" s="22">
        <v>235865</v>
      </c>
      <c r="DP35" s="22">
        <v>559763</v>
      </c>
      <c r="DQ35" s="22">
        <v>246132</v>
      </c>
      <c r="DR35" s="25">
        <v>1043920</v>
      </c>
      <c r="DS35" s="27">
        <v>1043920</v>
      </c>
      <c r="DT35" s="21">
        <v>0</v>
      </c>
      <c r="DU35" s="22">
        <v>0</v>
      </c>
      <c r="DV35" s="23">
        <v>0</v>
      </c>
      <c r="DW35" s="390">
        <v>0</v>
      </c>
      <c r="DX35" s="22">
        <v>0</v>
      </c>
      <c r="DY35" s="22">
        <v>0</v>
      </c>
      <c r="DZ35" s="22">
        <v>115235</v>
      </c>
      <c r="EA35" s="22">
        <v>458586</v>
      </c>
      <c r="EB35" s="22">
        <v>210394</v>
      </c>
      <c r="EC35" s="25">
        <v>784215</v>
      </c>
      <c r="ED35" s="26">
        <v>784215</v>
      </c>
      <c r="EE35" s="21">
        <v>0</v>
      </c>
      <c r="EF35" s="22">
        <v>0</v>
      </c>
      <c r="EG35" s="23">
        <v>0</v>
      </c>
      <c r="EH35" s="390">
        <v>0</v>
      </c>
      <c r="EI35" s="22">
        <v>210</v>
      </c>
      <c r="EJ35" s="22">
        <v>630</v>
      </c>
      <c r="EK35" s="22">
        <v>420</v>
      </c>
      <c r="EL35" s="22">
        <v>46706</v>
      </c>
      <c r="EM35" s="22">
        <v>3938</v>
      </c>
      <c r="EN35" s="25">
        <v>51904</v>
      </c>
      <c r="EO35" s="26">
        <v>51904</v>
      </c>
      <c r="EP35" s="21">
        <v>0</v>
      </c>
      <c r="EQ35" s="22">
        <v>0</v>
      </c>
      <c r="ER35" s="23">
        <v>0</v>
      </c>
      <c r="ES35" s="390">
        <v>0</v>
      </c>
      <c r="ET35" s="22">
        <v>0</v>
      </c>
      <c r="EU35" s="22">
        <v>0</v>
      </c>
      <c r="EV35" s="22">
        <v>0</v>
      </c>
      <c r="EW35" s="22">
        <v>0</v>
      </c>
      <c r="EX35" s="22">
        <v>0</v>
      </c>
      <c r="EY35" s="25">
        <v>0</v>
      </c>
      <c r="EZ35" s="26">
        <v>0</v>
      </c>
      <c r="FA35" s="21">
        <v>0</v>
      </c>
      <c r="FB35" s="22">
        <v>0</v>
      </c>
      <c r="FC35" s="23">
        <v>0</v>
      </c>
      <c r="FD35" s="390">
        <v>0</v>
      </c>
      <c r="FE35" s="22">
        <v>0</v>
      </c>
      <c r="FF35" s="22">
        <v>0</v>
      </c>
      <c r="FG35" s="22">
        <v>0</v>
      </c>
      <c r="FH35" s="22">
        <v>0</v>
      </c>
      <c r="FI35" s="22">
        <v>210</v>
      </c>
      <c r="FJ35" s="25">
        <v>210</v>
      </c>
      <c r="FK35" s="26">
        <v>210</v>
      </c>
      <c r="FL35" s="21">
        <v>0</v>
      </c>
      <c r="FM35" s="22">
        <v>0</v>
      </c>
      <c r="FN35" s="23">
        <v>0</v>
      </c>
      <c r="FO35" s="390">
        <v>0</v>
      </c>
      <c r="FP35" s="22">
        <v>0</v>
      </c>
      <c r="FQ35" s="22">
        <v>0</v>
      </c>
      <c r="FR35" s="22">
        <v>105285</v>
      </c>
      <c r="FS35" s="22">
        <v>54471</v>
      </c>
      <c r="FT35" s="22">
        <v>31590</v>
      </c>
      <c r="FU35" s="25">
        <v>191346</v>
      </c>
      <c r="FV35" s="26">
        <v>191346</v>
      </c>
      <c r="FW35" s="21">
        <v>0</v>
      </c>
      <c r="FX35" s="22">
        <v>0</v>
      </c>
      <c r="FY35" s="23">
        <v>0</v>
      </c>
      <c r="FZ35" s="24">
        <v>0</v>
      </c>
      <c r="GA35" s="22">
        <v>0</v>
      </c>
      <c r="GB35" s="22">
        <v>0</v>
      </c>
      <c r="GC35" s="22">
        <v>14925</v>
      </c>
      <c r="GD35" s="22">
        <v>0</v>
      </c>
      <c r="GE35" s="22">
        <v>0</v>
      </c>
      <c r="GF35" s="25">
        <v>14925</v>
      </c>
      <c r="GG35" s="26">
        <v>14925</v>
      </c>
      <c r="GH35" s="21">
        <v>0</v>
      </c>
      <c r="GI35" s="22">
        <v>0</v>
      </c>
      <c r="GJ35" s="23">
        <v>0</v>
      </c>
      <c r="GK35" s="24">
        <v>0</v>
      </c>
      <c r="GL35" s="22">
        <v>0</v>
      </c>
      <c r="GM35" s="22">
        <v>1320</v>
      </c>
      <c r="GN35" s="22">
        <v>0</v>
      </c>
      <c r="GO35" s="22">
        <v>0</v>
      </c>
      <c r="GP35" s="22">
        <v>0</v>
      </c>
      <c r="GQ35" s="25">
        <v>1320</v>
      </c>
      <c r="GR35" s="26">
        <v>1320</v>
      </c>
      <c r="GS35" s="21">
        <v>0</v>
      </c>
      <c r="GT35" s="22">
        <v>0</v>
      </c>
      <c r="GU35" s="23">
        <v>0</v>
      </c>
      <c r="GV35" s="24">
        <v>0</v>
      </c>
      <c r="GW35" s="22">
        <v>0</v>
      </c>
      <c r="GX35" s="22">
        <v>0</v>
      </c>
      <c r="GY35" s="22">
        <v>0</v>
      </c>
      <c r="GZ35" s="22">
        <v>0</v>
      </c>
      <c r="HA35" s="22">
        <v>0</v>
      </c>
      <c r="HB35" s="25">
        <v>0</v>
      </c>
      <c r="HC35" s="26">
        <v>0</v>
      </c>
      <c r="HD35" s="21">
        <v>0</v>
      </c>
      <c r="HE35" s="22">
        <v>0</v>
      </c>
      <c r="HF35" s="23">
        <v>0</v>
      </c>
      <c r="HG35" s="390">
        <v>0</v>
      </c>
      <c r="HH35" s="22">
        <v>0</v>
      </c>
      <c r="HI35" s="22">
        <v>0</v>
      </c>
      <c r="HJ35" s="22">
        <v>0</v>
      </c>
      <c r="HK35" s="22">
        <v>0</v>
      </c>
      <c r="HL35" s="22">
        <v>0</v>
      </c>
      <c r="HM35" s="25">
        <v>0</v>
      </c>
      <c r="HN35" s="26">
        <v>0</v>
      </c>
      <c r="HO35" s="21">
        <v>0</v>
      </c>
      <c r="HP35" s="22">
        <v>0</v>
      </c>
      <c r="HQ35" s="23">
        <v>0</v>
      </c>
      <c r="HR35" s="24">
        <v>0</v>
      </c>
      <c r="HS35" s="22">
        <v>2760</v>
      </c>
      <c r="HT35" s="22">
        <v>89390</v>
      </c>
      <c r="HU35" s="22">
        <v>418295</v>
      </c>
      <c r="HV35" s="22">
        <v>1090443</v>
      </c>
      <c r="HW35" s="22">
        <v>459780</v>
      </c>
      <c r="HX35" s="25">
        <v>2060668</v>
      </c>
      <c r="HY35" s="26">
        <v>2060668</v>
      </c>
    </row>
    <row r="36" spans="2:233" ht="21" customHeight="1" x14ac:dyDescent="0.2">
      <c r="B36" s="92" t="s">
        <v>33</v>
      </c>
      <c r="C36" s="21">
        <v>0</v>
      </c>
      <c r="D36" s="22">
        <v>0</v>
      </c>
      <c r="E36" s="23">
        <v>0</v>
      </c>
      <c r="F36" s="24">
        <v>0</v>
      </c>
      <c r="G36" s="22">
        <v>38160</v>
      </c>
      <c r="H36" s="22">
        <v>248408</v>
      </c>
      <c r="I36" s="22">
        <v>524375</v>
      </c>
      <c r="J36" s="22">
        <v>610125</v>
      </c>
      <c r="K36" s="22">
        <v>193235</v>
      </c>
      <c r="L36" s="25">
        <v>1614303</v>
      </c>
      <c r="M36" s="26">
        <v>1614303</v>
      </c>
      <c r="N36" s="21">
        <v>0</v>
      </c>
      <c r="O36" s="22">
        <v>0</v>
      </c>
      <c r="P36" s="23">
        <v>0</v>
      </c>
      <c r="Q36" s="390">
        <v>0</v>
      </c>
      <c r="R36" s="22">
        <v>2550</v>
      </c>
      <c r="S36" s="22">
        <v>58050</v>
      </c>
      <c r="T36" s="22">
        <v>364635</v>
      </c>
      <c r="U36" s="22">
        <v>416850</v>
      </c>
      <c r="V36" s="22">
        <v>153000</v>
      </c>
      <c r="W36" s="25">
        <v>995085</v>
      </c>
      <c r="X36" s="26">
        <v>995085</v>
      </c>
      <c r="Y36" s="21">
        <v>0</v>
      </c>
      <c r="Z36" s="22">
        <v>0</v>
      </c>
      <c r="AA36" s="23">
        <v>0</v>
      </c>
      <c r="AB36" s="390">
        <v>0</v>
      </c>
      <c r="AC36" s="22">
        <v>34200</v>
      </c>
      <c r="AD36" s="22">
        <v>95443</v>
      </c>
      <c r="AE36" s="22">
        <v>96215</v>
      </c>
      <c r="AF36" s="22">
        <v>155850</v>
      </c>
      <c r="AG36" s="22">
        <v>3485</v>
      </c>
      <c r="AH36" s="25">
        <v>385193</v>
      </c>
      <c r="AI36" s="26">
        <v>385193</v>
      </c>
      <c r="AJ36" s="21">
        <v>0</v>
      </c>
      <c r="AK36" s="22">
        <v>0</v>
      </c>
      <c r="AL36" s="23">
        <v>0</v>
      </c>
      <c r="AM36" s="390">
        <v>0</v>
      </c>
      <c r="AN36" s="22">
        <v>0</v>
      </c>
      <c r="AO36" s="22">
        <v>0</v>
      </c>
      <c r="AP36" s="22">
        <v>0</v>
      </c>
      <c r="AQ36" s="22">
        <v>0</v>
      </c>
      <c r="AR36" s="22">
        <v>0</v>
      </c>
      <c r="AS36" s="25">
        <v>0</v>
      </c>
      <c r="AT36" s="26">
        <v>0</v>
      </c>
      <c r="AU36" s="21">
        <v>0</v>
      </c>
      <c r="AV36" s="22">
        <v>0</v>
      </c>
      <c r="AW36" s="23">
        <v>0</v>
      </c>
      <c r="AX36" s="390">
        <v>0</v>
      </c>
      <c r="AY36" s="22">
        <v>0</v>
      </c>
      <c r="AZ36" s="22">
        <v>60750</v>
      </c>
      <c r="BA36" s="22">
        <v>55115</v>
      </c>
      <c r="BB36" s="22">
        <v>36460</v>
      </c>
      <c r="BC36" s="22">
        <v>36750</v>
      </c>
      <c r="BD36" s="25">
        <v>189075</v>
      </c>
      <c r="BE36" s="26">
        <v>189075</v>
      </c>
      <c r="BF36" s="21">
        <v>0</v>
      </c>
      <c r="BG36" s="22">
        <v>0</v>
      </c>
      <c r="BH36" s="23">
        <v>0</v>
      </c>
      <c r="BI36" s="390">
        <v>0</v>
      </c>
      <c r="BJ36" s="22">
        <v>0</v>
      </c>
      <c r="BK36" s="22">
        <v>0</v>
      </c>
      <c r="BL36" s="22">
        <v>0</v>
      </c>
      <c r="BM36" s="22">
        <v>0</v>
      </c>
      <c r="BN36" s="22">
        <v>0</v>
      </c>
      <c r="BO36" s="25">
        <v>0</v>
      </c>
      <c r="BP36" s="26">
        <v>0</v>
      </c>
      <c r="BQ36" s="21">
        <v>0</v>
      </c>
      <c r="BR36" s="22">
        <v>0</v>
      </c>
      <c r="BS36" s="23">
        <v>0</v>
      </c>
      <c r="BT36" s="24">
        <v>0</v>
      </c>
      <c r="BU36" s="22">
        <v>1000</v>
      </c>
      <c r="BV36" s="22">
        <v>34165</v>
      </c>
      <c r="BW36" s="22">
        <v>8410</v>
      </c>
      <c r="BX36" s="22">
        <v>145</v>
      </c>
      <c r="BY36" s="22">
        <v>0</v>
      </c>
      <c r="BZ36" s="25">
        <v>43720</v>
      </c>
      <c r="CA36" s="26">
        <v>43720</v>
      </c>
      <c r="CB36" s="21">
        <v>0</v>
      </c>
      <c r="CC36" s="22">
        <v>0</v>
      </c>
      <c r="CD36" s="23">
        <v>0</v>
      </c>
      <c r="CE36" s="24">
        <v>0</v>
      </c>
      <c r="CF36" s="22">
        <v>410</v>
      </c>
      <c r="CG36" s="22">
        <v>0</v>
      </c>
      <c r="CH36" s="22">
        <v>0</v>
      </c>
      <c r="CI36" s="22">
        <v>820</v>
      </c>
      <c r="CJ36" s="22">
        <v>0</v>
      </c>
      <c r="CK36" s="25">
        <v>1230</v>
      </c>
      <c r="CL36" s="26">
        <v>1230</v>
      </c>
      <c r="CM36" s="21">
        <v>0</v>
      </c>
      <c r="CN36" s="22">
        <v>0</v>
      </c>
      <c r="CO36" s="23">
        <v>0</v>
      </c>
      <c r="CP36" s="24">
        <v>0</v>
      </c>
      <c r="CQ36" s="22">
        <v>0</v>
      </c>
      <c r="CR36" s="22">
        <v>0</v>
      </c>
      <c r="CS36" s="22">
        <v>0</v>
      </c>
      <c r="CT36" s="22">
        <v>0</v>
      </c>
      <c r="CU36" s="22">
        <v>0</v>
      </c>
      <c r="CV36" s="25">
        <v>0</v>
      </c>
      <c r="CW36" s="26">
        <v>0</v>
      </c>
      <c r="CX36" s="21">
        <v>0</v>
      </c>
      <c r="CY36" s="22">
        <v>0</v>
      </c>
      <c r="CZ36" s="23">
        <v>0</v>
      </c>
      <c r="DA36" s="390">
        <v>0</v>
      </c>
      <c r="DB36" s="22">
        <v>0</v>
      </c>
      <c r="DC36" s="22">
        <v>0</v>
      </c>
      <c r="DD36" s="22">
        <v>0</v>
      </c>
      <c r="DE36" s="22">
        <v>0</v>
      </c>
      <c r="DF36" s="22">
        <v>0</v>
      </c>
      <c r="DG36" s="25">
        <v>0</v>
      </c>
      <c r="DH36" s="26">
        <v>0</v>
      </c>
      <c r="DI36" s="21">
        <v>0</v>
      </c>
      <c r="DJ36" s="22">
        <v>0</v>
      </c>
      <c r="DK36" s="23">
        <v>0</v>
      </c>
      <c r="DL36" s="24">
        <v>0</v>
      </c>
      <c r="DM36" s="22">
        <v>24112</v>
      </c>
      <c r="DN36" s="22">
        <v>104815</v>
      </c>
      <c r="DO36" s="22">
        <v>470403</v>
      </c>
      <c r="DP36" s="22">
        <v>429367</v>
      </c>
      <c r="DQ36" s="22">
        <v>136547</v>
      </c>
      <c r="DR36" s="25">
        <v>1165244</v>
      </c>
      <c r="DS36" s="27">
        <v>1165244</v>
      </c>
      <c r="DT36" s="21">
        <v>0</v>
      </c>
      <c r="DU36" s="22">
        <v>0</v>
      </c>
      <c r="DV36" s="23">
        <v>0</v>
      </c>
      <c r="DW36" s="390">
        <v>0</v>
      </c>
      <c r="DX36" s="22">
        <v>20880</v>
      </c>
      <c r="DY36" s="22">
        <v>49980</v>
      </c>
      <c r="DZ36" s="22">
        <v>423474</v>
      </c>
      <c r="EA36" s="22">
        <v>380010</v>
      </c>
      <c r="EB36" s="22">
        <v>135630</v>
      </c>
      <c r="EC36" s="25">
        <v>1009974</v>
      </c>
      <c r="ED36" s="26">
        <v>1009974</v>
      </c>
      <c r="EE36" s="21">
        <v>0</v>
      </c>
      <c r="EF36" s="22">
        <v>0</v>
      </c>
      <c r="EG36" s="23">
        <v>0</v>
      </c>
      <c r="EH36" s="390">
        <v>0</v>
      </c>
      <c r="EI36" s="22">
        <v>420</v>
      </c>
      <c r="EJ36" s="22">
        <v>13768</v>
      </c>
      <c r="EK36" s="22">
        <v>19694</v>
      </c>
      <c r="EL36" s="22">
        <v>26850</v>
      </c>
      <c r="EM36" s="22">
        <v>287</v>
      </c>
      <c r="EN36" s="25">
        <v>61019</v>
      </c>
      <c r="EO36" s="26">
        <v>61019</v>
      </c>
      <c r="EP36" s="21">
        <v>0</v>
      </c>
      <c r="EQ36" s="22">
        <v>0</v>
      </c>
      <c r="ER36" s="23">
        <v>0</v>
      </c>
      <c r="ES36" s="390">
        <v>0</v>
      </c>
      <c r="ET36" s="22">
        <v>0</v>
      </c>
      <c r="EU36" s="22">
        <v>0</v>
      </c>
      <c r="EV36" s="22">
        <v>0</v>
      </c>
      <c r="EW36" s="22">
        <v>0</v>
      </c>
      <c r="EX36" s="22">
        <v>0</v>
      </c>
      <c r="EY36" s="25">
        <v>0</v>
      </c>
      <c r="EZ36" s="26">
        <v>0</v>
      </c>
      <c r="FA36" s="21">
        <v>0</v>
      </c>
      <c r="FB36" s="22">
        <v>0</v>
      </c>
      <c r="FC36" s="23">
        <v>0</v>
      </c>
      <c r="FD36" s="390">
        <v>0</v>
      </c>
      <c r="FE36" s="22">
        <v>0</v>
      </c>
      <c r="FF36" s="22">
        <v>13530</v>
      </c>
      <c r="FG36" s="22">
        <v>420</v>
      </c>
      <c r="FH36" s="22">
        <v>18368</v>
      </c>
      <c r="FI36" s="22">
        <v>630</v>
      </c>
      <c r="FJ36" s="25">
        <v>32948</v>
      </c>
      <c r="FK36" s="26">
        <v>32948</v>
      </c>
      <c r="FL36" s="21">
        <v>0</v>
      </c>
      <c r="FM36" s="22">
        <v>0</v>
      </c>
      <c r="FN36" s="23">
        <v>0</v>
      </c>
      <c r="FO36" s="390">
        <v>0</v>
      </c>
      <c r="FP36" s="22">
        <v>0</v>
      </c>
      <c r="FQ36" s="22">
        <v>0</v>
      </c>
      <c r="FR36" s="22">
        <v>0</v>
      </c>
      <c r="FS36" s="22">
        <v>0</v>
      </c>
      <c r="FT36" s="22">
        <v>0</v>
      </c>
      <c r="FU36" s="25">
        <v>0</v>
      </c>
      <c r="FV36" s="26">
        <v>0</v>
      </c>
      <c r="FW36" s="21">
        <v>0</v>
      </c>
      <c r="FX36" s="22">
        <v>0</v>
      </c>
      <c r="FY36" s="23">
        <v>0</v>
      </c>
      <c r="FZ36" s="24">
        <v>0</v>
      </c>
      <c r="GA36" s="22">
        <v>2784</v>
      </c>
      <c r="GB36" s="22">
        <v>27537</v>
      </c>
      <c r="GC36" s="22">
        <v>26815</v>
      </c>
      <c r="GD36" s="22">
        <v>1275</v>
      </c>
      <c r="GE36" s="22">
        <v>0</v>
      </c>
      <c r="GF36" s="25">
        <v>58411</v>
      </c>
      <c r="GG36" s="26">
        <v>58411</v>
      </c>
      <c r="GH36" s="21">
        <v>0</v>
      </c>
      <c r="GI36" s="22">
        <v>0</v>
      </c>
      <c r="GJ36" s="23">
        <v>0</v>
      </c>
      <c r="GK36" s="24">
        <v>0</v>
      </c>
      <c r="GL36" s="22">
        <v>28</v>
      </c>
      <c r="GM36" s="22">
        <v>0</v>
      </c>
      <c r="GN36" s="22">
        <v>0</v>
      </c>
      <c r="GO36" s="22">
        <v>2864</v>
      </c>
      <c r="GP36" s="22">
        <v>0</v>
      </c>
      <c r="GQ36" s="25">
        <v>2892</v>
      </c>
      <c r="GR36" s="26">
        <v>2892</v>
      </c>
      <c r="GS36" s="21">
        <v>0</v>
      </c>
      <c r="GT36" s="22">
        <v>0</v>
      </c>
      <c r="GU36" s="23">
        <v>0</v>
      </c>
      <c r="GV36" s="24">
        <v>0</v>
      </c>
      <c r="GW36" s="22">
        <v>0</v>
      </c>
      <c r="GX36" s="22">
        <v>0</v>
      </c>
      <c r="GY36" s="22">
        <v>0</v>
      </c>
      <c r="GZ36" s="22">
        <v>0</v>
      </c>
      <c r="HA36" s="22">
        <v>0</v>
      </c>
      <c r="HB36" s="25">
        <v>0</v>
      </c>
      <c r="HC36" s="26">
        <v>0</v>
      </c>
      <c r="HD36" s="21">
        <v>0</v>
      </c>
      <c r="HE36" s="22">
        <v>0</v>
      </c>
      <c r="HF36" s="23">
        <v>0</v>
      </c>
      <c r="HG36" s="390">
        <v>0</v>
      </c>
      <c r="HH36" s="22">
        <v>0</v>
      </c>
      <c r="HI36" s="22">
        <v>0</v>
      </c>
      <c r="HJ36" s="22">
        <v>0</v>
      </c>
      <c r="HK36" s="22">
        <v>0</v>
      </c>
      <c r="HL36" s="22">
        <v>0</v>
      </c>
      <c r="HM36" s="25">
        <v>0</v>
      </c>
      <c r="HN36" s="26">
        <v>0</v>
      </c>
      <c r="HO36" s="21">
        <v>0</v>
      </c>
      <c r="HP36" s="22">
        <v>0</v>
      </c>
      <c r="HQ36" s="23">
        <v>0</v>
      </c>
      <c r="HR36" s="24">
        <v>0</v>
      </c>
      <c r="HS36" s="22">
        <v>62272</v>
      </c>
      <c r="HT36" s="22">
        <v>353223</v>
      </c>
      <c r="HU36" s="22">
        <v>994778</v>
      </c>
      <c r="HV36" s="22">
        <v>1039492</v>
      </c>
      <c r="HW36" s="22">
        <v>329782</v>
      </c>
      <c r="HX36" s="25">
        <v>2779547</v>
      </c>
      <c r="HY36" s="26">
        <v>2779547</v>
      </c>
    </row>
    <row r="37" spans="2:233" ht="21" customHeight="1" x14ac:dyDescent="0.2">
      <c r="B37" s="92" t="s">
        <v>34</v>
      </c>
      <c r="C37" s="21">
        <v>0</v>
      </c>
      <c r="D37" s="22">
        <v>0</v>
      </c>
      <c r="E37" s="23">
        <v>0</v>
      </c>
      <c r="F37" s="24">
        <v>0</v>
      </c>
      <c r="G37" s="22">
        <v>93782</v>
      </c>
      <c r="H37" s="22">
        <v>143955</v>
      </c>
      <c r="I37" s="22">
        <v>142090</v>
      </c>
      <c r="J37" s="22">
        <v>512883</v>
      </c>
      <c r="K37" s="22">
        <v>226825</v>
      </c>
      <c r="L37" s="25">
        <v>1119535</v>
      </c>
      <c r="M37" s="26">
        <v>1119535</v>
      </c>
      <c r="N37" s="21">
        <v>0</v>
      </c>
      <c r="O37" s="22">
        <v>0</v>
      </c>
      <c r="P37" s="23">
        <v>0</v>
      </c>
      <c r="Q37" s="390">
        <v>0</v>
      </c>
      <c r="R37" s="22">
        <v>0</v>
      </c>
      <c r="S37" s="22">
        <v>0</v>
      </c>
      <c r="T37" s="22">
        <v>92425</v>
      </c>
      <c r="U37" s="22">
        <v>448315</v>
      </c>
      <c r="V37" s="22">
        <v>133985</v>
      </c>
      <c r="W37" s="25">
        <v>674725</v>
      </c>
      <c r="X37" s="26">
        <v>674725</v>
      </c>
      <c r="Y37" s="21">
        <v>0</v>
      </c>
      <c r="Z37" s="22">
        <v>0</v>
      </c>
      <c r="AA37" s="23">
        <v>0</v>
      </c>
      <c r="AB37" s="390">
        <v>0</v>
      </c>
      <c r="AC37" s="22">
        <v>93782</v>
      </c>
      <c r="AD37" s="22">
        <v>142650</v>
      </c>
      <c r="AE37" s="22">
        <v>46295</v>
      </c>
      <c r="AF37" s="22">
        <v>63300</v>
      </c>
      <c r="AG37" s="22">
        <v>61190</v>
      </c>
      <c r="AH37" s="25">
        <v>407217</v>
      </c>
      <c r="AI37" s="26">
        <v>407217</v>
      </c>
      <c r="AJ37" s="21">
        <v>0</v>
      </c>
      <c r="AK37" s="22">
        <v>0</v>
      </c>
      <c r="AL37" s="23">
        <v>0</v>
      </c>
      <c r="AM37" s="390">
        <v>0</v>
      </c>
      <c r="AN37" s="22">
        <v>0</v>
      </c>
      <c r="AO37" s="22">
        <v>0</v>
      </c>
      <c r="AP37" s="22">
        <v>0</v>
      </c>
      <c r="AQ37" s="22">
        <v>0</v>
      </c>
      <c r="AR37" s="22">
        <v>0</v>
      </c>
      <c r="AS37" s="25">
        <v>0</v>
      </c>
      <c r="AT37" s="26">
        <v>0</v>
      </c>
      <c r="AU37" s="21">
        <v>0</v>
      </c>
      <c r="AV37" s="22">
        <v>0</v>
      </c>
      <c r="AW37" s="23">
        <v>0</v>
      </c>
      <c r="AX37" s="390">
        <v>0</v>
      </c>
      <c r="AY37" s="22">
        <v>0</v>
      </c>
      <c r="AZ37" s="22">
        <v>0</v>
      </c>
      <c r="BA37" s="22">
        <v>0</v>
      </c>
      <c r="BB37" s="22">
        <v>0</v>
      </c>
      <c r="BC37" s="22">
        <v>31650</v>
      </c>
      <c r="BD37" s="25">
        <v>31650</v>
      </c>
      <c r="BE37" s="26">
        <v>31650</v>
      </c>
      <c r="BF37" s="21">
        <v>0</v>
      </c>
      <c r="BG37" s="22">
        <v>0</v>
      </c>
      <c r="BH37" s="23">
        <v>0</v>
      </c>
      <c r="BI37" s="390">
        <v>0</v>
      </c>
      <c r="BJ37" s="22">
        <v>0</v>
      </c>
      <c r="BK37" s="22">
        <v>0</v>
      </c>
      <c r="BL37" s="22">
        <v>0</v>
      </c>
      <c r="BM37" s="22">
        <v>0</v>
      </c>
      <c r="BN37" s="22">
        <v>0</v>
      </c>
      <c r="BO37" s="25">
        <v>0</v>
      </c>
      <c r="BP37" s="26">
        <v>0</v>
      </c>
      <c r="BQ37" s="21">
        <v>0</v>
      </c>
      <c r="BR37" s="22">
        <v>0</v>
      </c>
      <c r="BS37" s="23">
        <v>0</v>
      </c>
      <c r="BT37" s="24">
        <v>0</v>
      </c>
      <c r="BU37" s="22">
        <v>0</v>
      </c>
      <c r="BV37" s="22">
        <v>1305</v>
      </c>
      <c r="BW37" s="22">
        <v>3370</v>
      </c>
      <c r="BX37" s="22">
        <v>1268</v>
      </c>
      <c r="BY37" s="22">
        <v>0</v>
      </c>
      <c r="BZ37" s="25">
        <v>5943</v>
      </c>
      <c r="CA37" s="26">
        <v>5943</v>
      </c>
      <c r="CB37" s="21">
        <v>0</v>
      </c>
      <c r="CC37" s="22">
        <v>0</v>
      </c>
      <c r="CD37" s="23">
        <v>0</v>
      </c>
      <c r="CE37" s="24">
        <v>0</v>
      </c>
      <c r="CF37" s="22">
        <v>0</v>
      </c>
      <c r="CG37" s="22">
        <v>0</v>
      </c>
      <c r="CH37" s="22">
        <v>0</v>
      </c>
      <c r="CI37" s="22">
        <v>0</v>
      </c>
      <c r="CJ37" s="22">
        <v>0</v>
      </c>
      <c r="CK37" s="25">
        <v>0</v>
      </c>
      <c r="CL37" s="26">
        <v>0</v>
      </c>
      <c r="CM37" s="21">
        <v>0</v>
      </c>
      <c r="CN37" s="22">
        <v>0</v>
      </c>
      <c r="CO37" s="23">
        <v>0</v>
      </c>
      <c r="CP37" s="24">
        <v>0</v>
      </c>
      <c r="CQ37" s="22">
        <v>0</v>
      </c>
      <c r="CR37" s="22">
        <v>0</v>
      </c>
      <c r="CS37" s="22">
        <v>0</v>
      </c>
      <c r="CT37" s="22">
        <v>0</v>
      </c>
      <c r="CU37" s="22">
        <v>0</v>
      </c>
      <c r="CV37" s="25">
        <v>0</v>
      </c>
      <c r="CW37" s="26">
        <v>0</v>
      </c>
      <c r="CX37" s="21">
        <v>0</v>
      </c>
      <c r="CY37" s="22">
        <v>0</v>
      </c>
      <c r="CZ37" s="23">
        <v>0</v>
      </c>
      <c r="DA37" s="390">
        <v>0</v>
      </c>
      <c r="DB37" s="22">
        <v>0</v>
      </c>
      <c r="DC37" s="22">
        <v>0</v>
      </c>
      <c r="DD37" s="22">
        <v>0</v>
      </c>
      <c r="DE37" s="22">
        <v>0</v>
      </c>
      <c r="DF37" s="22">
        <v>0</v>
      </c>
      <c r="DG37" s="25">
        <v>0</v>
      </c>
      <c r="DH37" s="26">
        <v>0</v>
      </c>
      <c r="DI37" s="21">
        <v>0</v>
      </c>
      <c r="DJ37" s="22">
        <v>0</v>
      </c>
      <c r="DK37" s="23">
        <v>0</v>
      </c>
      <c r="DL37" s="24">
        <v>0</v>
      </c>
      <c r="DM37" s="22">
        <v>13698</v>
      </c>
      <c r="DN37" s="22">
        <v>5900</v>
      </c>
      <c r="DO37" s="22">
        <v>94380</v>
      </c>
      <c r="DP37" s="22">
        <v>369682</v>
      </c>
      <c r="DQ37" s="22">
        <v>111442</v>
      </c>
      <c r="DR37" s="25">
        <v>595102</v>
      </c>
      <c r="DS37" s="27">
        <v>595102</v>
      </c>
      <c r="DT37" s="21">
        <v>0</v>
      </c>
      <c r="DU37" s="22">
        <v>0</v>
      </c>
      <c r="DV37" s="23">
        <v>0</v>
      </c>
      <c r="DW37" s="390">
        <v>0</v>
      </c>
      <c r="DX37" s="22">
        <v>0</v>
      </c>
      <c r="DY37" s="22">
        <v>0</v>
      </c>
      <c r="DZ37" s="22">
        <v>88135</v>
      </c>
      <c r="EA37" s="22">
        <v>367322</v>
      </c>
      <c r="EB37" s="22">
        <v>85050</v>
      </c>
      <c r="EC37" s="25">
        <v>540507</v>
      </c>
      <c r="ED37" s="26">
        <v>540507</v>
      </c>
      <c r="EE37" s="21">
        <v>0</v>
      </c>
      <c r="EF37" s="22">
        <v>0</v>
      </c>
      <c r="EG37" s="23">
        <v>0</v>
      </c>
      <c r="EH37" s="390">
        <v>0</v>
      </c>
      <c r="EI37" s="22">
        <v>13698</v>
      </c>
      <c r="EJ37" s="22">
        <v>1050</v>
      </c>
      <c r="EK37" s="22">
        <v>315</v>
      </c>
      <c r="EL37" s="22">
        <v>420</v>
      </c>
      <c r="EM37" s="22">
        <v>420</v>
      </c>
      <c r="EN37" s="25">
        <v>15903</v>
      </c>
      <c r="EO37" s="26">
        <v>15903</v>
      </c>
      <c r="EP37" s="21">
        <v>0</v>
      </c>
      <c r="EQ37" s="22">
        <v>0</v>
      </c>
      <c r="ER37" s="23">
        <v>0</v>
      </c>
      <c r="ES37" s="390">
        <v>0</v>
      </c>
      <c r="ET37" s="22">
        <v>0</v>
      </c>
      <c r="EU37" s="22">
        <v>0</v>
      </c>
      <c r="EV37" s="22">
        <v>0</v>
      </c>
      <c r="EW37" s="22">
        <v>0</v>
      </c>
      <c r="EX37" s="22">
        <v>0</v>
      </c>
      <c r="EY37" s="25">
        <v>0</v>
      </c>
      <c r="EZ37" s="26">
        <v>0</v>
      </c>
      <c r="FA37" s="21">
        <v>0</v>
      </c>
      <c r="FB37" s="22">
        <v>0</v>
      </c>
      <c r="FC37" s="23">
        <v>0</v>
      </c>
      <c r="FD37" s="390">
        <v>0</v>
      </c>
      <c r="FE37" s="22">
        <v>0</v>
      </c>
      <c r="FF37" s="22">
        <v>0</v>
      </c>
      <c r="FG37" s="22">
        <v>0</v>
      </c>
      <c r="FH37" s="22">
        <v>0</v>
      </c>
      <c r="FI37" s="22">
        <v>25972</v>
      </c>
      <c r="FJ37" s="25">
        <v>25972</v>
      </c>
      <c r="FK37" s="26">
        <v>25972</v>
      </c>
      <c r="FL37" s="21">
        <v>0</v>
      </c>
      <c r="FM37" s="22">
        <v>0</v>
      </c>
      <c r="FN37" s="23">
        <v>0</v>
      </c>
      <c r="FO37" s="390">
        <v>0</v>
      </c>
      <c r="FP37" s="22">
        <v>0</v>
      </c>
      <c r="FQ37" s="22">
        <v>0</v>
      </c>
      <c r="FR37" s="22">
        <v>0</v>
      </c>
      <c r="FS37" s="22">
        <v>0</v>
      </c>
      <c r="FT37" s="22">
        <v>0</v>
      </c>
      <c r="FU37" s="25">
        <v>0</v>
      </c>
      <c r="FV37" s="26">
        <v>0</v>
      </c>
      <c r="FW37" s="21">
        <v>0</v>
      </c>
      <c r="FX37" s="22">
        <v>0</v>
      </c>
      <c r="FY37" s="23">
        <v>0</v>
      </c>
      <c r="FZ37" s="24">
        <v>0</v>
      </c>
      <c r="GA37" s="22">
        <v>0</v>
      </c>
      <c r="GB37" s="22">
        <v>4850</v>
      </c>
      <c r="GC37" s="22">
        <v>5930</v>
      </c>
      <c r="GD37" s="22">
        <v>1940</v>
      </c>
      <c r="GE37" s="22">
        <v>0</v>
      </c>
      <c r="GF37" s="25">
        <v>12720</v>
      </c>
      <c r="GG37" s="26">
        <v>12720</v>
      </c>
      <c r="GH37" s="21">
        <v>0</v>
      </c>
      <c r="GI37" s="22">
        <v>0</v>
      </c>
      <c r="GJ37" s="23">
        <v>0</v>
      </c>
      <c r="GK37" s="24">
        <v>0</v>
      </c>
      <c r="GL37" s="22">
        <v>0</v>
      </c>
      <c r="GM37" s="22">
        <v>0</v>
      </c>
      <c r="GN37" s="22">
        <v>0</v>
      </c>
      <c r="GO37" s="22">
        <v>0</v>
      </c>
      <c r="GP37" s="22">
        <v>0</v>
      </c>
      <c r="GQ37" s="25">
        <v>0</v>
      </c>
      <c r="GR37" s="26">
        <v>0</v>
      </c>
      <c r="GS37" s="21">
        <v>0</v>
      </c>
      <c r="GT37" s="22">
        <v>0</v>
      </c>
      <c r="GU37" s="23">
        <v>0</v>
      </c>
      <c r="GV37" s="24">
        <v>0</v>
      </c>
      <c r="GW37" s="22">
        <v>0</v>
      </c>
      <c r="GX37" s="22">
        <v>0</v>
      </c>
      <c r="GY37" s="22">
        <v>0</v>
      </c>
      <c r="GZ37" s="22">
        <v>0</v>
      </c>
      <c r="HA37" s="22">
        <v>0</v>
      </c>
      <c r="HB37" s="25">
        <v>0</v>
      </c>
      <c r="HC37" s="26">
        <v>0</v>
      </c>
      <c r="HD37" s="21">
        <v>0</v>
      </c>
      <c r="HE37" s="22">
        <v>0</v>
      </c>
      <c r="HF37" s="23">
        <v>0</v>
      </c>
      <c r="HG37" s="390">
        <v>0</v>
      </c>
      <c r="HH37" s="22">
        <v>0</v>
      </c>
      <c r="HI37" s="22">
        <v>0</v>
      </c>
      <c r="HJ37" s="22">
        <v>0</v>
      </c>
      <c r="HK37" s="22">
        <v>0</v>
      </c>
      <c r="HL37" s="22">
        <v>0</v>
      </c>
      <c r="HM37" s="25">
        <v>0</v>
      </c>
      <c r="HN37" s="26">
        <v>0</v>
      </c>
      <c r="HO37" s="21">
        <v>0</v>
      </c>
      <c r="HP37" s="22">
        <v>0</v>
      </c>
      <c r="HQ37" s="23">
        <v>0</v>
      </c>
      <c r="HR37" s="24">
        <v>0</v>
      </c>
      <c r="HS37" s="22">
        <v>107480</v>
      </c>
      <c r="HT37" s="22">
        <v>149855</v>
      </c>
      <c r="HU37" s="22">
        <v>236470</v>
      </c>
      <c r="HV37" s="22">
        <v>882565</v>
      </c>
      <c r="HW37" s="22">
        <v>338267</v>
      </c>
      <c r="HX37" s="25">
        <v>1714637</v>
      </c>
      <c r="HY37" s="26">
        <v>1714637</v>
      </c>
    </row>
    <row r="38" spans="2:233" ht="21" customHeight="1" x14ac:dyDescent="0.2">
      <c r="B38" s="92" t="s">
        <v>35</v>
      </c>
      <c r="C38" s="21">
        <v>1885</v>
      </c>
      <c r="D38" s="22">
        <v>0</v>
      </c>
      <c r="E38" s="23">
        <v>1885</v>
      </c>
      <c r="F38" s="24">
        <v>0</v>
      </c>
      <c r="G38" s="22">
        <v>98412</v>
      </c>
      <c r="H38" s="22">
        <v>381689</v>
      </c>
      <c r="I38" s="22">
        <v>623148</v>
      </c>
      <c r="J38" s="22">
        <v>712654</v>
      </c>
      <c r="K38" s="22">
        <v>277867</v>
      </c>
      <c r="L38" s="25">
        <v>2093770</v>
      </c>
      <c r="M38" s="26">
        <v>2095655</v>
      </c>
      <c r="N38" s="21">
        <v>0</v>
      </c>
      <c r="O38" s="22">
        <v>0</v>
      </c>
      <c r="P38" s="23">
        <v>0</v>
      </c>
      <c r="Q38" s="390">
        <v>0</v>
      </c>
      <c r="R38" s="22">
        <v>2040</v>
      </c>
      <c r="S38" s="22">
        <v>2550</v>
      </c>
      <c r="T38" s="22">
        <v>289350</v>
      </c>
      <c r="U38" s="22">
        <v>492390</v>
      </c>
      <c r="V38" s="22">
        <v>179475</v>
      </c>
      <c r="W38" s="25">
        <v>965805</v>
      </c>
      <c r="X38" s="26">
        <v>965805</v>
      </c>
      <c r="Y38" s="21">
        <v>0</v>
      </c>
      <c r="Z38" s="22">
        <v>0</v>
      </c>
      <c r="AA38" s="23">
        <v>0</v>
      </c>
      <c r="AB38" s="390">
        <v>0</v>
      </c>
      <c r="AC38" s="22">
        <v>85165</v>
      </c>
      <c r="AD38" s="22">
        <v>309815</v>
      </c>
      <c r="AE38" s="22">
        <v>221785</v>
      </c>
      <c r="AF38" s="22">
        <v>99965</v>
      </c>
      <c r="AG38" s="22">
        <v>4420</v>
      </c>
      <c r="AH38" s="25">
        <v>721150</v>
      </c>
      <c r="AI38" s="26">
        <v>721150</v>
      </c>
      <c r="AJ38" s="21">
        <v>0</v>
      </c>
      <c r="AK38" s="22">
        <v>0</v>
      </c>
      <c r="AL38" s="23">
        <v>0</v>
      </c>
      <c r="AM38" s="390">
        <v>0</v>
      </c>
      <c r="AN38" s="22">
        <v>0</v>
      </c>
      <c r="AO38" s="22">
        <v>0</v>
      </c>
      <c r="AP38" s="22">
        <v>0</v>
      </c>
      <c r="AQ38" s="22">
        <v>0</v>
      </c>
      <c r="AR38" s="22">
        <v>0</v>
      </c>
      <c r="AS38" s="25">
        <v>0</v>
      </c>
      <c r="AT38" s="26">
        <v>0</v>
      </c>
      <c r="AU38" s="21">
        <v>0</v>
      </c>
      <c r="AV38" s="22">
        <v>0</v>
      </c>
      <c r="AW38" s="23">
        <v>0</v>
      </c>
      <c r="AX38" s="390">
        <v>0</v>
      </c>
      <c r="AY38" s="22">
        <v>0</v>
      </c>
      <c r="AZ38" s="22">
        <v>63300</v>
      </c>
      <c r="BA38" s="22">
        <v>68700</v>
      </c>
      <c r="BB38" s="22">
        <v>68700</v>
      </c>
      <c r="BC38" s="22">
        <v>68700</v>
      </c>
      <c r="BD38" s="25">
        <v>269400</v>
      </c>
      <c r="BE38" s="26">
        <v>269400</v>
      </c>
      <c r="BF38" s="21">
        <v>0</v>
      </c>
      <c r="BG38" s="22">
        <v>0</v>
      </c>
      <c r="BH38" s="23">
        <v>0</v>
      </c>
      <c r="BI38" s="390">
        <v>0</v>
      </c>
      <c r="BJ38" s="22">
        <v>0</v>
      </c>
      <c r="BK38" s="22">
        <v>0</v>
      </c>
      <c r="BL38" s="22">
        <v>0</v>
      </c>
      <c r="BM38" s="22">
        <v>0</v>
      </c>
      <c r="BN38" s="22">
        <v>0</v>
      </c>
      <c r="BO38" s="25">
        <v>0</v>
      </c>
      <c r="BP38" s="26">
        <v>0</v>
      </c>
      <c r="BQ38" s="21">
        <v>1885</v>
      </c>
      <c r="BR38" s="22">
        <v>0</v>
      </c>
      <c r="BS38" s="23">
        <v>1885</v>
      </c>
      <c r="BT38" s="24">
        <v>0</v>
      </c>
      <c r="BU38" s="22">
        <v>10627</v>
      </c>
      <c r="BV38" s="22">
        <v>6024</v>
      </c>
      <c r="BW38" s="22">
        <v>42063</v>
      </c>
      <c r="BX38" s="22">
        <v>51599</v>
      </c>
      <c r="BY38" s="22">
        <v>24547</v>
      </c>
      <c r="BZ38" s="25">
        <v>134860</v>
      </c>
      <c r="CA38" s="26">
        <v>136745</v>
      </c>
      <c r="CB38" s="21">
        <v>0</v>
      </c>
      <c r="CC38" s="22">
        <v>0</v>
      </c>
      <c r="CD38" s="23">
        <v>0</v>
      </c>
      <c r="CE38" s="24">
        <v>0</v>
      </c>
      <c r="CF38" s="22">
        <v>580</v>
      </c>
      <c r="CG38" s="22">
        <v>0</v>
      </c>
      <c r="CH38" s="22">
        <v>1250</v>
      </c>
      <c r="CI38" s="22">
        <v>0</v>
      </c>
      <c r="CJ38" s="22">
        <v>725</v>
      </c>
      <c r="CK38" s="25">
        <v>2555</v>
      </c>
      <c r="CL38" s="26">
        <v>2555</v>
      </c>
      <c r="CM38" s="21">
        <v>0</v>
      </c>
      <c r="CN38" s="22">
        <v>0</v>
      </c>
      <c r="CO38" s="23">
        <v>0</v>
      </c>
      <c r="CP38" s="24">
        <v>0</v>
      </c>
      <c r="CQ38" s="22">
        <v>0</v>
      </c>
      <c r="CR38" s="22">
        <v>0</v>
      </c>
      <c r="CS38" s="22">
        <v>0</v>
      </c>
      <c r="CT38" s="22">
        <v>0</v>
      </c>
      <c r="CU38" s="22">
        <v>0</v>
      </c>
      <c r="CV38" s="25">
        <v>0</v>
      </c>
      <c r="CW38" s="26">
        <v>0</v>
      </c>
      <c r="CX38" s="21">
        <v>0</v>
      </c>
      <c r="CY38" s="22">
        <v>0</v>
      </c>
      <c r="CZ38" s="23">
        <v>0</v>
      </c>
      <c r="DA38" s="390">
        <v>0</v>
      </c>
      <c r="DB38" s="22">
        <v>0</v>
      </c>
      <c r="DC38" s="22">
        <v>0</v>
      </c>
      <c r="DD38" s="22">
        <v>0</v>
      </c>
      <c r="DE38" s="22">
        <v>0</v>
      </c>
      <c r="DF38" s="22">
        <v>0</v>
      </c>
      <c r="DG38" s="25">
        <v>0</v>
      </c>
      <c r="DH38" s="26">
        <v>0</v>
      </c>
      <c r="DI38" s="21">
        <v>1455</v>
      </c>
      <c r="DJ38" s="22">
        <v>0</v>
      </c>
      <c r="DK38" s="23">
        <v>1455</v>
      </c>
      <c r="DL38" s="24">
        <v>0</v>
      </c>
      <c r="DM38" s="22">
        <v>58200</v>
      </c>
      <c r="DN38" s="22">
        <v>29940</v>
      </c>
      <c r="DO38" s="22">
        <v>401935</v>
      </c>
      <c r="DP38" s="22">
        <v>635817</v>
      </c>
      <c r="DQ38" s="22">
        <v>280873</v>
      </c>
      <c r="DR38" s="25">
        <v>1406765</v>
      </c>
      <c r="DS38" s="27">
        <v>1408220</v>
      </c>
      <c r="DT38" s="21">
        <v>0</v>
      </c>
      <c r="DU38" s="22">
        <v>0</v>
      </c>
      <c r="DV38" s="23">
        <v>0</v>
      </c>
      <c r="DW38" s="390">
        <v>0</v>
      </c>
      <c r="DX38" s="22">
        <v>14550</v>
      </c>
      <c r="DY38" s="22">
        <v>20880</v>
      </c>
      <c r="DZ38" s="22">
        <v>304280</v>
      </c>
      <c r="EA38" s="22">
        <v>544841</v>
      </c>
      <c r="EB38" s="22">
        <v>230065</v>
      </c>
      <c r="EC38" s="25">
        <v>1114616</v>
      </c>
      <c r="ED38" s="26">
        <v>1114616</v>
      </c>
      <c r="EE38" s="21">
        <v>0</v>
      </c>
      <c r="EF38" s="22">
        <v>0</v>
      </c>
      <c r="EG38" s="23">
        <v>0</v>
      </c>
      <c r="EH38" s="390">
        <v>0</v>
      </c>
      <c r="EI38" s="22">
        <v>28699</v>
      </c>
      <c r="EJ38" s="22">
        <v>3150</v>
      </c>
      <c r="EK38" s="22">
        <v>15434</v>
      </c>
      <c r="EL38" s="22">
        <v>1050</v>
      </c>
      <c r="EM38" s="22">
        <v>371</v>
      </c>
      <c r="EN38" s="25">
        <v>48704</v>
      </c>
      <c r="EO38" s="26">
        <v>48704</v>
      </c>
      <c r="EP38" s="21">
        <v>0</v>
      </c>
      <c r="EQ38" s="22">
        <v>0</v>
      </c>
      <c r="ER38" s="23">
        <v>0</v>
      </c>
      <c r="ES38" s="390">
        <v>0</v>
      </c>
      <c r="ET38" s="22">
        <v>0</v>
      </c>
      <c r="EU38" s="22">
        <v>0</v>
      </c>
      <c r="EV38" s="22">
        <v>0</v>
      </c>
      <c r="EW38" s="22">
        <v>0</v>
      </c>
      <c r="EX38" s="22">
        <v>0</v>
      </c>
      <c r="EY38" s="25">
        <v>0</v>
      </c>
      <c r="EZ38" s="26">
        <v>0</v>
      </c>
      <c r="FA38" s="21">
        <v>0</v>
      </c>
      <c r="FB38" s="22">
        <v>0</v>
      </c>
      <c r="FC38" s="23">
        <v>0</v>
      </c>
      <c r="FD38" s="390">
        <v>0</v>
      </c>
      <c r="FE38" s="22">
        <v>0</v>
      </c>
      <c r="FF38" s="22">
        <v>420</v>
      </c>
      <c r="FG38" s="22">
        <v>26220</v>
      </c>
      <c r="FH38" s="22">
        <v>26220</v>
      </c>
      <c r="FI38" s="22">
        <v>26220</v>
      </c>
      <c r="FJ38" s="25">
        <v>79080</v>
      </c>
      <c r="FK38" s="26">
        <v>79080</v>
      </c>
      <c r="FL38" s="21">
        <v>0</v>
      </c>
      <c r="FM38" s="22">
        <v>0</v>
      </c>
      <c r="FN38" s="23">
        <v>0</v>
      </c>
      <c r="FO38" s="390">
        <v>0</v>
      </c>
      <c r="FP38" s="22">
        <v>0</v>
      </c>
      <c r="FQ38" s="22">
        <v>0</v>
      </c>
      <c r="FR38" s="22">
        <v>0</v>
      </c>
      <c r="FS38" s="22">
        <v>0</v>
      </c>
      <c r="FT38" s="22">
        <v>0</v>
      </c>
      <c r="FU38" s="25">
        <v>0</v>
      </c>
      <c r="FV38" s="26">
        <v>0</v>
      </c>
      <c r="FW38" s="21">
        <v>1455</v>
      </c>
      <c r="FX38" s="22">
        <v>0</v>
      </c>
      <c r="FY38" s="23">
        <v>1455</v>
      </c>
      <c r="FZ38" s="24">
        <v>0</v>
      </c>
      <c r="GA38" s="22">
        <v>14909</v>
      </c>
      <c r="GB38" s="22">
        <v>5490</v>
      </c>
      <c r="GC38" s="22">
        <v>55973</v>
      </c>
      <c r="GD38" s="22">
        <v>63706</v>
      </c>
      <c r="GE38" s="22">
        <v>24175</v>
      </c>
      <c r="GF38" s="25">
        <v>164253</v>
      </c>
      <c r="GG38" s="26">
        <v>165708</v>
      </c>
      <c r="GH38" s="21">
        <v>0</v>
      </c>
      <c r="GI38" s="22">
        <v>0</v>
      </c>
      <c r="GJ38" s="23">
        <v>0</v>
      </c>
      <c r="GK38" s="24">
        <v>0</v>
      </c>
      <c r="GL38" s="22">
        <v>42</v>
      </c>
      <c r="GM38" s="22">
        <v>0</v>
      </c>
      <c r="GN38" s="22">
        <v>28</v>
      </c>
      <c r="GO38" s="22">
        <v>0</v>
      </c>
      <c r="GP38" s="22">
        <v>42</v>
      </c>
      <c r="GQ38" s="25">
        <v>112</v>
      </c>
      <c r="GR38" s="26">
        <v>112</v>
      </c>
      <c r="GS38" s="21">
        <v>0</v>
      </c>
      <c r="GT38" s="22">
        <v>0</v>
      </c>
      <c r="GU38" s="23">
        <v>0</v>
      </c>
      <c r="GV38" s="24">
        <v>0</v>
      </c>
      <c r="GW38" s="22">
        <v>0</v>
      </c>
      <c r="GX38" s="22">
        <v>0</v>
      </c>
      <c r="GY38" s="22">
        <v>0</v>
      </c>
      <c r="GZ38" s="22">
        <v>0</v>
      </c>
      <c r="HA38" s="22">
        <v>0</v>
      </c>
      <c r="HB38" s="25">
        <v>0</v>
      </c>
      <c r="HC38" s="26">
        <v>0</v>
      </c>
      <c r="HD38" s="21">
        <v>0</v>
      </c>
      <c r="HE38" s="22">
        <v>0</v>
      </c>
      <c r="HF38" s="23">
        <v>0</v>
      </c>
      <c r="HG38" s="390">
        <v>0</v>
      </c>
      <c r="HH38" s="22">
        <v>0</v>
      </c>
      <c r="HI38" s="22">
        <v>0</v>
      </c>
      <c r="HJ38" s="22">
        <v>0</v>
      </c>
      <c r="HK38" s="22">
        <v>0</v>
      </c>
      <c r="HL38" s="22">
        <v>0</v>
      </c>
      <c r="HM38" s="25">
        <v>0</v>
      </c>
      <c r="HN38" s="26">
        <v>0</v>
      </c>
      <c r="HO38" s="21">
        <v>3340</v>
      </c>
      <c r="HP38" s="22">
        <v>0</v>
      </c>
      <c r="HQ38" s="23">
        <v>3340</v>
      </c>
      <c r="HR38" s="24">
        <v>0</v>
      </c>
      <c r="HS38" s="22">
        <v>156612</v>
      </c>
      <c r="HT38" s="22">
        <v>411629</v>
      </c>
      <c r="HU38" s="22">
        <v>1025083</v>
      </c>
      <c r="HV38" s="22">
        <v>1348471</v>
      </c>
      <c r="HW38" s="22">
        <v>558740</v>
      </c>
      <c r="HX38" s="25">
        <v>3500535</v>
      </c>
      <c r="HY38" s="26">
        <v>3503875</v>
      </c>
    </row>
    <row r="39" spans="2:233" ht="21" customHeight="1" x14ac:dyDescent="0.2">
      <c r="B39" s="92" t="s">
        <v>36</v>
      </c>
      <c r="C39" s="21">
        <v>0</v>
      </c>
      <c r="D39" s="22">
        <v>0</v>
      </c>
      <c r="E39" s="23">
        <v>0</v>
      </c>
      <c r="F39" s="24">
        <v>0</v>
      </c>
      <c r="G39" s="22">
        <v>52649</v>
      </c>
      <c r="H39" s="22">
        <v>184113</v>
      </c>
      <c r="I39" s="22">
        <v>628897</v>
      </c>
      <c r="J39" s="22">
        <v>1363677</v>
      </c>
      <c r="K39" s="22">
        <v>496160</v>
      </c>
      <c r="L39" s="25">
        <v>2725496</v>
      </c>
      <c r="M39" s="26">
        <v>2725496</v>
      </c>
      <c r="N39" s="21">
        <v>0</v>
      </c>
      <c r="O39" s="22">
        <v>0</v>
      </c>
      <c r="P39" s="23">
        <v>0</v>
      </c>
      <c r="Q39" s="390">
        <v>0</v>
      </c>
      <c r="R39" s="22">
        <v>0</v>
      </c>
      <c r="S39" s="22">
        <v>39365</v>
      </c>
      <c r="T39" s="22">
        <v>421489</v>
      </c>
      <c r="U39" s="22">
        <v>824205</v>
      </c>
      <c r="V39" s="22">
        <v>377515</v>
      </c>
      <c r="W39" s="25">
        <v>1662574</v>
      </c>
      <c r="X39" s="26">
        <v>1662574</v>
      </c>
      <c r="Y39" s="21">
        <v>0</v>
      </c>
      <c r="Z39" s="22">
        <v>0</v>
      </c>
      <c r="AA39" s="23">
        <v>0</v>
      </c>
      <c r="AB39" s="390">
        <v>0</v>
      </c>
      <c r="AC39" s="22">
        <v>41850</v>
      </c>
      <c r="AD39" s="22">
        <v>119010</v>
      </c>
      <c r="AE39" s="22">
        <v>155145</v>
      </c>
      <c r="AF39" s="22">
        <v>365680</v>
      </c>
      <c r="AG39" s="22">
        <v>73500</v>
      </c>
      <c r="AH39" s="25">
        <v>755185</v>
      </c>
      <c r="AI39" s="26">
        <v>755185</v>
      </c>
      <c r="AJ39" s="21">
        <v>0</v>
      </c>
      <c r="AK39" s="22">
        <v>0</v>
      </c>
      <c r="AL39" s="23">
        <v>0</v>
      </c>
      <c r="AM39" s="390">
        <v>0</v>
      </c>
      <c r="AN39" s="22">
        <v>0</v>
      </c>
      <c r="AO39" s="22">
        <v>0</v>
      </c>
      <c r="AP39" s="22">
        <v>0</v>
      </c>
      <c r="AQ39" s="22">
        <v>0</v>
      </c>
      <c r="AR39" s="22">
        <v>0</v>
      </c>
      <c r="AS39" s="25">
        <v>0</v>
      </c>
      <c r="AT39" s="26">
        <v>0</v>
      </c>
      <c r="AU39" s="21">
        <v>0</v>
      </c>
      <c r="AV39" s="22">
        <v>0</v>
      </c>
      <c r="AW39" s="23">
        <v>0</v>
      </c>
      <c r="AX39" s="390">
        <v>0</v>
      </c>
      <c r="AY39" s="22">
        <v>0</v>
      </c>
      <c r="AZ39" s="22">
        <v>0</v>
      </c>
      <c r="BA39" s="22">
        <v>0</v>
      </c>
      <c r="BB39" s="22">
        <v>92400</v>
      </c>
      <c r="BC39" s="22">
        <v>8670</v>
      </c>
      <c r="BD39" s="25">
        <v>101070</v>
      </c>
      <c r="BE39" s="26">
        <v>101070</v>
      </c>
      <c r="BF39" s="21">
        <v>0</v>
      </c>
      <c r="BG39" s="22">
        <v>0</v>
      </c>
      <c r="BH39" s="23">
        <v>0</v>
      </c>
      <c r="BI39" s="390">
        <v>0</v>
      </c>
      <c r="BJ39" s="22">
        <v>0</v>
      </c>
      <c r="BK39" s="22">
        <v>0</v>
      </c>
      <c r="BL39" s="22">
        <v>0</v>
      </c>
      <c r="BM39" s="22">
        <v>0</v>
      </c>
      <c r="BN39" s="22">
        <v>0</v>
      </c>
      <c r="BO39" s="25">
        <v>0</v>
      </c>
      <c r="BP39" s="26">
        <v>0</v>
      </c>
      <c r="BQ39" s="21">
        <v>0</v>
      </c>
      <c r="BR39" s="22">
        <v>0</v>
      </c>
      <c r="BS39" s="23">
        <v>0</v>
      </c>
      <c r="BT39" s="24">
        <v>0</v>
      </c>
      <c r="BU39" s="22">
        <v>10799</v>
      </c>
      <c r="BV39" s="22">
        <v>25738</v>
      </c>
      <c r="BW39" s="22">
        <v>52263</v>
      </c>
      <c r="BX39" s="22">
        <v>80377</v>
      </c>
      <c r="BY39" s="22">
        <v>36475</v>
      </c>
      <c r="BZ39" s="25">
        <v>205652</v>
      </c>
      <c r="CA39" s="26">
        <v>205652</v>
      </c>
      <c r="CB39" s="21">
        <v>0</v>
      </c>
      <c r="CC39" s="22">
        <v>0</v>
      </c>
      <c r="CD39" s="23">
        <v>0</v>
      </c>
      <c r="CE39" s="24">
        <v>0</v>
      </c>
      <c r="CF39" s="22">
        <v>0</v>
      </c>
      <c r="CG39" s="22">
        <v>0</v>
      </c>
      <c r="CH39" s="22">
        <v>0</v>
      </c>
      <c r="CI39" s="22">
        <v>1015</v>
      </c>
      <c r="CJ39" s="22">
        <v>0</v>
      </c>
      <c r="CK39" s="25">
        <v>1015</v>
      </c>
      <c r="CL39" s="26">
        <v>1015</v>
      </c>
      <c r="CM39" s="21">
        <v>0</v>
      </c>
      <c r="CN39" s="22">
        <v>0</v>
      </c>
      <c r="CO39" s="23">
        <v>0</v>
      </c>
      <c r="CP39" s="24">
        <v>0</v>
      </c>
      <c r="CQ39" s="22">
        <v>0</v>
      </c>
      <c r="CR39" s="22">
        <v>0</v>
      </c>
      <c r="CS39" s="22">
        <v>0</v>
      </c>
      <c r="CT39" s="22">
        <v>0</v>
      </c>
      <c r="CU39" s="22">
        <v>0</v>
      </c>
      <c r="CV39" s="25">
        <v>0</v>
      </c>
      <c r="CW39" s="26">
        <v>0</v>
      </c>
      <c r="CX39" s="21">
        <v>0</v>
      </c>
      <c r="CY39" s="22">
        <v>0</v>
      </c>
      <c r="CZ39" s="23">
        <v>0</v>
      </c>
      <c r="DA39" s="390">
        <v>0</v>
      </c>
      <c r="DB39" s="22">
        <v>0</v>
      </c>
      <c r="DC39" s="22">
        <v>0</v>
      </c>
      <c r="DD39" s="22">
        <v>0</v>
      </c>
      <c r="DE39" s="22">
        <v>0</v>
      </c>
      <c r="DF39" s="22">
        <v>0</v>
      </c>
      <c r="DG39" s="25">
        <v>0</v>
      </c>
      <c r="DH39" s="26">
        <v>0</v>
      </c>
      <c r="DI39" s="21">
        <v>0</v>
      </c>
      <c r="DJ39" s="22">
        <v>0</v>
      </c>
      <c r="DK39" s="23">
        <v>0</v>
      </c>
      <c r="DL39" s="24">
        <v>0</v>
      </c>
      <c r="DM39" s="22">
        <v>12199</v>
      </c>
      <c r="DN39" s="22">
        <v>93371</v>
      </c>
      <c r="DO39" s="22">
        <v>677915</v>
      </c>
      <c r="DP39" s="22">
        <v>1016803</v>
      </c>
      <c r="DQ39" s="22">
        <v>545116</v>
      </c>
      <c r="DR39" s="25">
        <v>2345404</v>
      </c>
      <c r="DS39" s="27">
        <v>2345404</v>
      </c>
      <c r="DT39" s="21">
        <v>0</v>
      </c>
      <c r="DU39" s="22">
        <v>0</v>
      </c>
      <c r="DV39" s="23">
        <v>0</v>
      </c>
      <c r="DW39" s="390">
        <v>0</v>
      </c>
      <c r="DX39" s="22">
        <v>0</v>
      </c>
      <c r="DY39" s="22">
        <v>69210</v>
      </c>
      <c r="DZ39" s="22">
        <v>618276</v>
      </c>
      <c r="EA39" s="22">
        <v>782838</v>
      </c>
      <c r="EB39" s="22">
        <v>505952</v>
      </c>
      <c r="EC39" s="25">
        <v>1976276</v>
      </c>
      <c r="ED39" s="26">
        <v>1976276</v>
      </c>
      <c r="EE39" s="21">
        <v>0</v>
      </c>
      <c r="EF39" s="22">
        <v>0</v>
      </c>
      <c r="EG39" s="23">
        <v>0</v>
      </c>
      <c r="EH39" s="390">
        <v>0</v>
      </c>
      <c r="EI39" s="22">
        <v>1050</v>
      </c>
      <c r="EJ39" s="22">
        <v>2142</v>
      </c>
      <c r="EK39" s="22">
        <v>2240</v>
      </c>
      <c r="EL39" s="22">
        <v>50161</v>
      </c>
      <c r="EM39" s="22">
        <v>1260</v>
      </c>
      <c r="EN39" s="25">
        <v>56853</v>
      </c>
      <c r="EO39" s="26">
        <v>56853</v>
      </c>
      <c r="EP39" s="21">
        <v>0</v>
      </c>
      <c r="EQ39" s="22">
        <v>0</v>
      </c>
      <c r="ER39" s="23">
        <v>0</v>
      </c>
      <c r="ES39" s="390">
        <v>0</v>
      </c>
      <c r="ET39" s="22">
        <v>0</v>
      </c>
      <c r="EU39" s="22">
        <v>0</v>
      </c>
      <c r="EV39" s="22">
        <v>0</v>
      </c>
      <c r="EW39" s="22">
        <v>0</v>
      </c>
      <c r="EX39" s="22">
        <v>0</v>
      </c>
      <c r="EY39" s="25">
        <v>0</v>
      </c>
      <c r="EZ39" s="26">
        <v>0</v>
      </c>
      <c r="FA39" s="21">
        <v>0</v>
      </c>
      <c r="FB39" s="22">
        <v>0</v>
      </c>
      <c r="FC39" s="23">
        <v>0</v>
      </c>
      <c r="FD39" s="390">
        <v>0</v>
      </c>
      <c r="FE39" s="22">
        <v>0</v>
      </c>
      <c r="FF39" s="22">
        <v>0</v>
      </c>
      <c r="FG39" s="22">
        <v>0</v>
      </c>
      <c r="FH39" s="22">
        <v>13740</v>
      </c>
      <c r="FI39" s="22">
        <v>749</v>
      </c>
      <c r="FJ39" s="25">
        <v>14489</v>
      </c>
      <c r="FK39" s="26">
        <v>14489</v>
      </c>
      <c r="FL39" s="21">
        <v>0</v>
      </c>
      <c r="FM39" s="22">
        <v>0</v>
      </c>
      <c r="FN39" s="23">
        <v>0</v>
      </c>
      <c r="FO39" s="390">
        <v>0</v>
      </c>
      <c r="FP39" s="22">
        <v>0</v>
      </c>
      <c r="FQ39" s="22">
        <v>0</v>
      </c>
      <c r="FR39" s="22">
        <v>0</v>
      </c>
      <c r="FS39" s="22">
        <v>0</v>
      </c>
      <c r="FT39" s="22">
        <v>0</v>
      </c>
      <c r="FU39" s="25">
        <v>0</v>
      </c>
      <c r="FV39" s="26">
        <v>0</v>
      </c>
      <c r="FW39" s="21">
        <v>0</v>
      </c>
      <c r="FX39" s="22">
        <v>0</v>
      </c>
      <c r="FY39" s="23">
        <v>0</v>
      </c>
      <c r="FZ39" s="24">
        <v>0</v>
      </c>
      <c r="GA39" s="22">
        <v>11149</v>
      </c>
      <c r="GB39" s="22">
        <v>22019</v>
      </c>
      <c r="GC39" s="22">
        <v>57399</v>
      </c>
      <c r="GD39" s="22">
        <v>170015</v>
      </c>
      <c r="GE39" s="22">
        <v>37155</v>
      </c>
      <c r="GF39" s="25">
        <v>297737</v>
      </c>
      <c r="GG39" s="26">
        <v>297737</v>
      </c>
      <c r="GH39" s="21">
        <v>0</v>
      </c>
      <c r="GI39" s="22">
        <v>0</v>
      </c>
      <c r="GJ39" s="23">
        <v>0</v>
      </c>
      <c r="GK39" s="24">
        <v>0</v>
      </c>
      <c r="GL39" s="22">
        <v>0</v>
      </c>
      <c r="GM39" s="22">
        <v>0</v>
      </c>
      <c r="GN39" s="22">
        <v>0</v>
      </c>
      <c r="GO39" s="22">
        <v>49</v>
      </c>
      <c r="GP39" s="22">
        <v>0</v>
      </c>
      <c r="GQ39" s="25">
        <v>49</v>
      </c>
      <c r="GR39" s="26">
        <v>49</v>
      </c>
      <c r="GS39" s="21">
        <v>0</v>
      </c>
      <c r="GT39" s="22">
        <v>0</v>
      </c>
      <c r="GU39" s="23">
        <v>0</v>
      </c>
      <c r="GV39" s="24">
        <v>0</v>
      </c>
      <c r="GW39" s="22">
        <v>0</v>
      </c>
      <c r="GX39" s="22">
        <v>0</v>
      </c>
      <c r="GY39" s="22">
        <v>0</v>
      </c>
      <c r="GZ39" s="22">
        <v>0</v>
      </c>
      <c r="HA39" s="22">
        <v>0</v>
      </c>
      <c r="HB39" s="25">
        <v>0</v>
      </c>
      <c r="HC39" s="26">
        <v>0</v>
      </c>
      <c r="HD39" s="21">
        <v>0</v>
      </c>
      <c r="HE39" s="22">
        <v>0</v>
      </c>
      <c r="HF39" s="23">
        <v>0</v>
      </c>
      <c r="HG39" s="390">
        <v>0</v>
      </c>
      <c r="HH39" s="22">
        <v>0</v>
      </c>
      <c r="HI39" s="22">
        <v>0</v>
      </c>
      <c r="HJ39" s="22">
        <v>0</v>
      </c>
      <c r="HK39" s="22">
        <v>0</v>
      </c>
      <c r="HL39" s="22">
        <v>0</v>
      </c>
      <c r="HM39" s="25">
        <v>0</v>
      </c>
      <c r="HN39" s="26">
        <v>0</v>
      </c>
      <c r="HO39" s="21">
        <v>0</v>
      </c>
      <c r="HP39" s="22">
        <v>0</v>
      </c>
      <c r="HQ39" s="23">
        <v>0</v>
      </c>
      <c r="HR39" s="24">
        <v>0</v>
      </c>
      <c r="HS39" s="22">
        <v>64848</v>
      </c>
      <c r="HT39" s="22">
        <v>277484</v>
      </c>
      <c r="HU39" s="22">
        <v>1306812</v>
      </c>
      <c r="HV39" s="22">
        <v>2380480</v>
      </c>
      <c r="HW39" s="22">
        <v>1041276</v>
      </c>
      <c r="HX39" s="25">
        <v>5070900</v>
      </c>
      <c r="HY39" s="26">
        <v>5070900</v>
      </c>
    </row>
    <row r="40" spans="2:233" ht="21" customHeight="1" thickBot="1" x14ac:dyDescent="0.25">
      <c r="B40" s="94" t="s">
        <v>37</v>
      </c>
      <c r="C40" s="28">
        <v>0</v>
      </c>
      <c r="D40" s="29">
        <v>0</v>
      </c>
      <c r="E40" s="30">
        <v>0</v>
      </c>
      <c r="F40" s="31">
        <v>0</v>
      </c>
      <c r="G40" s="29">
        <v>0</v>
      </c>
      <c r="H40" s="29">
        <v>2550</v>
      </c>
      <c r="I40" s="29">
        <v>124725</v>
      </c>
      <c r="J40" s="29">
        <v>30535</v>
      </c>
      <c r="K40" s="29">
        <v>116100</v>
      </c>
      <c r="L40" s="32">
        <v>273910</v>
      </c>
      <c r="M40" s="33">
        <v>273910</v>
      </c>
      <c r="N40" s="28">
        <v>0</v>
      </c>
      <c r="O40" s="29">
        <v>0</v>
      </c>
      <c r="P40" s="30">
        <v>0</v>
      </c>
      <c r="Q40" s="391">
        <v>0</v>
      </c>
      <c r="R40" s="29">
        <v>0</v>
      </c>
      <c r="S40" s="29">
        <v>0</v>
      </c>
      <c r="T40" s="29">
        <v>34200</v>
      </c>
      <c r="U40" s="29">
        <v>27695</v>
      </c>
      <c r="V40" s="29">
        <v>92250</v>
      </c>
      <c r="W40" s="32">
        <v>154145</v>
      </c>
      <c r="X40" s="33">
        <v>154145</v>
      </c>
      <c r="Y40" s="28">
        <v>0</v>
      </c>
      <c r="Z40" s="29">
        <v>0</v>
      </c>
      <c r="AA40" s="30">
        <v>0</v>
      </c>
      <c r="AB40" s="391">
        <v>0</v>
      </c>
      <c r="AC40" s="29">
        <v>0</v>
      </c>
      <c r="AD40" s="29">
        <v>2550</v>
      </c>
      <c r="AE40" s="29">
        <v>89700</v>
      </c>
      <c r="AF40" s="29">
        <v>2550</v>
      </c>
      <c r="AG40" s="29">
        <v>23850</v>
      </c>
      <c r="AH40" s="32">
        <v>118650</v>
      </c>
      <c r="AI40" s="33">
        <v>118650</v>
      </c>
      <c r="AJ40" s="28">
        <v>0</v>
      </c>
      <c r="AK40" s="29">
        <v>0</v>
      </c>
      <c r="AL40" s="30">
        <v>0</v>
      </c>
      <c r="AM40" s="391">
        <v>0</v>
      </c>
      <c r="AN40" s="29">
        <v>0</v>
      </c>
      <c r="AO40" s="29">
        <v>0</v>
      </c>
      <c r="AP40" s="29">
        <v>0</v>
      </c>
      <c r="AQ40" s="29">
        <v>0</v>
      </c>
      <c r="AR40" s="29">
        <v>0</v>
      </c>
      <c r="AS40" s="32">
        <v>0</v>
      </c>
      <c r="AT40" s="33">
        <v>0</v>
      </c>
      <c r="AU40" s="28">
        <v>0</v>
      </c>
      <c r="AV40" s="29">
        <v>0</v>
      </c>
      <c r="AW40" s="30">
        <v>0</v>
      </c>
      <c r="AX40" s="391">
        <v>0</v>
      </c>
      <c r="AY40" s="29">
        <v>0</v>
      </c>
      <c r="AZ40" s="29">
        <v>0</v>
      </c>
      <c r="BA40" s="29">
        <v>0</v>
      </c>
      <c r="BB40" s="29">
        <v>0</v>
      </c>
      <c r="BC40" s="29">
        <v>0</v>
      </c>
      <c r="BD40" s="32">
        <v>0</v>
      </c>
      <c r="BE40" s="33">
        <v>0</v>
      </c>
      <c r="BF40" s="28">
        <v>0</v>
      </c>
      <c r="BG40" s="29">
        <v>0</v>
      </c>
      <c r="BH40" s="30">
        <v>0</v>
      </c>
      <c r="BI40" s="391">
        <v>0</v>
      </c>
      <c r="BJ40" s="29">
        <v>0</v>
      </c>
      <c r="BK40" s="29">
        <v>0</v>
      </c>
      <c r="BL40" s="29">
        <v>0</v>
      </c>
      <c r="BM40" s="29">
        <v>0</v>
      </c>
      <c r="BN40" s="29">
        <v>0</v>
      </c>
      <c r="BO40" s="32">
        <v>0</v>
      </c>
      <c r="BP40" s="33">
        <v>0</v>
      </c>
      <c r="BQ40" s="28">
        <v>0</v>
      </c>
      <c r="BR40" s="29">
        <v>0</v>
      </c>
      <c r="BS40" s="30">
        <v>0</v>
      </c>
      <c r="BT40" s="31">
        <v>0</v>
      </c>
      <c r="BU40" s="29">
        <v>0</v>
      </c>
      <c r="BV40" s="29">
        <v>0</v>
      </c>
      <c r="BW40" s="29">
        <v>825</v>
      </c>
      <c r="BX40" s="29">
        <v>290</v>
      </c>
      <c r="BY40" s="29">
        <v>0</v>
      </c>
      <c r="BZ40" s="32">
        <v>1115</v>
      </c>
      <c r="CA40" s="33">
        <v>1115</v>
      </c>
      <c r="CB40" s="28">
        <v>0</v>
      </c>
      <c r="CC40" s="29">
        <v>0</v>
      </c>
      <c r="CD40" s="30">
        <v>0</v>
      </c>
      <c r="CE40" s="31">
        <v>0</v>
      </c>
      <c r="CF40" s="29">
        <v>0</v>
      </c>
      <c r="CG40" s="29">
        <v>0</v>
      </c>
      <c r="CH40" s="29">
        <v>0</v>
      </c>
      <c r="CI40" s="29">
        <v>0</v>
      </c>
      <c r="CJ40" s="29">
        <v>0</v>
      </c>
      <c r="CK40" s="32">
        <v>0</v>
      </c>
      <c r="CL40" s="33">
        <v>0</v>
      </c>
      <c r="CM40" s="28">
        <v>0</v>
      </c>
      <c r="CN40" s="29">
        <v>0</v>
      </c>
      <c r="CO40" s="30">
        <v>0</v>
      </c>
      <c r="CP40" s="31">
        <v>0</v>
      </c>
      <c r="CQ40" s="29">
        <v>0</v>
      </c>
      <c r="CR40" s="29">
        <v>0</v>
      </c>
      <c r="CS40" s="29">
        <v>0</v>
      </c>
      <c r="CT40" s="29">
        <v>0</v>
      </c>
      <c r="CU40" s="29">
        <v>0</v>
      </c>
      <c r="CV40" s="32">
        <v>0</v>
      </c>
      <c r="CW40" s="33">
        <v>0</v>
      </c>
      <c r="CX40" s="28">
        <v>0</v>
      </c>
      <c r="CY40" s="29">
        <v>0</v>
      </c>
      <c r="CZ40" s="30">
        <v>0</v>
      </c>
      <c r="DA40" s="391">
        <v>0</v>
      </c>
      <c r="DB40" s="29">
        <v>0</v>
      </c>
      <c r="DC40" s="29">
        <v>0</v>
      </c>
      <c r="DD40" s="29">
        <v>0</v>
      </c>
      <c r="DE40" s="29">
        <v>0</v>
      </c>
      <c r="DF40" s="29">
        <v>0</v>
      </c>
      <c r="DG40" s="32">
        <v>0</v>
      </c>
      <c r="DH40" s="33">
        <v>0</v>
      </c>
      <c r="DI40" s="28">
        <v>0</v>
      </c>
      <c r="DJ40" s="29">
        <v>0</v>
      </c>
      <c r="DK40" s="30">
        <v>0</v>
      </c>
      <c r="DL40" s="31">
        <v>0</v>
      </c>
      <c r="DM40" s="29">
        <v>0</v>
      </c>
      <c r="DN40" s="29">
        <v>210</v>
      </c>
      <c r="DO40" s="29">
        <v>48255</v>
      </c>
      <c r="DP40" s="29">
        <v>88110</v>
      </c>
      <c r="DQ40" s="29">
        <v>93990</v>
      </c>
      <c r="DR40" s="32">
        <v>230565</v>
      </c>
      <c r="DS40" s="34">
        <v>230565</v>
      </c>
      <c r="DT40" s="28">
        <v>0</v>
      </c>
      <c r="DU40" s="29">
        <v>0</v>
      </c>
      <c r="DV40" s="30">
        <v>0</v>
      </c>
      <c r="DW40" s="391">
        <v>0</v>
      </c>
      <c r="DX40" s="29">
        <v>0</v>
      </c>
      <c r="DY40" s="29">
        <v>0</v>
      </c>
      <c r="DZ40" s="29">
        <v>35430</v>
      </c>
      <c r="EA40" s="29">
        <v>85960</v>
      </c>
      <c r="EB40" s="29">
        <v>93780</v>
      </c>
      <c r="EC40" s="32">
        <v>215170</v>
      </c>
      <c r="ED40" s="33">
        <v>215170</v>
      </c>
      <c r="EE40" s="28">
        <v>0</v>
      </c>
      <c r="EF40" s="29">
        <v>0</v>
      </c>
      <c r="EG40" s="30">
        <v>0</v>
      </c>
      <c r="EH40" s="391">
        <v>0</v>
      </c>
      <c r="EI40" s="29">
        <v>0</v>
      </c>
      <c r="EJ40" s="29">
        <v>210</v>
      </c>
      <c r="EK40" s="29">
        <v>11370</v>
      </c>
      <c r="EL40" s="29">
        <v>210</v>
      </c>
      <c r="EM40" s="29">
        <v>210</v>
      </c>
      <c r="EN40" s="32">
        <v>12000</v>
      </c>
      <c r="EO40" s="33">
        <v>12000</v>
      </c>
      <c r="EP40" s="28">
        <v>0</v>
      </c>
      <c r="EQ40" s="29">
        <v>0</v>
      </c>
      <c r="ER40" s="30">
        <v>0</v>
      </c>
      <c r="ES40" s="391">
        <v>0</v>
      </c>
      <c r="ET40" s="29">
        <v>0</v>
      </c>
      <c r="EU40" s="29">
        <v>0</v>
      </c>
      <c r="EV40" s="29">
        <v>0</v>
      </c>
      <c r="EW40" s="29">
        <v>0</v>
      </c>
      <c r="EX40" s="29">
        <v>0</v>
      </c>
      <c r="EY40" s="32">
        <v>0</v>
      </c>
      <c r="EZ40" s="33">
        <v>0</v>
      </c>
      <c r="FA40" s="28">
        <v>0</v>
      </c>
      <c r="FB40" s="29">
        <v>0</v>
      </c>
      <c r="FC40" s="30">
        <v>0</v>
      </c>
      <c r="FD40" s="391">
        <v>0</v>
      </c>
      <c r="FE40" s="29">
        <v>0</v>
      </c>
      <c r="FF40" s="29">
        <v>0</v>
      </c>
      <c r="FG40" s="29">
        <v>0</v>
      </c>
      <c r="FH40" s="29">
        <v>0</v>
      </c>
      <c r="FI40" s="29">
        <v>0</v>
      </c>
      <c r="FJ40" s="32">
        <v>0</v>
      </c>
      <c r="FK40" s="33">
        <v>0</v>
      </c>
      <c r="FL40" s="28">
        <v>0</v>
      </c>
      <c r="FM40" s="29">
        <v>0</v>
      </c>
      <c r="FN40" s="30">
        <v>0</v>
      </c>
      <c r="FO40" s="391">
        <v>0</v>
      </c>
      <c r="FP40" s="29">
        <v>0</v>
      </c>
      <c r="FQ40" s="29">
        <v>0</v>
      </c>
      <c r="FR40" s="29">
        <v>0</v>
      </c>
      <c r="FS40" s="29">
        <v>0</v>
      </c>
      <c r="FT40" s="29">
        <v>0</v>
      </c>
      <c r="FU40" s="32">
        <v>0</v>
      </c>
      <c r="FV40" s="33">
        <v>0</v>
      </c>
      <c r="FW40" s="28">
        <v>0</v>
      </c>
      <c r="FX40" s="29">
        <v>0</v>
      </c>
      <c r="FY40" s="30">
        <v>0</v>
      </c>
      <c r="FZ40" s="31">
        <v>0</v>
      </c>
      <c r="GA40" s="29">
        <v>0</v>
      </c>
      <c r="GB40" s="29">
        <v>0</v>
      </c>
      <c r="GC40" s="29">
        <v>1455</v>
      </c>
      <c r="GD40" s="29">
        <v>1940</v>
      </c>
      <c r="GE40" s="29">
        <v>0</v>
      </c>
      <c r="GF40" s="32">
        <v>3395</v>
      </c>
      <c r="GG40" s="33">
        <v>3395</v>
      </c>
      <c r="GH40" s="28">
        <v>0</v>
      </c>
      <c r="GI40" s="29">
        <v>0</v>
      </c>
      <c r="GJ40" s="30">
        <v>0</v>
      </c>
      <c r="GK40" s="31">
        <v>0</v>
      </c>
      <c r="GL40" s="29">
        <v>0</v>
      </c>
      <c r="GM40" s="29">
        <v>0</v>
      </c>
      <c r="GN40" s="29">
        <v>0</v>
      </c>
      <c r="GO40" s="29">
        <v>0</v>
      </c>
      <c r="GP40" s="29">
        <v>0</v>
      </c>
      <c r="GQ40" s="32">
        <v>0</v>
      </c>
      <c r="GR40" s="33">
        <v>0</v>
      </c>
      <c r="GS40" s="28">
        <v>0</v>
      </c>
      <c r="GT40" s="29">
        <v>0</v>
      </c>
      <c r="GU40" s="30">
        <v>0</v>
      </c>
      <c r="GV40" s="31">
        <v>0</v>
      </c>
      <c r="GW40" s="29">
        <v>0</v>
      </c>
      <c r="GX40" s="29">
        <v>0</v>
      </c>
      <c r="GY40" s="29">
        <v>0</v>
      </c>
      <c r="GZ40" s="29">
        <v>0</v>
      </c>
      <c r="HA40" s="29">
        <v>0</v>
      </c>
      <c r="HB40" s="32">
        <v>0</v>
      </c>
      <c r="HC40" s="33">
        <v>0</v>
      </c>
      <c r="HD40" s="28">
        <v>0</v>
      </c>
      <c r="HE40" s="29">
        <v>0</v>
      </c>
      <c r="HF40" s="30">
        <v>0</v>
      </c>
      <c r="HG40" s="391">
        <v>0</v>
      </c>
      <c r="HH40" s="29">
        <v>0</v>
      </c>
      <c r="HI40" s="29">
        <v>0</v>
      </c>
      <c r="HJ40" s="29">
        <v>0</v>
      </c>
      <c r="HK40" s="29">
        <v>0</v>
      </c>
      <c r="HL40" s="29">
        <v>0</v>
      </c>
      <c r="HM40" s="32">
        <v>0</v>
      </c>
      <c r="HN40" s="33">
        <v>0</v>
      </c>
      <c r="HO40" s="28">
        <v>0</v>
      </c>
      <c r="HP40" s="29">
        <v>0</v>
      </c>
      <c r="HQ40" s="30">
        <v>0</v>
      </c>
      <c r="HR40" s="31">
        <v>0</v>
      </c>
      <c r="HS40" s="29">
        <v>0</v>
      </c>
      <c r="HT40" s="29">
        <v>2760</v>
      </c>
      <c r="HU40" s="29">
        <v>172980</v>
      </c>
      <c r="HV40" s="29">
        <v>118645</v>
      </c>
      <c r="HW40" s="29">
        <v>210090</v>
      </c>
      <c r="HX40" s="32">
        <v>504475</v>
      </c>
      <c r="HY40" s="33">
        <v>504475</v>
      </c>
    </row>
    <row r="41" spans="2:233" x14ac:dyDescent="0.2">
      <c r="B41" s="57" t="s">
        <v>84</v>
      </c>
    </row>
  </sheetData>
  <mergeCells count="88">
    <mergeCell ref="G1:H1"/>
    <mergeCell ref="HD4:HN4"/>
    <mergeCell ref="DI3:HN3"/>
    <mergeCell ref="EP4:EZ4"/>
    <mergeCell ref="FL4:FV4"/>
    <mergeCell ref="CX4:DH4"/>
    <mergeCell ref="C3:DH3"/>
    <mergeCell ref="DI4:DS4"/>
    <mergeCell ref="DT4:ED4"/>
    <mergeCell ref="C4:M4"/>
    <mergeCell ref="N4:X4"/>
    <mergeCell ref="Y4:AI4"/>
    <mergeCell ref="AJ4:AT4"/>
    <mergeCell ref="BF4:BP4"/>
    <mergeCell ref="AU4:BE4"/>
    <mergeCell ref="HO3:HY4"/>
    <mergeCell ref="EE4:EO4"/>
    <mergeCell ref="FW4:GG4"/>
    <mergeCell ref="GH4:GR4"/>
    <mergeCell ref="GS4:HC4"/>
    <mergeCell ref="FA4:FK4"/>
    <mergeCell ref="C5:E5"/>
    <mergeCell ref="F5:L5"/>
    <mergeCell ref="M5:M6"/>
    <mergeCell ref="N5:P5"/>
    <mergeCell ref="Q5:W5"/>
    <mergeCell ref="B3:B6"/>
    <mergeCell ref="BQ4:CA4"/>
    <mergeCell ref="CB4:CL4"/>
    <mergeCell ref="CM4:CW4"/>
    <mergeCell ref="BT5:BZ5"/>
    <mergeCell ref="X5:X6"/>
    <mergeCell ref="Y5:AA5"/>
    <mergeCell ref="AB5:AH5"/>
    <mergeCell ref="AI5:AI6"/>
    <mergeCell ref="AJ5:AL5"/>
    <mergeCell ref="AM5:AS5"/>
    <mergeCell ref="AT5:AT6"/>
    <mergeCell ref="BF5:BH5"/>
    <mergeCell ref="BI5:BO5"/>
    <mergeCell ref="BP5:BP6"/>
    <mergeCell ref="BQ5:BS5"/>
    <mergeCell ref="AU5:AW5"/>
    <mergeCell ref="AX5:BD5"/>
    <mergeCell ref="BE5:BE6"/>
    <mergeCell ref="DW5:EC5"/>
    <mergeCell ref="CA5:CA6"/>
    <mergeCell ref="CB5:CD5"/>
    <mergeCell ref="CE5:CK5"/>
    <mergeCell ref="CL5:CL6"/>
    <mergeCell ref="CM5:CO5"/>
    <mergeCell ref="CP5:CV5"/>
    <mergeCell ref="CW5:CW6"/>
    <mergeCell ref="DI5:DK5"/>
    <mergeCell ref="DL5:DR5"/>
    <mergeCell ref="DS5:DS6"/>
    <mergeCell ref="DT5:DV5"/>
    <mergeCell ref="CX5:CZ5"/>
    <mergeCell ref="DA5:DG5"/>
    <mergeCell ref="DH5:DH6"/>
    <mergeCell ref="FZ5:GF5"/>
    <mergeCell ref="ED5:ED6"/>
    <mergeCell ref="EE5:EG5"/>
    <mergeCell ref="EH5:EN5"/>
    <mergeCell ref="EO5:EO6"/>
    <mergeCell ref="EP5:ER5"/>
    <mergeCell ref="ES5:EY5"/>
    <mergeCell ref="EZ5:EZ6"/>
    <mergeCell ref="FL5:FN5"/>
    <mergeCell ref="FO5:FU5"/>
    <mergeCell ref="FV5:FV6"/>
    <mergeCell ref="FW5:FY5"/>
    <mergeCell ref="FA5:FC5"/>
    <mergeCell ref="FD5:FJ5"/>
    <mergeCell ref="FK5:FK6"/>
    <mergeCell ref="HC5:HC6"/>
    <mergeCell ref="HO5:HQ5"/>
    <mergeCell ref="HR5:HX5"/>
    <mergeCell ref="HY5:HY6"/>
    <mergeCell ref="GG5:GG6"/>
    <mergeCell ref="GH5:GJ5"/>
    <mergeCell ref="GK5:GQ5"/>
    <mergeCell ref="GR5:GR6"/>
    <mergeCell ref="GS5:GU5"/>
    <mergeCell ref="GV5:HB5"/>
    <mergeCell ref="HD5:HF5"/>
    <mergeCell ref="HG5:HM5"/>
    <mergeCell ref="HN5:HN6"/>
  </mergeCells>
  <phoneticPr fontId="4"/>
  <pageMargins left="0.59055118110236227" right="0.39370078740157483" top="0.74803149606299213" bottom="0.74803149606299213" header="0.31496062992125984" footer="0.31496062992125984"/>
  <pageSetup paperSize="9" scale="40" orientation="landscape" r:id="rId1"/>
  <headerFooter>
    <oddFooter>&amp;L&amp;20&amp;A&amp;C&amp;P/&amp;N</oddFooter>
  </headerFooter>
  <colBreaks count="6" manualBreakCount="6">
    <brk id="35" max="1048575" man="1"/>
    <brk id="68" max="1048575" man="1"/>
    <brk id="102" max="1048575" man="1"/>
    <brk id="134" max="1048575" man="1"/>
    <brk id="167" max="1048575" man="1"/>
    <brk id="20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KM41"/>
  <sheetViews>
    <sheetView zoomScaleNormal="100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57" customWidth="1"/>
    <col min="2" max="2" width="9.77734375" style="57" customWidth="1"/>
    <col min="3" max="11" width="7.88671875" style="56" customWidth="1"/>
    <col min="12" max="13" width="8.77734375" style="56" customWidth="1"/>
    <col min="14" max="33" width="7.88671875" style="56" customWidth="1"/>
    <col min="34" max="34" width="9.109375" style="56" customWidth="1"/>
    <col min="35" max="35" width="8.44140625" style="56" customWidth="1"/>
    <col min="36" max="55" width="7.88671875" style="56" customWidth="1"/>
    <col min="56" max="56" width="9.109375" style="56" customWidth="1"/>
    <col min="57" max="57" width="8.44140625" style="56" customWidth="1"/>
    <col min="58" max="77" width="7.88671875" style="56" customWidth="1"/>
    <col min="78" max="78" width="9.109375" style="56" customWidth="1"/>
    <col min="79" max="79" width="8.44140625" style="56" customWidth="1"/>
    <col min="80" max="86" width="7.88671875" style="56" customWidth="1"/>
    <col min="87" max="93" width="9" style="56"/>
    <col min="94" max="94" width="8.44140625" style="56" customWidth="1"/>
    <col min="95" max="102" width="9" style="56"/>
    <col min="103" max="104" width="9" style="57"/>
    <col min="105" max="105" width="7.77734375" style="57" customWidth="1"/>
    <col min="106" max="115" width="9" style="57"/>
    <col min="116" max="116" width="7.77734375" style="57" customWidth="1"/>
    <col min="117" max="126" width="9" style="57"/>
    <col min="127" max="127" width="7.77734375" style="57" customWidth="1"/>
    <col min="128" max="137" width="9" style="57"/>
    <col min="138" max="138" width="8" style="57" customWidth="1"/>
    <col min="139" max="148" width="9" style="57"/>
    <col min="149" max="149" width="7.77734375" style="57" customWidth="1"/>
    <col min="150" max="159" width="9" style="57"/>
    <col min="160" max="160" width="7.44140625" style="57" customWidth="1"/>
    <col min="161" max="170" width="9" style="57"/>
    <col min="171" max="171" width="7.88671875" style="57" customWidth="1"/>
    <col min="172" max="181" width="9" style="57"/>
    <col min="182" max="182" width="7.21875" style="57" customWidth="1"/>
    <col min="183" max="192" width="9" style="57"/>
    <col min="193" max="193" width="8" style="57" customWidth="1"/>
    <col min="194" max="203" width="9" style="57"/>
    <col min="204" max="204" width="7.88671875" style="57" customWidth="1"/>
    <col min="205" max="214" width="9" style="57"/>
    <col min="215" max="215" width="7.88671875" style="57" customWidth="1"/>
    <col min="216" max="225" width="9" style="57"/>
    <col min="226" max="226" width="7.33203125" style="57" customWidth="1"/>
    <col min="227" max="236" width="9" style="57"/>
    <col min="237" max="237" width="7.6640625" style="57" customWidth="1"/>
    <col min="238" max="247" width="9" style="57"/>
    <col min="248" max="248" width="8" style="57" customWidth="1"/>
    <col min="249" max="258" width="9" style="57"/>
    <col min="259" max="259" width="8" style="57" customWidth="1"/>
    <col min="260" max="269" width="9" style="57"/>
    <col min="270" max="270" width="8" style="57" customWidth="1"/>
    <col min="271" max="280" width="9" style="57"/>
    <col min="281" max="281" width="8" style="57" customWidth="1"/>
    <col min="282" max="291" width="9" style="57"/>
    <col min="292" max="292" width="8.109375" style="57" customWidth="1"/>
    <col min="293" max="16384" width="9" style="57"/>
  </cols>
  <sheetData>
    <row r="1" spans="2:299" ht="24" customHeight="1" x14ac:dyDescent="0.2">
      <c r="B1" s="6" t="s">
        <v>119</v>
      </c>
      <c r="F1" s="441">
        <f>第１表!F2</f>
        <v>7</v>
      </c>
      <c r="G1" s="441"/>
      <c r="H1" s="15">
        <f>第１表!G2</f>
        <v>1</v>
      </c>
      <c r="I1" s="440">
        <f>H1</f>
        <v>1</v>
      </c>
      <c r="J1" s="440"/>
    </row>
    <row r="2" spans="2:299" ht="24" customHeight="1" thickBot="1" x14ac:dyDescent="0.25">
      <c r="B2" s="7" t="s">
        <v>128</v>
      </c>
    </row>
    <row r="3" spans="2:299" ht="21" customHeight="1" thickBot="1" x14ac:dyDescent="0.25">
      <c r="B3" s="427" t="s">
        <v>38</v>
      </c>
      <c r="C3" s="422" t="s">
        <v>96</v>
      </c>
      <c r="D3" s="422"/>
      <c r="E3" s="422"/>
      <c r="F3" s="422"/>
      <c r="G3" s="422"/>
      <c r="H3" s="422"/>
      <c r="I3" s="422"/>
      <c r="J3" s="422"/>
      <c r="K3" s="422"/>
      <c r="L3" s="422"/>
      <c r="M3" s="422"/>
      <c r="N3" s="422"/>
      <c r="O3" s="422"/>
      <c r="P3" s="422"/>
      <c r="Q3" s="422"/>
      <c r="R3" s="422"/>
      <c r="S3" s="422"/>
      <c r="T3" s="422"/>
      <c r="U3" s="422"/>
      <c r="V3" s="422"/>
      <c r="W3" s="422"/>
      <c r="X3" s="422"/>
      <c r="Y3" s="422"/>
      <c r="Z3" s="422"/>
      <c r="AA3" s="422"/>
      <c r="AB3" s="422"/>
      <c r="AC3" s="422"/>
      <c r="AD3" s="422"/>
      <c r="AE3" s="422"/>
      <c r="AF3" s="422"/>
      <c r="AG3" s="422"/>
      <c r="AH3" s="422"/>
      <c r="AI3" s="422"/>
      <c r="AJ3" s="422"/>
      <c r="AK3" s="422"/>
      <c r="AL3" s="422"/>
      <c r="AM3" s="422"/>
      <c r="AN3" s="422"/>
      <c r="AO3" s="422"/>
      <c r="AP3" s="422"/>
      <c r="AQ3" s="422"/>
      <c r="AR3" s="422"/>
      <c r="AS3" s="422"/>
      <c r="AT3" s="422"/>
      <c r="AU3" s="422"/>
      <c r="AV3" s="422"/>
      <c r="AW3" s="422"/>
      <c r="AX3" s="422"/>
      <c r="AY3" s="422"/>
      <c r="AZ3" s="422"/>
      <c r="BA3" s="422"/>
      <c r="BB3" s="422"/>
      <c r="BC3" s="422"/>
      <c r="BD3" s="422"/>
      <c r="BE3" s="422"/>
      <c r="BF3" s="422"/>
      <c r="BG3" s="422"/>
      <c r="BH3" s="422"/>
      <c r="BI3" s="422"/>
      <c r="BJ3" s="422"/>
      <c r="BK3" s="422"/>
      <c r="BL3" s="422"/>
      <c r="BM3" s="422"/>
      <c r="BN3" s="422"/>
      <c r="BO3" s="422"/>
      <c r="BP3" s="422"/>
      <c r="BQ3" s="422"/>
      <c r="BR3" s="422"/>
      <c r="BS3" s="422"/>
      <c r="BT3" s="422"/>
      <c r="BU3" s="422"/>
      <c r="BV3" s="422"/>
      <c r="BW3" s="422"/>
      <c r="BX3" s="422"/>
      <c r="BY3" s="422"/>
      <c r="BZ3" s="422"/>
      <c r="CA3" s="422"/>
      <c r="CB3" s="422"/>
      <c r="CC3" s="422"/>
      <c r="CD3" s="422"/>
      <c r="CE3" s="422"/>
      <c r="CF3" s="422"/>
      <c r="CG3" s="422"/>
      <c r="CH3" s="422"/>
      <c r="CI3" s="422"/>
      <c r="CJ3" s="422"/>
      <c r="CK3" s="422"/>
      <c r="CL3" s="422"/>
      <c r="CM3" s="422"/>
      <c r="CN3" s="422"/>
      <c r="CO3" s="422"/>
      <c r="CP3" s="422"/>
      <c r="CQ3" s="422"/>
      <c r="CR3" s="422"/>
      <c r="CS3" s="422"/>
      <c r="CT3" s="422"/>
      <c r="CU3" s="422"/>
      <c r="CV3" s="422"/>
      <c r="CW3" s="423"/>
      <c r="CX3" s="422" t="s">
        <v>102</v>
      </c>
      <c r="CY3" s="422"/>
      <c r="CZ3" s="422"/>
      <c r="DA3" s="422"/>
      <c r="DB3" s="422"/>
      <c r="DC3" s="422"/>
      <c r="DD3" s="422"/>
      <c r="DE3" s="422"/>
      <c r="DF3" s="422"/>
      <c r="DG3" s="422"/>
      <c r="DH3" s="422"/>
      <c r="DI3" s="422"/>
      <c r="DJ3" s="422"/>
      <c r="DK3" s="422"/>
      <c r="DL3" s="422"/>
      <c r="DM3" s="422"/>
      <c r="DN3" s="422"/>
      <c r="DO3" s="422"/>
      <c r="DP3" s="422"/>
      <c r="DQ3" s="422"/>
      <c r="DR3" s="422"/>
      <c r="DS3" s="422"/>
      <c r="DT3" s="422"/>
      <c r="DU3" s="422"/>
      <c r="DV3" s="422"/>
      <c r="DW3" s="422"/>
      <c r="DX3" s="422"/>
      <c r="DY3" s="422"/>
      <c r="DZ3" s="422"/>
      <c r="EA3" s="422"/>
      <c r="EB3" s="422"/>
      <c r="EC3" s="422"/>
      <c r="ED3" s="422"/>
      <c r="EE3" s="422"/>
      <c r="EF3" s="422"/>
      <c r="EG3" s="422"/>
      <c r="EH3" s="422"/>
      <c r="EI3" s="422"/>
      <c r="EJ3" s="422"/>
      <c r="EK3" s="422"/>
      <c r="EL3" s="422"/>
      <c r="EM3" s="422"/>
      <c r="EN3" s="422"/>
      <c r="EO3" s="422"/>
      <c r="EP3" s="422"/>
      <c r="EQ3" s="422"/>
      <c r="ER3" s="422"/>
      <c r="ES3" s="422"/>
      <c r="ET3" s="422"/>
      <c r="EU3" s="422"/>
      <c r="EV3" s="422"/>
      <c r="EW3" s="422"/>
      <c r="EX3" s="422"/>
      <c r="EY3" s="422"/>
      <c r="EZ3" s="422"/>
      <c r="FA3" s="422"/>
      <c r="FB3" s="422"/>
      <c r="FC3" s="422"/>
      <c r="FD3" s="422"/>
      <c r="FE3" s="422"/>
      <c r="FF3" s="422"/>
      <c r="FG3" s="422"/>
      <c r="FH3" s="422"/>
      <c r="FI3" s="422"/>
      <c r="FJ3" s="422"/>
      <c r="FK3" s="422"/>
      <c r="FL3" s="422"/>
      <c r="FM3" s="422"/>
      <c r="FN3" s="422"/>
      <c r="FO3" s="422"/>
      <c r="FP3" s="422"/>
      <c r="FQ3" s="422"/>
      <c r="FR3" s="422"/>
      <c r="FS3" s="422"/>
      <c r="FT3" s="422"/>
      <c r="FU3" s="422"/>
      <c r="FV3" s="422"/>
      <c r="FW3" s="422"/>
      <c r="FX3" s="422"/>
      <c r="FY3" s="422"/>
      <c r="FZ3" s="422"/>
      <c r="GA3" s="422"/>
      <c r="GB3" s="422"/>
      <c r="GC3" s="422"/>
      <c r="GD3" s="422"/>
      <c r="GE3" s="422"/>
      <c r="GF3" s="422"/>
      <c r="GG3" s="422"/>
      <c r="GH3" s="422"/>
      <c r="GI3" s="422"/>
      <c r="GJ3" s="422"/>
      <c r="GK3" s="422"/>
      <c r="GL3" s="422"/>
      <c r="GM3" s="422"/>
      <c r="GN3" s="422"/>
      <c r="GO3" s="422"/>
      <c r="GP3" s="422"/>
      <c r="GQ3" s="422"/>
      <c r="GR3" s="423"/>
      <c r="GS3" s="422" t="s">
        <v>103</v>
      </c>
      <c r="GT3" s="422"/>
      <c r="GU3" s="422"/>
      <c r="GV3" s="422"/>
      <c r="GW3" s="422"/>
      <c r="GX3" s="422"/>
      <c r="GY3" s="422"/>
      <c r="GZ3" s="422"/>
      <c r="HA3" s="422"/>
      <c r="HB3" s="422"/>
      <c r="HC3" s="422"/>
      <c r="HD3" s="422"/>
      <c r="HE3" s="422"/>
      <c r="HF3" s="422"/>
      <c r="HG3" s="422"/>
      <c r="HH3" s="422"/>
      <c r="HI3" s="422"/>
      <c r="HJ3" s="422"/>
      <c r="HK3" s="422"/>
      <c r="HL3" s="422"/>
      <c r="HM3" s="422"/>
      <c r="HN3" s="422"/>
      <c r="HO3" s="422"/>
      <c r="HP3" s="422"/>
      <c r="HQ3" s="422"/>
      <c r="HR3" s="422"/>
      <c r="HS3" s="422"/>
      <c r="HT3" s="422"/>
      <c r="HU3" s="422"/>
      <c r="HV3" s="422"/>
      <c r="HW3" s="422"/>
      <c r="HX3" s="422"/>
      <c r="HY3" s="422"/>
      <c r="HZ3" s="422"/>
      <c r="IA3" s="422"/>
      <c r="IB3" s="422"/>
      <c r="IC3" s="422"/>
      <c r="ID3" s="422"/>
      <c r="IE3" s="422"/>
      <c r="IF3" s="422"/>
      <c r="IG3" s="422"/>
      <c r="IH3" s="422"/>
      <c r="II3" s="422"/>
      <c r="IJ3" s="422"/>
      <c r="IK3" s="422"/>
      <c r="IL3" s="422"/>
      <c r="IM3" s="422"/>
      <c r="IN3" s="422"/>
      <c r="IO3" s="422"/>
      <c r="IP3" s="422"/>
      <c r="IQ3" s="422"/>
      <c r="IR3" s="422"/>
      <c r="IS3" s="422"/>
      <c r="IT3" s="422"/>
      <c r="IU3" s="422"/>
      <c r="IV3" s="422"/>
      <c r="IW3" s="422"/>
      <c r="IX3" s="422"/>
      <c r="IY3" s="422"/>
      <c r="IZ3" s="422"/>
      <c r="JA3" s="422"/>
      <c r="JB3" s="422"/>
      <c r="JC3" s="422"/>
      <c r="JD3" s="422"/>
      <c r="JE3" s="422"/>
      <c r="JF3" s="422"/>
      <c r="JG3" s="422"/>
      <c r="JH3" s="422"/>
      <c r="JI3" s="422"/>
      <c r="JJ3" s="422"/>
      <c r="JK3" s="422"/>
      <c r="JL3" s="422"/>
      <c r="JM3" s="422"/>
      <c r="JN3" s="422"/>
      <c r="JO3" s="422"/>
      <c r="JP3" s="422"/>
      <c r="JQ3" s="422"/>
      <c r="JR3" s="422"/>
      <c r="JS3" s="422"/>
      <c r="JT3" s="422"/>
      <c r="JU3" s="422"/>
      <c r="JV3" s="422"/>
      <c r="JW3" s="422"/>
      <c r="JX3" s="422"/>
      <c r="JY3" s="422"/>
      <c r="JZ3" s="422"/>
      <c r="KA3" s="422"/>
      <c r="KB3" s="422"/>
      <c r="KC3" s="422"/>
      <c r="KD3" s="422"/>
      <c r="KE3" s="422"/>
      <c r="KF3" s="422"/>
      <c r="KG3" s="422"/>
      <c r="KH3" s="422"/>
      <c r="KI3" s="422"/>
      <c r="KJ3" s="422"/>
      <c r="KK3" s="422"/>
      <c r="KL3" s="422"/>
      <c r="KM3" s="423"/>
    </row>
    <row r="4" spans="2:299" ht="21" customHeight="1" thickBot="1" x14ac:dyDescent="0.25">
      <c r="B4" s="439"/>
      <c r="C4" s="424" t="s">
        <v>39</v>
      </c>
      <c r="D4" s="425"/>
      <c r="E4" s="425"/>
      <c r="F4" s="425"/>
      <c r="G4" s="425"/>
      <c r="H4" s="425"/>
      <c r="I4" s="425"/>
      <c r="J4" s="425"/>
      <c r="K4" s="425"/>
      <c r="L4" s="425"/>
      <c r="M4" s="425"/>
      <c r="N4" s="425"/>
      <c r="O4" s="425"/>
      <c r="P4" s="425"/>
      <c r="Q4" s="425"/>
      <c r="R4" s="425"/>
      <c r="S4" s="425"/>
      <c r="T4" s="425"/>
      <c r="U4" s="425"/>
      <c r="V4" s="425"/>
      <c r="W4" s="425"/>
      <c r="X4" s="425"/>
      <c r="Y4" s="425"/>
      <c r="Z4" s="425"/>
      <c r="AA4" s="425"/>
      <c r="AB4" s="425"/>
      <c r="AC4" s="425"/>
      <c r="AD4" s="425"/>
      <c r="AE4" s="425"/>
      <c r="AF4" s="425"/>
      <c r="AG4" s="425"/>
      <c r="AH4" s="425"/>
      <c r="AI4" s="425"/>
      <c r="AJ4" s="425"/>
      <c r="AK4" s="425"/>
      <c r="AL4" s="425"/>
      <c r="AM4" s="425"/>
      <c r="AN4" s="425"/>
      <c r="AO4" s="425"/>
      <c r="AP4" s="425"/>
      <c r="AQ4" s="425"/>
      <c r="AR4" s="425"/>
      <c r="AS4" s="425"/>
      <c r="AT4" s="425"/>
      <c r="AU4" s="425"/>
      <c r="AV4" s="425"/>
      <c r="AW4" s="425"/>
      <c r="AX4" s="425"/>
      <c r="AY4" s="425"/>
      <c r="AZ4" s="425"/>
      <c r="BA4" s="425"/>
      <c r="BB4" s="425"/>
      <c r="BC4" s="425"/>
      <c r="BD4" s="425"/>
      <c r="BE4" s="425"/>
      <c r="BF4" s="425"/>
      <c r="BG4" s="425"/>
      <c r="BH4" s="425"/>
      <c r="BI4" s="425"/>
      <c r="BJ4" s="425"/>
      <c r="BK4" s="425"/>
      <c r="BL4" s="425"/>
      <c r="BM4" s="425"/>
      <c r="BN4" s="425"/>
      <c r="BO4" s="425"/>
      <c r="BP4" s="425"/>
      <c r="BQ4" s="425"/>
      <c r="BR4" s="425"/>
      <c r="BS4" s="425"/>
      <c r="BT4" s="425"/>
      <c r="BU4" s="425"/>
      <c r="BV4" s="425"/>
      <c r="BW4" s="425"/>
      <c r="BX4" s="425"/>
      <c r="BY4" s="425"/>
      <c r="BZ4" s="425"/>
      <c r="CA4" s="426"/>
      <c r="CB4" s="427" t="s">
        <v>40</v>
      </c>
      <c r="CC4" s="428"/>
      <c r="CD4" s="428"/>
      <c r="CE4" s="428"/>
      <c r="CF4" s="428"/>
      <c r="CG4" s="428"/>
      <c r="CH4" s="428"/>
      <c r="CI4" s="428"/>
      <c r="CJ4" s="428"/>
      <c r="CK4" s="428"/>
      <c r="CL4" s="429"/>
      <c r="CM4" s="427" t="s">
        <v>41</v>
      </c>
      <c r="CN4" s="428"/>
      <c r="CO4" s="428"/>
      <c r="CP4" s="428"/>
      <c r="CQ4" s="428"/>
      <c r="CR4" s="428"/>
      <c r="CS4" s="428"/>
      <c r="CT4" s="428"/>
      <c r="CU4" s="428"/>
      <c r="CV4" s="428"/>
      <c r="CW4" s="429"/>
      <c r="CX4" s="424" t="s">
        <v>39</v>
      </c>
      <c r="CY4" s="425"/>
      <c r="CZ4" s="425"/>
      <c r="DA4" s="425"/>
      <c r="DB4" s="425"/>
      <c r="DC4" s="425"/>
      <c r="DD4" s="425"/>
      <c r="DE4" s="425"/>
      <c r="DF4" s="425"/>
      <c r="DG4" s="425"/>
      <c r="DH4" s="425"/>
      <c r="DI4" s="425"/>
      <c r="DJ4" s="425"/>
      <c r="DK4" s="425"/>
      <c r="DL4" s="425"/>
      <c r="DM4" s="425"/>
      <c r="DN4" s="425"/>
      <c r="DO4" s="425"/>
      <c r="DP4" s="425"/>
      <c r="DQ4" s="425"/>
      <c r="DR4" s="425"/>
      <c r="DS4" s="425"/>
      <c r="DT4" s="425"/>
      <c r="DU4" s="425"/>
      <c r="DV4" s="425"/>
      <c r="DW4" s="425"/>
      <c r="DX4" s="425"/>
      <c r="DY4" s="425"/>
      <c r="DZ4" s="425"/>
      <c r="EA4" s="425"/>
      <c r="EB4" s="425"/>
      <c r="EC4" s="425"/>
      <c r="ED4" s="425"/>
      <c r="EE4" s="425"/>
      <c r="EF4" s="425"/>
      <c r="EG4" s="425"/>
      <c r="EH4" s="425"/>
      <c r="EI4" s="425"/>
      <c r="EJ4" s="425"/>
      <c r="EK4" s="425"/>
      <c r="EL4" s="425"/>
      <c r="EM4" s="425"/>
      <c r="EN4" s="425"/>
      <c r="EO4" s="425"/>
      <c r="EP4" s="425"/>
      <c r="EQ4" s="425"/>
      <c r="ER4" s="425"/>
      <c r="ES4" s="425"/>
      <c r="ET4" s="425"/>
      <c r="EU4" s="425"/>
      <c r="EV4" s="425"/>
      <c r="EW4" s="425"/>
      <c r="EX4" s="425"/>
      <c r="EY4" s="425"/>
      <c r="EZ4" s="425"/>
      <c r="FA4" s="425"/>
      <c r="FB4" s="425"/>
      <c r="FC4" s="425"/>
      <c r="FD4" s="425"/>
      <c r="FE4" s="425"/>
      <c r="FF4" s="425"/>
      <c r="FG4" s="425"/>
      <c r="FH4" s="425"/>
      <c r="FI4" s="425"/>
      <c r="FJ4" s="425"/>
      <c r="FK4" s="425"/>
      <c r="FL4" s="425"/>
      <c r="FM4" s="425"/>
      <c r="FN4" s="425"/>
      <c r="FO4" s="425"/>
      <c r="FP4" s="425"/>
      <c r="FQ4" s="425"/>
      <c r="FR4" s="425"/>
      <c r="FS4" s="425"/>
      <c r="FT4" s="425"/>
      <c r="FU4" s="425"/>
      <c r="FV4" s="426"/>
      <c r="FW4" s="427" t="s">
        <v>40</v>
      </c>
      <c r="FX4" s="428"/>
      <c r="FY4" s="428"/>
      <c r="FZ4" s="428"/>
      <c r="GA4" s="428"/>
      <c r="GB4" s="428"/>
      <c r="GC4" s="428"/>
      <c r="GD4" s="428"/>
      <c r="GE4" s="428"/>
      <c r="GF4" s="428"/>
      <c r="GG4" s="429"/>
      <c r="GH4" s="427" t="s">
        <v>41</v>
      </c>
      <c r="GI4" s="428"/>
      <c r="GJ4" s="428"/>
      <c r="GK4" s="428"/>
      <c r="GL4" s="428"/>
      <c r="GM4" s="428"/>
      <c r="GN4" s="428"/>
      <c r="GO4" s="428"/>
      <c r="GP4" s="428"/>
      <c r="GQ4" s="428"/>
      <c r="GR4" s="429"/>
      <c r="GS4" s="424" t="s">
        <v>39</v>
      </c>
      <c r="GT4" s="425"/>
      <c r="GU4" s="425"/>
      <c r="GV4" s="425"/>
      <c r="GW4" s="425"/>
      <c r="GX4" s="425"/>
      <c r="GY4" s="425"/>
      <c r="GZ4" s="425"/>
      <c r="HA4" s="425"/>
      <c r="HB4" s="425"/>
      <c r="HC4" s="425"/>
      <c r="HD4" s="425"/>
      <c r="HE4" s="425"/>
      <c r="HF4" s="425"/>
      <c r="HG4" s="425"/>
      <c r="HH4" s="425"/>
      <c r="HI4" s="425"/>
      <c r="HJ4" s="425"/>
      <c r="HK4" s="425"/>
      <c r="HL4" s="425"/>
      <c r="HM4" s="425"/>
      <c r="HN4" s="425"/>
      <c r="HO4" s="425"/>
      <c r="HP4" s="425"/>
      <c r="HQ4" s="425"/>
      <c r="HR4" s="425"/>
      <c r="HS4" s="425"/>
      <c r="HT4" s="425"/>
      <c r="HU4" s="425"/>
      <c r="HV4" s="425"/>
      <c r="HW4" s="425"/>
      <c r="HX4" s="425"/>
      <c r="HY4" s="425"/>
      <c r="HZ4" s="425"/>
      <c r="IA4" s="425"/>
      <c r="IB4" s="425"/>
      <c r="IC4" s="425"/>
      <c r="ID4" s="425"/>
      <c r="IE4" s="425"/>
      <c r="IF4" s="425"/>
      <c r="IG4" s="425"/>
      <c r="IH4" s="425"/>
      <c r="II4" s="425"/>
      <c r="IJ4" s="425"/>
      <c r="IK4" s="425"/>
      <c r="IL4" s="425"/>
      <c r="IM4" s="425"/>
      <c r="IN4" s="425"/>
      <c r="IO4" s="425"/>
      <c r="IP4" s="425"/>
      <c r="IQ4" s="425"/>
      <c r="IR4" s="425"/>
      <c r="IS4" s="425"/>
      <c r="IT4" s="425"/>
      <c r="IU4" s="425"/>
      <c r="IV4" s="425"/>
      <c r="IW4" s="425"/>
      <c r="IX4" s="425"/>
      <c r="IY4" s="425"/>
      <c r="IZ4" s="425"/>
      <c r="JA4" s="425"/>
      <c r="JB4" s="425"/>
      <c r="JC4" s="425"/>
      <c r="JD4" s="425"/>
      <c r="JE4" s="425"/>
      <c r="JF4" s="425"/>
      <c r="JG4" s="425"/>
      <c r="JH4" s="425"/>
      <c r="JI4" s="425"/>
      <c r="JJ4" s="425"/>
      <c r="JK4" s="425"/>
      <c r="JL4" s="425"/>
      <c r="JM4" s="425"/>
      <c r="JN4" s="425"/>
      <c r="JO4" s="425"/>
      <c r="JP4" s="425"/>
      <c r="JQ4" s="426"/>
      <c r="JR4" s="427" t="s">
        <v>40</v>
      </c>
      <c r="JS4" s="428"/>
      <c r="JT4" s="428"/>
      <c r="JU4" s="428"/>
      <c r="JV4" s="428"/>
      <c r="JW4" s="428"/>
      <c r="JX4" s="428"/>
      <c r="JY4" s="428"/>
      <c r="JZ4" s="428"/>
      <c r="KA4" s="428"/>
      <c r="KB4" s="429"/>
      <c r="KC4" s="427" t="s">
        <v>41</v>
      </c>
      <c r="KD4" s="428"/>
      <c r="KE4" s="428"/>
      <c r="KF4" s="428"/>
      <c r="KG4" s="428"/>
      <c r="KH4" s="428"/>
      <c r="KI4" s="428"/>
      <c r="KJ4" s="428"/>
      <c r="KK4" s="428"/>
      <c r="KL4" s="428"/>
      <c r="KM4" s="429"/>
    </row>
    <row r="5" spans="2:299" ht="21" customHeight="1" thickBot="1" x14ac:dyDescent="0.25">
      <c r="B5" s="433"/>
      <c r="C5" s="433"/>
      <c r="D5" s="434"/>
      <c r="E5" s="434"/>
      <c r="F5" s="434"/>
      <c r="G5" s="434"/>
      <c r="H5" s="434"/>
      <c r="I5" s="434"/>
      <c r="J5" s="434"/>
      <c r="K5" s="434"/>
      <c r="L5" s="434"/>
      <c r="M5" s="435"/>
      <c r="N5" s="436" t="s">
        <v>97</v>
      </c>
      <c r="O5" s="437"/>
      <c r="P5" s="437"/>
      <c r="Q5" s="437"/>
      <c r="R5" s="437"/>
      <c r="S5" s="437"/>
      <c r="T5" s="437"/>
      <c r="U5" s="437"/>
      <c r="V5" s="437"/>
      <c r="W5" s="437"/>
      <c r="X5" s="438"/>
      <c r="Y5" s="436" t="s">
        <v>98</v>
      </c>
      <c r="Z5" s="437"/>
      <c r="AA5" s="437"/>
      <c r="AB5" s="437"/>
      <c r="AC5" s="437"/>
      <c r="AD5" s="437"/>
      <c r="AE5" s="437"/>
      <c r="AF5" s="437"/>
      <c r="AG5" s="437"/>
      <c r="AH5" s="437"/>
      <c r="AI5" s="438"/>
      <c r="AJ5" s="436" t="s">
        <v>99</v>
      </c>
      <c r="AK5" s="437"/>
      <c r="AL5" s="437"/>
      <c r="AM5" s="437"/>
      <c r="AN5" s="437"/>
      <c r="AO5" s="437"/>
      <c r="AP5" s="437"/>
      <c r="AQ5" s="437"/>
      <c r="AR5" s="437"/>
      <c r="AS5" s="437"/>
      <c r="AT5" s="438"/>
      <c r="AU5" s="436" t="s">
        <v>100</v>
      </c>
      <c r="AV5" s="437"/>
      <c r="AW5" s="437"/>
      <c r="AX5" s="437"/>
      <c r="AY5" s="437"/>
      <c r="AZ5" s="437"/>
      <c r="BA5" s="437"/>
      <c r="BB5" s="437"/>
      <c r="BC5" s="437"/>
      <c r="BD5" s="437"/>
      <c r="BE5" s="438"/>
      <c r="BF5" s="436" t="s">
        <v>159</v>
      </c>
      <c r="BG5" s="437"/>
      <c r="BH5" s="437"/>
      <c r="BI5" s="437"/>
      <c r="BJ5" s="437"/>
      <c r="BK5" s="437"/>
      <c r="BL5" s="437"/>
      <c r="BM5" s="437"/>
      <c r="BN5" s="437"/>
      <c r="BO5" s="437"/>
      <c r="BP5" s="438"/>
      <c r="BQ5" s="436" t="s">
        <v>101</v>
      </c>
      <c r="BR5" s="437"/>
      <c r="BS5" s="437"/>
      <c r="BT5" s="437"/>
      <c r="BU5" s="437"/>
      <c r="BV5" s="437"/>
      <c r="BW5" s="437"/>
      <c r="BX5" s="437"/>
      <c r="BY5" s="437"/>
      <c r="BZ5" s="437"/>
      <c r="CA5" s="438"/>
      <c r="CB5" s="430"/>
      <c r="CC5" s="431"/>
      <c r="CD5" s="431"/>
      <c r="CE5" s="431"/>
      <c r="CF5" s="431"/>
      <c r="CG5" s="431"/>
      <c r="CH5" s="431"/>
      <c r="CI5" s="431"/>
      <c r="CJ5" s="431"/>
      <c r="CK5" s="431"/>
      <c r="CL5" s="432"/>
      <c r="CM5" s="430"/>
      <c r="CN5" s="431"/>
      <c r="CO5" s="431"/>
      <c r="CP5" s="431"/>
      <c r="CQ5" s="431"/>
      <c r="CR5" s="431"/>
      <c r="CS5" s="431"/>
      <c r="CT5" s="431"/>
      <c r="CU5" s="431"/>
      <c r="CV5" s="431"/>
      <c r="CW5" s="432"/>
      <c r="CX5" s="433"/>
      <c r="CY5" s="434"/>
      <c r="CZ5" s="434"/>
      <c r="DA5" s="434"/>
      <c r="DB5" s="434"/>
      <c r="DC5" s="434"/>
      <c r="DD5" s="434"/>
      <c r="DE5" s="434"/>
      <c r="DF5" s="434"/>
      <c r="DG5" s="434"/>
      <c r="DH5" s="435"/>
      <c r="DI5" s="436" t="s">
        <v>97</v>
      </c>
      <c r="DJ5" s="437"/>
      <c r="DK5" s="437"/>
      <c r="DL5" s="437"/>
      <c r="DM5" s="437"/>
      <c r="DN5" s="437"/>
      <c r="DO5" s="437"/>
      <c r="DP5" s="437"/>
      <c r="DQ5" s="437"/>
      <c r="DR5" s="437"/>
      <c r="DS5" s="438"/>
      <c r="DT5" s="436" t="s">
        <v>98</v>
      </c>
      <c r="DU5" s="437"/>
      <c r="DV5" s="437"/>
      <c r="DW5" s="437"/>
      <c r="DX5" s="437"/>
      <c r="DY5" s="437"/>
      <c r="DZ5" s="437"/>
      <c r="EA5" s="437"/>
      <c r="EB5" s="437"/>
      <c r="EC5" s="437"/>
      <c r="ED5" s="438"/>
      <c r="EE5" s="436" t="s">
        <v>99</v>
      </c>
      <c r="EF5" s="437"/>
      <c r="EG5" s="437"/>
      <c r="EH5" s="437"/>
      <c r="EI5" s="437"/>
      <c r="EJ5" s="437"/>
      <c r="EK5" s="437"/>
      <c r="EL5" s="437"/>
      <c r="EM5" s="437"/>
      <c r="EN5" s="437"/>
      <c r="EO5" s="438"/>
      <c r="EP5" s="436" t="s">
        <v>100</v>
      </c>
      <c r="EQ5" s="437"/>
      <c r="ER5" s="437"/>
      <c r="ES5" s="437"/>
      <c r="ET5" s="437"/>
      <c r="EU5" s="437"/>
      <c r="EV5" s="437"/>
      <c r="EW5" s="437"/>
      <c r="EX5" s="437"/>
      <c r="EY5" s="437"/>
      <c r="EZ5" s="438"/>
      <c r="FA5" s="436" t="s">
        <v>159</v>
      </c>
      <c r="FB5" s="437"/>
      <c r="FC5" s="437"/>
      <c r="FD5" s="437"/>
      <c r="FE5" s="437"/>
      <c r="FF5" s="437"/>
      <c r="FG5" s="437"/>
      <c r="FH5" s="437"/>
      <c r="FI5" s="437"/>
      <c r="FJ5" s="437"/>
      <c r="FK5" s="438"/>
      <c r="FL5" s="436" t="s">
        <v>101</v>
      </c>
      <c r="FM5" s="437"/>
      <c r="FN5" s="437"/>
      <c r="FO5" s="437"/>
      <c r="FP5" s="437"/>
      <c r="FQ5" s="437"/>
      <c r="FR5" s="437"/>
      <c r="FS5" s="437"/>
      <c r="FT5" s="437"/>
      <c r="FU5" s="437"/>
      <c r="FV5" s="438"/>
      <c r="FW5" s="430"/>
      <c r="FX5" s="431"/>
      <c r="FY5" s="431"/>
      <c r="FZ5" s="431"/>
      <c r="GA5" s="431"/>
      <c r="GB5" s="431"/>
      <c r="GC5" s="431"/>
      <c r="GD5" s="431"/>
      <c r="GE5" s="431"/>
      <c r="GF5" s="431"/>
      <c r="GG5" s="432"/>
      <c r="GH5" s="430"/>
      <c r="GI5" s="431"/>
      <c r="GJ5" s="431"/>
      <c r="GK5" s="431"/>
      <c r="GL5" s="431"/>
      <c r="GM5" s="431"/>
      <c r="GN5" s="431"/>
      <c r="GO5" s="431"/>
      <c r="GP5" s="431"/>
      <c r="GQ5" s="431"/>
      <c r="GR5" s="432"/>
      <c r="GS5" s="433"/>
      <c r="GT5" s="434"/>
      <c r="GU5" s="434"/>
      <c r="GV5" s="434"/>
      <c r="GW5" s="434"/>
      <c r="GX5" s="434"/>
      <c r="GY5" s="434"/>
      <c r="GZ5" s="434"/>
      <c r="HA5" s="434"/>
      <c r="HB5" s="434"/>
      <c r="HC5" s="435"/>
      <c r="HD5" s="436" t="s">
        <v>97</v>
      </c>
      <c r="HE5" s="437"/>
      <c r="HF5" s="437"/>
      <c r="HG5" s="437"/>
      <c r="HH5" s="437"/>
      <c r="HI5" s="437"/>
      <c r="HJ5" s="437"/>
      <c r="HK5" s="437"/>
      <c r="HL5" s="437"/>
      <c r="HM5" s="437"/>
      <c r="HN5" s="438"/>
      <c r="HO5" s="436" t="s">
        <v>98</v>
      </c>
      <c r="HP5" s="437"/>
      <c r="HQ5" s="437"/>
      <c r="HR5" s="437"/>
      <c r="HS5" s="437"/>
      <c r="HT5" s="437"/>
      <c r="HU5" s="437"/>
      <c r="HV5" s="437"/>
      <c r="HW5" s="437"/>
      <c r="HX5" s="437"/>
      <c r="HY5" s="438"/>
      <c r="HZ5" s="436" t="s">
        <v>99</v>
      </c>
      <c r="IA5" s="437"/>
      <c r="IB5" s="437"/>
      <c r="IC5" s="437"/>
      <c r="ID5" s="437"/>
      <c r="IE5" s="437"/>
      <c r="IF5" s="437"/>
      <c r="IG5" s="437"/>
      <c r="IH5" s="437"/>
      <c r="II5" s="437"/>
      <c r="IJ5" s="438"/>
      <c r="IK5" s="436" t="s">
        <v>100</v>
      </c>
      <c r="IL5" s="437"/>
      <c r="IM5" s="437"/>
      <c r="IN5" s="437"/>
      <c r="IO5" s="437"/>
      <c r="IP5" s="437"/>
      <c r="IQ5" s="437"/>
      <c r="IR5" s="437"/>
      <c r="IS5" s="437"/>
      <c r="IT5" s="437"/>
      <c r="IU5" s="438"/>
      <c r="IV5" s="436" t="s">
        <v>159</v>
      </c>
      <c r="IW5" s="437"/>
      <c r="IX5" s="437"/>
      <c r="IY5" s="437"/>
      <c r="IZ5" s="437"/>
      <c r="JA5" s="437"/>
      <c r="JB5" s="437"/>
      <c r="JC5" s="437"/>
      <c r="JD5" s="437"/>
      <c r="JE5" s="437"/>
      <c r="JF5" s="438"/>
      <c r="JG5" s="436" t="s">
        <v>101</v>
      </c>
      <c r="JH5" s="437"/>
      <c r="JI5" s="437"/>
      <c r="JJ5" s="437"/>
      <c r="JK5" s="437"/>
      <c r="JL5" s="437"/>
      <c r="JM5" s="437"/>
      <c r="JN5" s="437"/>
      <c r="JO5" s="437"/>
      <c r="JP5" s="437"/>
      <c r="JQ5" s="438"/>
      <c r="JR5" s="430"/>
      <c r="JS5" s="431"/>
      <c r="JT5" s="431"/>
      <c r="JU5" s="431"/>
      <c r="JV5" s="431"/>
      <c r="JW5" s="431"/>
      <c r="JX5" s="431"/>
      <c r="JY5" s="431"/>
      <c r="JZ5" s="431"/>
      <c r="KA5" s="431"/>
      <c r="KB5" s="432"/>
      <c r="KC5" s="430"/>
      <c r="KD5" s="431"/>
      <c r="KE5" s="431"/>
      <c r="KF5" s="431"/>
      <c r="KG5" s="431"/>
      <c r="KH5" s="431"/>
      <c r="KI5" s="431"/>
      <c r="KJ5" s="431"/>
      <c r="KK5" s="431"/>
      <c r="KL5" s="431"/>
      <c r="KM5" s="432"/>
    </row>
    <row r="6" spans="2:299" ht="30" customHeight="1" thickBot="1" x14ac:dyDescent="0.25">
      <c r="B6" s="58" t="s">
        <v>42</v>
      </c>
      <c r="C6" s="59" t="s">
        <v>43</v>
      </c>
      <c r="D6" s="60" t="s">
        <v>44</v>
      </c>
      <c r="E6" s="61" t="s">
        <v>45</v>
      </c>
      <c r="F6" s="62" t="s">
        <v>46</v>
      </c>
      <c r="G6" s="60" t="s">
        <v>47</v>
      </c>
      <c r="H6" s="60" t="s">
        <v>48</v>
      </c>
      <c r="I6" s="60" t="s">
        <v>49</v>
      </c>
      <c r="J6" s="60" t="s">
        <v>50</v>
      </c>
      <c r="K6" s="60" t="s">
        <v>51</v>
      </c>
      <c r="L6" s="61" t="s">
        <v>45</v>
      </c>
      <c r="M6" s="63" t="s">
        <v>52</v>
      </c>
      <c r="N6" s="64" t="s">
        <v>43</v>
      </c>
      <c r="O6" s="65" t="s">
        <v>44</v>
      </c>
      <c r="P6" s="66" t="s">
        <v>45</v>
      </c>
      <c r="Q6" s="67" t="s">
        <v>46</v>
      </c>
      <c r="R6" s="65" t="s">
        <v>47</v>
      </c>
      <c r="S6" s="65" t="s">
        <v>48</v>
      </c>
      <c r="T6" s="65" t="s">
        <v>49</v>
      </c>
      <c r="U6" s="65" t="s">
        <v>50</v>
      </c>
      <c r="V6" s="65" t="s">
        <v>51</v>
      </c>
      <c r="W6" s="66" t="s">
        <v>45</v>
      </c>
      <c r="X6" s="68" t="s">
        <v>52</v>
      </c>
      <c r="Y6" s="64" t="s">
        <v>43</v>
      </c>
      <c r="Z6" s="65" t="s">
        <v>44</v>
      </c>
      <c r="AA6" s="66" t="s">
        <v>45</v>
      </c>
      <c r="AB6" s="67" t="s">
        <v>46</v>
      </c>
      <c r="AC6" s="65" t="s">
        <v>47</v>
      </c>
      <c r="AD6" s="65" t="s">
        <v>48</v>
      </c>
      <c r="AE6" s="65" t="s">
        <v>49</v>
      </c>
      <c r="AF6" s="65" t="s">
        <v>50</v>
      </c>
      <c r="AG6" s="65" t="s">
        <v>51</v>
      </c>
      <c r="AH6" s="66" t="s">
        <v>45</v>
      </c>
      <c r="AI6" s="69" t="s">
        <v>52</v>
      </c>
      <c r="AJ6" s="64" t="s">
        <v>43</v>
      </c>
      <c r="AK6" s="65" t="s">
        <v>44</v>
      </c>
      <c r="AL6" s="66" t="s">
        <v>45</v>
      </c>
      <c r="AM6" s="67" t="s">
        <v>46</v>
      </c>
      <c r="AN6" s="65" t="s">
        <v>47</v>
      </c>
      <c r="AO6" s="65" t="s">
        <v>48</v>
      </c>
      <c r="AP6" s="65" t="s">
        <v>49</v>
      </c>
      <c r="AQ6" s="65" t="s">
        <v>50</v>
      </c>
      <c r="AR6" s="65" t="s">
        <v>51</v>
      </c>
      <c r="AS6" s="66" t="s">
        <v>45</v>
      </c>
      <c r="AT6" s="69" t="s">
        <v>52</v>
      </c>
      <c r="AU6" s="64" t="s">
        <v>43</v>
      </c>
      <c r="AV6" s="65" t="s">
        <v>44</v>
      </c>
      <c r="AW6" s="66" t="s">
        <v>45</v>
      </c>
      <c r="AX6" s="67" t="s">
        <v>46</v>
      </c>
      <c r="AY6" s="65" t="s">
        <v>47</v>
      </c>
      <c r="AZ6" s="65" t="s">
        <v>48</v>
      </c>
      <c r="BA6" s="65" t="s">
        <v>49</v>
      </c>
      <c r="BB6" s="65" t="s">
        <v>50</v>
      </c>
      <c r="BC6" s="65" t="s">
        <v>51</v>
      </c>
      <c r="BD6" s="66" t="s">
        <v>45</v>
      </c>
      <c r="BE6" s="69" t="s">
        <v>52</v>
      </c>
      <c r="BF6" s="64" t="s">
        <v>43</v>
      </c>
      <c r="BG6" s="65" t="s">
        <v>44</v>
      </c>
      <c r="BH6" s="66" t="s">
        <v>45</v>
      </c>
      <c r="BI6" s="67" t="s">
        <v>46</v>
      </c>
      <c r="BJ6" s="65" t="s">
        <v>47</v>
      </c>
      <c r="BK6" s="65" t="s">
        <v>48</v>
      </c>
      <c r="BL6" s="65" t="s">
        <v>49</v>
      </c>
      <c r="BM6" s="65" t="s">
        <v>50</v>
      </c>
      <c r="BN6" s="65" t="s">
        <v>51</v>
      </c>
      <c r="BO6" s="66" t="s">
        <v>45</v>
      </c>
      <c r="BP6" s="69" t="s">
        <v>52</v>
      </c>
      <c r="BQ6" s="64" t="s">
        <v>43</v>
      </c>
      <c r="BR6" s="65" t="s">
        <v>44</v>
      </c>
      <c r="BS6" s="66" t="s">
        <v>45</v>
      </c>
      <c r="BT6" s="67" t="s">
        <v>46</v>
      </c>
      <c r="BU6" s="65" t="s">
        <v>47</v>
      </c>
      <c r="BV6" s="65" t="s">
        <v>48</v>
      </c>
      <c r="BW6" s="65" t="s">
        <v>49</v>
      </c>
      <c r="BX6" s="65" t="s">
        <v>50</v>
      </c>
      <c r="BY6" s="65" t="s">
        <v>51</v>
      </c>
      <c r="BZ6" s="66" t="s">
        <v>45</v>
      </c>
      <c r="CA6" s="69" t="s">
        <v>52</v>
      </c>
      <c r="CB6" s="64" t="s">
        <v>43</v>
      </c>
      <c r="CC6" s="65" t="s">
        <v>44</v>
      </c>
      <c r="CD6" s="66" t="s">
        <v>45</v>
      </c>
      <c r="CE6" s="67" t="s">
        <v>46</v>
      </c>
      <c r="CF6" s="65" t="s">
        <v>47</v>
      </c>
      <c r="CG6" s="65" t="s">
        <v>48</v>
      </c>
      <c r="CH6" s="65" t="s">
        <v>49</v>
      </c>
      <c r="CI6" s="65" t="s">
        <v>50</v>
      </c>
      <c r="CJ6" s="65" t="s">
        <v>51</v>
      </c>
      <c r="CK6" s="66" t="s">
        <v>45</v>
      </c>
      <c r="CL6" s="69" t="s">
        <v>52</v>
      </c>
      <c r="CM6" s="64" t="s">
        <v>43</v>
      </c>
      <c r="CN6" s="65" t="s">
        <v>44</v>
      </c>
      <c r="CO6" s="66" t="s">
        <v>45</v>
      </c>
      <c r="CP6" s="67" t="s">
        <v>46</v>
      </c>
      <c r="CQ6" s="65" t="s">
        <v>47</v>
      </c>
      <c r="CR6" s="65" t="s">
        <v>48</v>
      </c>
      <c r="CS6" s="65" t="s">
        <v>49</v>
      </c>
      <c r="CT6" s="65" t="s">
        <v>50</v>
      </c>
      <c r="CU6" s="65" t="s">
        <v>51</v>
      </c>
      <c r="CV6" s="66" t="s">
        <v>45</v>
      </c>
      <c r="CW6" s="69" t="s">
        <v>52</v>
      </c>
      <c r="CX6" s="59" t="s">
        <v>43</v>
      </c>
      <c r="CY6" s="60" t="s">
        <v>44</v>
      </c>
      <c r="CZ6" s="61" t="s">
        <v>45</v>
      </c>
      <c r="DA6" s="62" t="s">
        <v>46</v>
      </c>
      <c r="DB6" s="60" t="s">
        <v>47</v>
      </c>
      <c r="DC6" s="60" t="s">
        <v>48</v>
      </c>
      <c r="DD6" s="60" t="s">
        <v>49</v>
      </c>
      <c r="DE6" s="60" t="s">
        <v>50</v>
      </c>
      <c r="DF6" s="60" t="s">
        <v>51</v>
      </c>
      <c r="DG6" s="61" t="s">
        <v>45</v>
      </c>
      <c r="DH6" s="63" t="s">
        <v>52</v>
      </c>
      <c r="DI6" s="64" t="s">
        <v>43</v>
      </c>
      <c r="DJ6" s="65" t="s">
        <v>44</v>
      </c>
      <c r="DK6" s="66" t="s">
        <v>45</v>
      </c>
      <c r="DL6" s="67" t="s">
        <v>46</v>
      </c>
      <c r="DM6" s="65" t="s">
        <v>47</v>
      </c>
      <c r="DN6" s="65" t="s">
        <v>48</v>
      </c>
      <c r="DO6" s="65" t="s">
        <v>49</v>
      </c>
      <c r="DP6" s="65" t="s">
        <v>50</v>
      </c>
      <c r="DQ6" s="65" t="s">
        <v>51</v>
      </c>
      <c r="DR6" s="66" t="s">
        <v>45</v>
      </c>
      <c r="DS6" s="69" t="s">
        <v>52</v>
      </c>
      <c r="DT6" s="64" t="s">
        <v>43</v>
      </c>
      <c r="DU6" s="65" t="s">
        <v>44</v>
      </c>
      <c r="DV6" s="66" t="s">
        <v>45</v>
      </c>
      <c r="DW6" s="67" t="s">
        <v>46</v>
      </c>
      <c r="DX6" s="65" t="s">
        <v>47</v>
      </c>
      <c r="DY6" s="65" t="s">
        <v>48</v>
      </c>
      <c r="DZ6" s="65" t="s">
        <v>49</v>
      </c>
      <c r="EA6" s="65" t="s">
        <v>50</v>
      </c>
      <c r="EB6" s="65" t="s">
        <v>51</v>
      </c>
      <c r="EC6" s="66" t="s">
        <v>45</v>
      </c>
      <c r="ED6" s="69" t="s">
        <v>52</v>
      </c>
      <c r="EE6" s="64" t="s">
        <v>43</v>
      </c>
      <c r="EF6" s="65" t="s">
        <v>44</v>
      </c>
      <c r="EG6" s="66" t="s">
        <v>45</v>
      </c>
      <c r="EH6" s="67" t="s">
        <v>46</v>
      </c>
      <c r="EI6" s="65" t="s">
        <v>47</v>
      </c>
      <c r="EJ6" s="65" t="s">
        <v>48</v>
      </c>
      <c r="EK6" s="65" t="s">
        <v>49</v>
      </c>
      <c r="EL6" s="65" t="s">
        <v>50</v>
      </c>
      <c r="EM6" s="65" t="s">
        <v>51</v>
      </c>
      <c r="EN6" s="66" t="s">
        <v>45</v>
      </c>
      <c r="EO6" s="69" t="s">
        <v>52</v>
      </c>
      <c r="EP6" s="64" t="s">
        <v>43</v>
      </c>
      <c r="EQ6" s="65" t="s">
        <v>44</v>
      </c>
      <c r="ER6" s="66" t="s">
        <v>45</v>
      </c>
      <c r="ES6" s="67" t="s">
        <v>46</v>
      </c>
      <c r="ET6" s="65" t="s">
        <v>47</v>
      </c>
      <c r="EU6" s="65" t="s">
        <v>48</v>
      </c>
      <c r="EV6" s="65" t="s">
        <v>49</v>
      </c>
      <c r="EW6" s="65" t="s">
        <v>50</v>
      </c>
      <c r="EX6" s="65" t="s">
        <v>51</v>
      </c>
      <c r="EY6" s="66" t="s">
        <v>45</v>
      </c>
      <c r="EZ6" s="69" t="s">
        <v>52</v>
      </c>
      <c r="FA6" s="64" t="s">
        <v>43</v>
      </c>
      <c r="FB6" s="65" t="s">
        <v>44</v>
      </c>
      <c r="FC6" s="66" t="s">
        <v>45</v>
      </c>
      <c r="FD6" s="67" t="s">
        <v>46</v>
      </c>
      <c r="FE6" s="65" t="s">
        <v>47</v>
      </c>
      <c r="FF6" s="65" t="s">
        <v>48</v>
      </c>
      <c r="FG6" s="65" t="s">
        <v>49</v>
      </c>
      <c r="FH6" s="65" t="s">
        <v>50</v>
      </c>
      <c r="FI6" s="65" t="s">
        <v>51</v>
      </c>
      <c r="FJ6" s="66" t="s">
        <v>45</v>
      </c>
      <c r="FK6" s="69" t="s">
        <v>52</v>
      </c>
      <c r="FL6" s="64" t="s">
        <v>43</v>
      </c>
      <c r="FM6" s="65" t="s">
        <v>44</v>
      </c>
      <c r="FN6" s="66" t="s">
        <v>45</v>
      </c>
      <c r="FO6" s="67" t="s">
        <v>46</v>
      </c>
      <c r="FP6" s="65" t="s">
        <v>47</v>
      </c>
      <c r="FQ6" s="65" t="s">
        <v>48</v>
      </c>
      <c r="FR6" s="65" t="s">
        <v>49</v>
      </c>
      <c r="FS6" s="65" t="s">
        <v>50</v>
      </c>
      <c r="FT6" s="65" t="s">
        <v>51</v>
      </c>
      <c r="FU6" s="66" t="s">
        <v>45</v>
      </c>
      <c r="FV6" s="69" t="s">
        <v>52</v>
      </c>
      <c r="FW6" s="64" t="s">
        <v>43</v>
      </c>
      <c r="FX6" s="65" t="s">
        <v>44</v>
      </c>
      <c r="FY6" s="66" t="s">
        <v>45</v>
      </c>
      <c r="FZ6" s="67" t="s">
        <v>46</v>
      </c>
      <c r="GA6" s="65" t="s">
        <v>47</v>
      </c>
      <c r="GB6" s="65" t="s">
        <v>48</v>
      </c>
      <c r="GC6" s="65" t="s">
        <v>49</v>
      </c>
      <c r="GD6" s="65" t="s">
        <v>50</v>
      </c>
      <c r="GE6" s="65" t="s">
        <v>51</v>
      </c>
      <c r="GF6" s="66" t="s">
        <v>45</v>
      </c>
      <c r="GG6" s="69" t="s">
        <v>52</v>
      </c>
      <c r="GH6" s="64" t="s">
        <v>43</v>
      </c>
      <c r="GI6" s="65" t="s">
        <v>44</v>
      </c>
      <c r="GJ6" s="66" t="s">
        <v>45</v>
      </c>
      <c r="GK6" s="67" t="s">
        <v>46</v>
      </c>
      <c r="GL6" s="65" t="s">
        <v>47</v>
      </c>
      <c r="GM6" s="65" t="s">
        <v>48</v>
      </c>
      <c r="GN6" s="65" t="s">
        <v>49</v>
      </c>
      <c r="GO6" s="65" t="s">
        <v>50</v>
      </c>
      <c r="GP6" s="65" t="s">
        <v>51</v>
      </c>
      <c r="GQ6" s="66" t="s">
        <v>45</v>
      </c>
      <c r="GR6" s="69" t="s">
        <v>52</v>
      </c>
      <c r="GS6" s="59" t="s">
        <v>43</v>
      </c>
      <c r="GT6" s="60" t="s">
        <v>44</v>
      </c>
      <c r="GU6" s="61" t="s">
        <v>45</v>
      </c>
      <c r="GV6" s="62" t="s">
        <v>46</v>
      </c>
      <c r="GW6" s="60" t="s">
        <v>47</v>
      </c>
      <c r="GX6" s="60" t="s">
        <v>48</v>
      </c>
      <c r="GY6" s="60" t="s">
        <v>49</v>
      </c>
      <c r="GZ6" s="60" t="s">
        <v>50</v>
      </c>
      <c r="HA6" s="60" t="s">
        <v>51</v>
      </c>
      <c r="HB6" s="61" t="s">
        <v>45</v>
      </c>
      <c r="HC6" s="63" t="s">
        <v>52</v>
      </c>
      <c r="HD6" s="64" t="s">
        <v>43</v>
      </c>
      <c r="HE6" s="65" t="s">
        <v>44</v>
      </c>
      <c r="HF6" s="66" t="s">
        <v>45</v>
      </c>
      <c r="HG6" s="67" t="s">
        <v>46</v>
      </c>
      <c r="HH6" s="65" t="s">
        <v>47</v>
      </c>
      <c r="HI6" s="65" t="s">
        <v>48</v>
      </c>
      <c r="HJ6" s="65" t="s">
        <v>49</v>
      </c>
      <c r="HK6" s="65" t="s">
        <v>50</v>
      </c>
      <c r="HL6" s="65" t="s">
        <v>51</v>
      </c>
      <c r="HM6" s="66" t="s">
        <v>45</v>
      </c>
      <c r="HN6" s="69" t="s">
        <v>52</v>
      </c>
      <c r="HO6" s="64" t="s">
        <v>43</v>
      </c>
      <c r="HP6" s="65" t="s">
        <v>44</v>
      </c>
      <c r="HQ6" s="66" t="s">
        <v>45</v>
      </c>
      <c r="HR6" s="67" t="s">
        <v>46</v>
      </c>
      <c r="HS6" s="65" t="s">
        <v>47</v>
      </c>
      <c r="HT6" s="65" t="s">
        <v>48</v>
      </c>
      <c r="HU6" s="65" t="s">
        <v>49</v>
      </c>
      <c r="HV6" s="65" t="s">
        <v>50</v>
      </c>
      <c r="HW6" s="65" t="s">
        <v>51</v>
      </c>
      <c r="HX6" s="66" t="s">
        <v>45</v>
      </c>
      <c r="HY6" s="69" t="s">
        <v>52</v>
      </c>
      <c r="HZ6" s="64" t="s">
        <v>43</v>
      </c>
      <c r="IA6" s="65" t="s">
        <v>44</v>
      </c>
      <c r="IB6" s="66" t="s">
        <v>45</v>
      </c>
      <c r="IC6" s="67" t="s">
        <v>46</v>
      </c>
      <c r="ID6" s="65" t="s">
        <v>47</v>
      </c>
      <c r="IE6" s="65" t="s">
        <v>48</v>
      </c>
      <c r="IF6" s="65" t="s">
        <v>49</v>
      </c>
      <c r="IG6" s="65" t="s">
        <v>50</v>
      </c>
      <c r="IH6" s="65" t="s">
        <v>51</v>
      </c>
      <c r="II6" s="66" t="s">
        <v>45</v>
      </c>
      <c r="IJ6" s="69" t="s">
        <v>52</v>
      </c>
      <c r="IK6" s="64" t="s">
        <v>43</v>
      </c>
      <c r="IL6" s="65" t="s">
        <v>44</v>
      </c>
      <c r="IM6" s="66" t="s">
        <v>45</v>
      </c>
      <c r="IN6" s="67" t="s">
        <v>46</v>
      </c>
      <c r="IO6" s="65" t="s">
        <v>47</v>
      </c>
      <c r="IP6" s="65" t="s">
        <v>48</v>
      </c>
      <c r="IQ6" s="65" t="s">
        <v>49</v>
      </c>
      <c r="IR6" s="65" t="s">
        <v>50</v>
      </c>
      <c r="IS6" s="65" t="s">
        <v>51</v>
      </c>
      <c r="IT6" s="66" t="s">
        <v>45</v>
      </c>
      <c r="IU6" s="69" t="s">
        <v>52</v>
      </c>
      <c r="IV6" s="64" t="s">
        <v>43</v>
      </c>
      <c r="IW6" s="65" t="s">
        <v>44</v>
      </c>
      <c r="IX6" s="66" t="s">
        <v>45</v>
      </c>
      <c r="IY6" s="67" t="s">
        <v>46</v>
      </c>
      <c r="IZ6" s="65" t="s">
        <v>47</v>
      </c>
      <c r="JA6" s="65" t="s">
        <v>48</v>
      </c>
      <c r="JB6" s="65" t="s">
        <v>49</v>
      </c>
      <c r="JC6" s="65" t="s">
        <v>50</v>
      </c>
      <c r="JD6" s="65" t="s">
        <v>51</v>
      </c>
      <c r="JE6" s="66" t="s">
        <v>45</v>
      </c>
      <c r="JF6" s="69" t="s">
        <v>52</v>
      </c>
      <c r="JG6" s="64" t="s">
        <v>43</v>
      </c>
      <c r="JH6" s="65" t="s">
        <v>44</v>
      </c>
      <c r="JI6" s="66" t="s">
        <v>45</v>
      </c>
      <c r="JJ6" s="67" t="s">
        <v>46</v>
      </c>
      <c r="JK6" s="65" t="s">
        <v>47</v>
      </c>
      <c r="JL6" s="65" t="s">
        <v>48</v>
      </c>
      <c r="JM6" s="65" t="s">
        <v>49</v>
      </c>
      <c r="JN6" s="65" t="s">
        <v>50</v>
      </c>
      <c r="JO6" s="65" t="s">
        <v>51</v>
      </c>
      <c r="JP6" s="66" t="s">
        <v>45</v>
      </c>
      <c r="JQ6" s="69" t="s">
        <v>52</v>
      </c>
      <c r="JR6" s="64" t="s">
        <v>43</v>
      </c>
      <c r="JS6" s="65" t="s">
        <v>44</v>
      </c>
      <c r="JT6" s="66" t="s">
        <v>45</v>
      </c>
      <c r="JU6" s="67" t="s">
        <v>46</v>
      </c>
      <c r="JV6" s="65" t="s">
        <v>47</v>
      </c>
      <c r="JW6" s="65" t="s">
        <v>48</v>
      </c>
      <c r="JX6" s="65" t="s">
        <v>49</v>
      </c>
      <c r="JY6" s="65" t="s">
        <v>50</v>
      </c>
      <c r="JZ6" s="65" t="s">
        <v>51</v>
      </c>
      <c r="KA6" s="66" t="s">
        <v>45</v>
      </c>
      <c r="KB6" s="69" t="s">
        <v>52</v>
      </c>
      <c r="KC6" s="64" t="s">
        <v>43</v>
      </c>
      <c r="KD6" s="65" t="s">
        <v>44</v>
      </c>
      <c r="KE6" s="66" t="s">
        <v>45</v>
      </c>
      <c r="KF6" s="67" t="s">
        <v>46</v>
      </c>
      <c r="KG6" s="65" t="s">
        <v>47</v>
      </c>
      <c r="KH6" s="65" t="s">
        <v>48</v>
      </c>
      <c r="KI6" s="65" t="s">
        <v>49</v>
      </c>
      <c r="KJ6" s="65" t="s">
        <v>50</v>
      </c>
      <c r="KK6" s="65" t="s">
        <v>51</v>
      </c>
      <c r="KL6" s="66" t="s">
        <v>45</v>
      </c>
      <c r="KM6" s="69" t="s">
        <v>52</v>
      </c>
    </row>
    <row r="7" spans="2:299" s="56" customFormat="1" ht="21" customHeight="1" x14ac:dyDescent="0.2">
      <c r="B7" s="70" t="s">
        <v>4</v>
      </c>
      <c r="C7" s="71">
        <v>4418</v>
      </c>
      <c r="D7" s="72">
        <v>4251</v>
      </c>
      <c r="E7" s="73">
        <v>8669</v>
      </c>
      <c r="F7" s="398">
        <v>0</v>
      </c>
      <c r="G7" s="72">
        <v>5965</v>
      </c>
      <c r="H7" s="72">
        <v>5485</v>
      </c>
      <c r="I7" s="72">
        <v>3376</v>
      </c>
      <c r="J7" s="72">
        <v>2769</v>
      </c>
      <c r="K7" s="72">
        <v>1502</v>
      </c>
      <c r="L7" s="74">
        <v>19097</v>
      </c>
      <c r="M7" s="75">
        <v>27766</v>
      </c>
      <c r="N7" s="76">
        <v>65</v>
      </c>
      <c r="O7" s="77">
        <v>68</v>
      </c>
      <c r="P7" s="78">
        <v>133</v>
      </c>
      <c r="Q7" s="398">
        <v>0</v>
      </c>
      <c r="R7" s="77">
        <v>75</v>
      </c>
      <c r="S7" s="77">
        <v>95</v>
      </c>
      <c r="T7" s="77">
        <v>60</v>
      </c>
      <c r="U7" s="77">
        <v>57</v>
      </c>
      <c r="V7" s="77">
        <v>33</v>
      </c>
      <c r="W7" s="78">
        <v>320</v>
      </c>
      <c r="X7" s="79">
        <v>453</v>
      </c>
      <c r="Y7" s="76">
        <v>147</v>
      </c>
      <c r="Z7" s="77">
        <v>158</v>
      </c>
      <c r="AA7" s="78">
        <v>305</v>
      </c>
      <c r="AB7" s="398">
        <v>0</v>
      </c>
      <c r="AC7" s="77">
        <v>178</v>
      </c>
      <c r="AD7" s="77">
        <v>224</v>
      </c>
      <c r="AE7" s="77">
        <v>117</v>
      </c>
      <c r="AF7" s="77">
        <v>117</v>
      </c>
      <c r="AG7" s="77">
        <v>91</v>
      </c>
      <c r="AH7" s="78">
        <v>727</v>
      </c>
      <c r="AI7" s="79">
        <v>1032</v>
      </c>
      <c r="AJ7" s="76">
        <v>352</v>
      </c>
      <c r="AK7" s="77">
        <v>370</v>
      </c>
      <c r="AL7" s="78">
        <v>722</v>
      </c>
      <c r="AM7" s="398">
        <v>0</v>
      </c>
      <c r="AN7" s="77">
        <v>454</v>
      </c>
      <c r="AO7" s="77">
        <v>440</v>
      </c>
      <c r="AP7" s="77">
        <v>251</v>
      </c>
      <c r="AQ7" s="77">
        <v>228</v>
      </c>
      <c r="AR7" s="77">
        <v>163</v>
      </c>
      <c r="AS7" s="78">
        <v>1536</v>
      </c>
      <c r="AT7" s="79">
        <v>2258</v>
      </c>
      <c r="AU7" s="76">
        <v>874</v>
      </c>
      <c r="AV7" s="77">
        <v>842</v>
      </c>
      <c r="AW7" s="78">
        <v>1716</v>
      </c>
      <c r="AX7" s="398">
        <v>0</v>
      </c>
      <c r="AY7" s="77">
        <v>1185</v>
      </c>
      <c r="AZ7" s="77">
        <v>964</v>
      </c>
      <c r="BA7" s="77">
        <v>568</v>
      </c>
      <c r="BB7" s="77">
        <v>407</v>
      </c>
      <c r="BC7" s="77">
        <v>282</v>
      </c>
      <c r="BD7" s="78">
        <v>3406</v>
      </c>
      <c r="BE7" s="79">
        <v>5122</v>
      </c>
      <c r="BF7" s="76">
        <v>1533</v>
      </c>
      <c r="BG7" s="77">
        <v>1380</v>
      </c>
      <c r="BH7" s="78">
        <v>2913</v>
      </c>
      <c r="BI7" s="398">
        <v>0</v>
      </c>
      <c r="BJ7" s="77">
        <v>1952</v>
      </c>
      <c r="BK7" s="77">
        <v>1591</v>
      </c>
      <c r="BL7" s="77">
        <v>961</v>
      </c>
      <c r="BM7" s="77">
        <v>743</v>
      </c>
      <c r="BN7" s="77">
        <v>385</v>
      </c>
      <c r="BO7" s="78">
        <v>5632</v>
      </c>
      <c r="BP7" s="79">
        <v>8545</v>
      </c>
      <c r="BQ7" s="76">
        <v>1447</v>
      </c>
      <c r="BR7" s="77">
        <v>1433</v>
      </c>
      <c r="BS7" s="78">
        <v>2880</v>
      </c>
      <c r="BT7" s="398">
        <v>0</v>
      </c>
      <c r="BU7" s="77">
        <v>2121</v>
      </c>
      <c r="BV7" s="77">
        <v>2171</v>
      </c>
      <c r="BW7" s="77">
        <v>1419</v>
      </c>
      <c r="BX7" s="77">
        <v>1217</v>
      </c>
      <c r="BY7" s="77">
        <v>548</v>
      </c>
      <c r="BZ7" s="78">
        <v>7476</v>
      </c>
      <c r="CA7" s="79">
        <v>10356</v>
      </c>
      <c r="CB7" s="76">
        <v>0</v>
      </c>
      <c r="CC7" s="77">
        <v>0</v>
      </c>
      <c r="CD7" s="78">
        <v>0</v>
      </c>
      <c r="CE7" s="398">
        <v>0</v>
      </c>
      <c r="CF7" s="77">
        <v>0</v>
      </c>
      <c r="CG7" s="77">
        <v>0</v>
      </c>
      <c r="CH7" s="77">
        <v>0</v>
      </c>
      <c r="CI7" s="77">
        <v>0</v>
      </c>
      <c r="CJ7" s="77">
        <v>0</v>
      </c>
      <c r="CK7" s="78">
        <v>0</v>
      </c>
      <c r="CL7" s="79">
        <v>0</v>
      </c>
      <c r="CM7" s="76">
        <v>4418</v>
      </c>
      <c r="CN7" s="77">
        <v>4251</v>
      </c>
      <c r="CO7" s="78">
        <v>8669</v>
      </c>
      <c r="CP7" s="398">
        <v>0</v>
      </c>
      <c r="CQ7" s="77">
        <v>5965</v>
      </c>
      <c r="CR7" s="77">
        <v>5485</v>
      </c>
      <c r="CS7" s="77">
        <v>3376</v>
      </c>
      <c r="CT7" s="77">
        <v>2769</v>
      </c>
      <c r="CU7" s="77">
        <v>1502</v>
      </c>
      <c r="CV7" s="78">
        <v>19097</v>
      </c>
      <c r="CW7" s="79">
        <v>27766</v>
      </c>
      <c r="CX7" s="80">
        <v>685</v>
      </c>
      <c r="CY7" s="72">
        <v>773</v>
      </c>
      <c r="CZ7" s="73">
        <v>1458</v>
      </c>
      <c r="DA7" s="398">
        <v>0</v>
      </c>
      <c r="DB7" s="72">
        <v>885</v>
      </c>
      <c r="DC7" s="72">
        <v>813</v>
      </c>
      <c r="DD7" s="72">
        <v>561</v>
      </c>
      <c r="DE7" s="72">
        <v>559</v>
      </c>
      <c r="DF7" s="72">
        <v>354</v>
      </c>
      <c r="DG7" s="74">
        <v>3172</v>
      </c>
      <c r="DH7" s="75">
        <v>4630</v>
      </c>
      <c r="DI7" s="76">
        <v>24</v>
      </c>
      <c r="DJ7" s="77">
        <v>26</v>
      </c>
      <c r="DK7" s="78">
        <v>50</v>
      </c>
      <c r="DL7" s="398">
        <v>0</v>
      </c>
      <c r="DM7" s="77">
        <v>14</v>
      </c>
      <c r="DN7" s="77">
        <v>16</v>
      </c>
      <c r="DO7" s="77">
        <v>14</v>
      </c>
      <c r="DP7" s="77">
        <v>10</v>
      </c>
      <c r="DQ7" s="77">
        <v>6</v>
      </c>
      <c r="DR7" s="78">
        <v>60</v>
      </c>
      <c r="DS7" s="79">
        <v>110</v>
      </c>
      <c r="DT7" s="76">
        <v>57</v>
      </c>
      <c r="DU7" s="77">
        <v>52</v>
      </c>
      <c r="DV7" s="78">
        <v>109</v>
      </c>
      <c r="DW7" s="398">
        <v>0</v>
      </c>
      <c r="DX7" s="77">
        <v>31</v>
      </c>
      <c r="DY7" s="77">
        <v>22</v>
      </c>
      <c r="DZ7" s="77">
        <v>16</v>
      </c>
      <c r="EA7" s="77">
        <v>11</v>
      </c>
      <c r="EB7" s="77">
        <v>9</v>
      </c>
      <c r="EC7" s="78">
        <v>89</v>
      </c>
      <c r="ED7" s="79">
        <v>198</v>
      </c>
      <c r="EE7" s="76">
        <v>96</v>
      </c>
      <c r="EF7" s="77">
        <v>97</v>
      </c>
      <c r="EG7" s="78">
        <v>193</v>
      </c>
      <c r="EH7" s="398">
        <v>0</v>
      </c>
      <c r="EI7" s="77">
        <v>74</v>
      </c>
      <c r="EJ7" s="77">
        <v>62</v>
      </c>
      <c r="EK7" s="77">
        <v>32</v>
      </c>
      <c r="EL7" s="77">
        <v>28</v>
      </c>
      <c r="EM7" s="77">
        <v>35</v>
      </c>
      <c r="EN7" s="78">
        <v>231</v>
      </c>
      <c r="EO7" s="79">
        <v>424</v>
      </c>
      <c r="EP7" s="76">
        <v>173</v>
      </c>
      <c r="EQ7" s="77">
        <v>192</v>
      </c>
      <c r="ER7" s="78">
        <v>365</v>
      </c>
      <c r="ES7" s="398">
        <v>0</v>
      </c>
      <c r="ET7" s="77">
        <v>192</v>
      </c>
      <c r="EU7" s="77">
        <v>144</v>
      </c>
      <c r="EV7" s="77">
        <v>76</v>
      </c>
      <c r="EW7" s="77">
        <v>70</v>
      </c>
      <c r="EX7" s="77">
        <v>36</v>
      </c>
      <c r="EY7" s="78">
        <v>518</v>
      </c>
      <c r="EZ7" s="79">
        <v>883</v>
      </c>
      <c r="FA7" s="76">
        <v>199</v>
      </c>
      <c r="FB7" s="77">
        <v>226</v>
      </c>
      <c r="FC7" s="78">
        <v>425</v>
      </c>
      <c r="FD7" s="398">
        <v>0</v>
      </c>
      <c r="FE7" s="77">
        <v>257</v>
      </c>
      <c r="FF7" s="77">
        <v>227</v>
      </c>
      <c r="FG7" s="77">
        <v>134</v>
      </c>
      <c r="FH7" s="77">
        <v>119</v>
      </c>
      <c r="FI7" s="77">
        <v>83</v>
      </c>
      <c r="FJ7" s="78">
        <v>820</v>
      </c>
      <c r="FK7" s="79">
        <v>1245</v>
      </c>
      <c r="FL7" s="76">
        <v>136</v>
      </c>
      <c r="FM7" s="77">
        <v>180</v>
      </c>
      <c r="FN7" s="78">
        <v>316</v>
      </c>
      <c r="FO7" s="398">
        <v>0</v>
      </c>
      <c r="FP7" s="77">
        <v>317</v>
      </c>
      <c r="FQ7" s="77">
        <v>342</v>
      </c>
      <c r="FR7" s="77">
        <v>289</v>
      </c>
      <c r="FS7" s="77">
        <v>321</v>
      </c>
      <c r="FT7" s="77">
        <v>185</v>
      </c>
      <c r="FU7" s="78">
        <v>1454</v>
      </c>
      <c r="FV7" s="79">
        <v>1770</v>
      </c>
      <c r="FW7" s="76">
        <v>0</v>
      </c>
      <c r="FX7" s="77">
        <v>0</v>
      </c>
      <c r="FY7" s="78">
        <v>0</v>
      </c>
      <c r="FZ7" s="398">
        <v>0</v>
      </c>
      <c r="GA7" s="77">
        <v>0</v>
      </c>
      <c r="GB7" s="77">
        <v>0</v>
      </c>
      <c r="GC7" s="77">
        <v>0</v>
      </c>
      <c r="GD7" s="77">
        <v>0</v>
      </c>
      <c r="GE7" s="77">
        <v>0</v>
      </c>
      <c r="GF7" s="78">
        <v>0</v>
      </c>
      <c r="GG7" s="79">
        <v>0</v>
      </c>
      <c r="GH7" s="76">
        <v>685</v>
      </c>
      <c r="GI7" s="77">
        <v>773</v>
      </c>
      <c r="GJ7" s="78">
        <v>1458</v>
      </c>
      <c r="GK7" s="398">
        <v>0</v>
      </c>
      <c r="GL7" s="77">
        <v>885</v>
      </c>
      <c r="GM7" s="77">
        <v>813</v>
      </c>
      <c r="GN7" s="77">
        <v>561</v>
      </c>
      <c r="GO7" s="77">
        <v>559</v>
      </c>
      <c r="GP7" s="77">
        <v>354</v>
      </c>
      <c r="GQ7" s="78">
        <v>3172</v>
      </c>
      <c r="GR7" s="79">
        <v>4630</v>
      </c>
      <c r="GS7" s="80">
        <v>5103</v>
      </c>
      <c r="GT7" s="72">
        <v>5024</v>
      </c>
      <c r="GU7" s="73">
        <v>10127</v>
      </c>
      <c r="GV7" s="398">
        <v>0</v>
      </c>
      <c r="GW7" s="72">
        <v>6850</v>
      </c>
      <c r="GX7" s="72">
        <v>6298</v>
      </c>
      <c r="GY7" s="72">
        <v>3937</v>
      </c>
      <c r="GZ7" s="72">
        <v>3328</v>
      </c>
      <c r="HA7" s="72">
        <v>1856</v>
      </c>
      <c r="HB7" s="74">
        <v>22269</v>
      </c>
      <c r="HC7" s="75">
        <v>32396</v>
      </c>
      <c r="HD7" s="76">
        <v>89</v>
      </c>
      <c r="HE7" s="77">
        <v>94</v>
      </c>
      <c r="HF7" s="78">
        <v>183</v>
      </c>
      <c r="HG7" s="398">
        <v>0</v>
      </c>
      <c r="HH7" s="77">
        <v>89</v>
      </c>
      <c r="HI7" s="77">
        <v>111</v>
      </c>
      <c r="HJ7" s="77">
        <v>74</v>
      </c>
      <c r="HK7" s="77">
        <v>67</v>
      </c>
      <c r="HL7" s="77">
        <v>39</v>
      </c>
      <c r="HM7" s="78">
        <v>380</v>
      </c>
      <c r="HN7" s="79">
        <v>563</v>
      </c>
      <c r="HO7" s="76">
        <v>204</v>
      </c>
      <c r="HP7" s="77">
        <v>210</v>
      </c>
      <c r="HQ7" s="78">
        <v>414</v>
      </c>
      <c r="HR7" s="398">
        <v>0</v>
      </c>
      <c r="HS7" s="77">
        <v>209</v>
      </c>
      <c r="HT7" s="77">
        <v>246</v>
      </c>
      <c r="HU7" s="77">
        <v>133</v>
      </c>
      <c r="HV7" s="77">
        <v>128</v>
      </c>
      <c r="HW7" s="77">
        <v>100</v>
      </c>
      <c r="HX7" s="78">
        <v>816</v>
      </c>
      <c r="HY7" s="79">
        <v>1230</v>
      </c>
      <c r="HZ7" s="76">
        <v>448</v>
      </c>
      <c r="IA7" s="77">
        <v>467</v>
      </c>
      <c r="IB7" s="78">
        <v>915</v>
      </c>
      <c r="IC7" s="398">
        <v>0</v>
      </c>
      <c r="ID7" s="77">
        <v>528</v>
      </c>
      <c r="IE7" s="77">
        <v>502</v>
      </c>
      <c r="IF7" s="77">
        <v>283</v>
      </c>
      <c r="IG7" s="77">
        <v>256</v>
      </c>
      <c r="IH7" s="77">
        <v>198</v>
      </c>
      <c r="II7" s="78">
        <v>1767</v>
      </c>
      <c r="IJ7" s="79">
        <v>2682</v>
      </c>
      <c r="IK7" s="76">
        <v>1047</v>
      </c>
      <c r="IL7" s="77">
        <v>1034</v>
      </c>
      <c r="IM7" s="78">
        <v>2081</v>
      </c>
      <c r="IN7" s="398">
        <v>0</v>
      </c>
      <c r="IO7" s="77">
        <v>1377</v>
      </c>
      <c r="IP7" s="77">
        <v>1108</v>
      </c>
      <c r="IQ7" s="77">
        <v>644</v>
      </c>
      <c r="IR7" s="77">
        <v>477</v>
      </c>
      <c r="IS7" s="77">
        <v>318</v>
      </c>
      <c r="IT7" s="78">
        <v>3924</v>
      </c>
      <c r="IU7" s="79">
        <v>6005</v>
      </c>
      <c r="IV7" s="76">
        <v>1732</v>
      </c>
      <c r="IW7" s="77">
        <v>1606</v>
      </c>
      <c r="IX7" s="78">
        <v>3338</v>
      </c>
      <c r="IY7" s="398">
        <v>0</v>
      </c>
      <c r="IZ7" s="77">
        <v>2209</v>
      </c>
      <c r="JA7" s="77">
        <v>1818</v>
      </c>
      <c r="JB7" s="77">
        <v>1095</v>
      </c>
      <c r="JC7" s="77">
        <v>862</v>
      </c>
      <c r="JD7" s="77">
        <v>468</v>
      </c>
      <c r="JE7" s="78">
        <v>6452</v>
      </c>
      <c r="JF7" s="79">
        <v>9790</v>
      </c>
      <c r="JG7" s="76">
        <v>1583</v>
      </c>
      <c r="JH7" s="77">
        <v>1613</v>
      </c>
      <c r="JI7" s="78">
        <v>3196</v>
      </c>
      <c r="JJ7" s="398">
        <v>0</v>
      </c>
      <c r="JK7" s="77">
        <v>2438</v>
      </c>
      <c r="JL7" s="77">
        <v>2513</v>
      </c>
      <c r="JM7" s="77">
        <v>1708</v>
      </c>
      <c r="JN7" s="77">
        <v>1538</v>
      </c>
      <c r="JO7" s="77">
        <v>733</v>
      </c>
      <c r="JP7" s="78">
        <v>8930</v>
      </c>
      <c r="JQ7" s="79">
        <v>12126</v>
      </c>
      <c r="JR7" s="76">
        <v>0</v>
      </c>
      <c r="JS7" s="77">
        <v>0</v>
      </c>
      <c r="JT7" s="78">
        <v>0</v>
      </c>
      <c r="JU7" s="398">
        <v>0</v>
      </c>
      <c r="JV7" s="77">
        <v>0</v>
      </c>
      <c r="JW7" s="77">
        <v>0</v>
      </c>
      <c r="JX7" s="77">
        <v>0</v>
      </c>
      <c r="JY7" s="77">
        <v>0</v>
      </c>
      <c r="JZ7" s="77">
        <v>0</v>
      </c>
      <c r="KA7" s="78">
        <v>0</v>
      </c>
      <c r="KB7" s="79">
        <v>0</v>
      </c>
      <c r="KC7" s="76">
        <v>5103</v>
      </c>
      <c r="KD7" s="77">
        <v>5024</v>
      </c>
      <c r="KE7" s="78">
        <v>10127</v>
      </c>
      <c r="KF7" s="398">
        <v>0</v>
      </c>
      <c r="KG7" s="77">
        <v>6850</v>
      </c>
      <c r="KH7" s="77">
        <v>6298</v>
      </c>
      <c r="KI7" s="77">
        <v>3937</v>
      </c>
      <c r="KJ7" s="77">
        <v>3328</v>
      </c>
      <c r="KK7" s="77">
        <v>1856</v>
      </c>
      <c r="KL7" s="78">
        <v>22269</v>
      </c>
      <c r="KM7" s="79">
        <v>32396</v>
      </c>
    </row>
    <row r="8" spans="2:299" s="56" customFormat="1" ht="21" customHeight="1" x14ac:dyDescent="0.2">
      <c r="B8" s="81" t="s">
        <v>5</v>
      </c>
      <c r="C8" s="82">
        <v>1810</v>
      </c>
      <c r="D8" s="83">
        <v>2144</v>
      </c>
      <c r="E8" s="84">
        <v>3954</v>
      </c>
      <c r="F8" s="399">
        <v>0</v>
      </c>
      <c r="G8" s="83">
        <v>2145</v>
      </c>
      <c r="H8" s="83">
        <v>2583</v>
      </c>
      <c r="I8" s="83">
        <v>1536</v>
      </c>
      <c r="J8" s="83">
        <v>1254</v>
      </c>
      <c r="K8" s="83">
        <v>661</v>
      </c>
      <c r="L8" s="85">
        <v>8179</v>
      </c>
      <c r="M8" s="86">
        <v>12133</v>
      </c>
      <c r="N8" s="87">
        <v>19</v>
      </c>
      <c r="O8" s="88">
        <v>36</v>
      </c>
      <c r="P8" s="89">
        <v>55</v>
      </c>
      <c r="Q8" s="399">
        <v>0</v>
      </c>
      <c r="R8" s="88">
        <v>31</v>
      </c>
      <c r="S8" s="88">
        <v>44</v>
      </c>
      <c r="T8" s="88">
        <v>23</v>
      </c>
      <c r="U8" s="88">
        <v>24</v>
      </c>
      <c r="V8" s="88">
        <v>12</v>
      </c>
      <c r="W8" s="89">
        <v>134</v>
      </c>
      <c r="X8" s="90">
        <v>189</v>
      </c>
      <c r="Y8" s="87">
        <v>48</v>
      </c>
      <c r="Z8" s="88">
        <v>72</v>
      </c>
      <c r="AA8" s="89">
        <v>120</v>
      </c>
      <c r="AB8" s="399">
        <v>0</v>
      </c>
      <c r="AC8" s="88">
        <v>53</v>
      </c>
      <c r="AD8" s="88">
        <v>108</v>
      </c>
      <c r="AE8" s="88">
        <v>54</v>
      </c>
      <c r="AF8" s="88">
        <v>51</v>
      </c>
      <c r="AG8" s="88">
        <v>37</v>
      </c>
      <c r="AH8" s="89">
        <v>303</v>
      </c>
      <c r="AI8" s="90">
        <v>423</v>
      </c>
      <c r="AJ8" s="87">
        <v>139</v>
      </c>
      <c r="AK8" s="88">
        <v>181</v>
      </c>
      <c r="AL8" s="89">
        <v>320</v>
      </c>
      <c r="AM8" s="399">
        <v>0</v>
      </c>
      <c r="AN8" s="88">
        <v>149</v>
      </c>
      <c r="AO8" s="88">
        <v>195</v>
      </c>
      <c r="AP8" s="88">
        <v>118</v>
      </c>
      <c r="AQ8" s="88">
        <v>87</v>
      </c>
      <c r="AR8" s="88">
        <v>63</v>
      </c>
      <c r="AS8" s="89">
        <v>612</v>
      </c>
      <c r="AT8" s="90">
        <v>932</v>
      </c>
      <c r="AU8" s="87">
        <v>340</v>
      </c>
      <c r="AV8" s="88">
        <v>409</v>
      </c>
      <c r="AW8" s="89">
        <v>749</v>
      </c>
      <c r="AX8" s="399">
        <v>0</v>
      </c>
      <c r="AY8" s="88">
        <v>395</v>
      </c>
      <c r="AZ8" s="88">
        <v>411</v>
      </c>
      <c r="BA8" s="88">
        <v>250</v>
      </c>
      <c r="BB8" s="88">
        <v>172</v>
      </c>
      <c r="BC8" s="88">
        <v>133</v>
      </c>
      <c r="BD8" s="89">
        <v>1361</v>
      </c>
      <c r="BE8" s="90">
        <v>2110</v>
      </c>
      <c r="BF8" s="87">
        <v>608</v>
      </c>
      <c r="BG8" s="88">
        <v>672</v>
      </c>
      <c r="BH8" s="89">
        <v>1280</v>
      </c>
      <c r="BI8" s="399">
        <v>0</v>
      </c>
      <c r="BJ8" s="88">
        <v>705</v>
      </c>
      <c r="BK8" s="88">
        <v>773</v>
      </c>
      <c r="BL8" s="88">
        <v>417</v>
      </c>
      <c r="BM8" s="88">
        <v>322</v>
      </c>
      <c r="BN8" s="88">
        <v>172</v>
      </c>
      <c r="BO8" s="89">
        <v>2389</v>
      </c>
      <c r="BP8" s="90">
        <v>3669</v>
      </c>
      <c r="BQ8" s="87">
        <v>656</v>
      </c>
      <c r="BR8" s="88">
        <v>774</v>
      </c>
      <c r="BS8" s="89">
        <v>1430</v>
      </c>
      <c r="BT8" s="399">
        <v>0</v>
      </c>
      <c r="BU8" s="88">
        <v>812</v>
      </c>
      <c r="BV8" s="88">
        <v>1052</v>
      </c>
      <c r="BW8" s="88">
        <v>674</v>
      </c>
      <c r="BX8" s="88">
        <v>598</v>
      </c>
      <c r="BY8" s="88">
        <v>244</v>
      </c>
      <c r="BZ8" s="89">
        <v>3380</v>
      </c>
      <c r="CA8" s="90">
        <v>4810</v>
      </c>
      <c r="CB8" s="87">
        <v>0</v>
      </c>
      <c r="CC8" s="88">
        <v>0</v>
      </c>
      <c r="CD8" s="89">
        <v>0</v>
      </c>
      <c r="CE8" s="399">
        <v>0</v>
      </c>
      <c r="CF8" s="88">
        <v>0</v>
      </c>
      <c r="CG8" s="88">
        <v>0</v>
      </c>
      <c r="CH8" s="88">
        <v>0</v>
      </c>
      <c r="CI8" s="88">
        <v>0</v>
      </c>
      <c r="CJ8" s="88">
        <v>0</v>
      </c>
      <c r="CK8" s="89">
        <v>0</v>
      </c>
      <c r="CL8" s="90">
        <v>0</v>
      </c>
      <c r="CM8" s="87">
        <v>1810</v>
      </c>
      <c r="CN8" s="88">
        <v>2144</v>
      </c>
      <c r="CO8" s="89">
        <v>3954</v>
      </c>
      <c r="CP8" s="399">
        <v>0</v>
      </c>
      <c r="CQ8" s="88">
        <v>2145</v>
      </c>
      <c r="CR8" s="88">
        <v>2583</v>
      </c>
      <c r="CS8" s="88">
        <v>1536</v>
      </c>
      <c r="CT8" s="88">
        <v>1254</v>
      </c>
      <c r="CU8" s="88">
        <v>661</v>
      </c>
      <c r="CV8" s="89">
        <v>8179</v>
      </c>
      <c r="CW8" s="90">
        <v>12133</v>
      </c>
      <c r="CX8" s="91">
        <v>288</v>
      </c>
      <c r="CY8" s="83">
        <v>371</v>
      </c>
      <c r="CZ8" s="84">
        <v>659</v>
      </c>
      <c r="DA8" s="399">
        <v>0</v>
      </c>
      <c r="DB8" s="83">
        <v>323</v>
      </c>
      <c r="DC8" s="83">
        <v>392</v>
      </c>
      <c r="DD8" s="83">
        <v>264</v>
      </c>
      <c r="DE8" s="83">
        <v>255</v>
      </c>
      <c r="DF8" s="83">
        <v>162</v>
      </c>
      <c r="DG8" s="85">
        <v>1396</v>
      </c>
      <c r="DH8" s="86">
        <v>2055</v>
      </c>
      <c r="DI8" s="87">
        <v>11</v>
      </c>
      <c r="DJ8" s="88">
        <v>10</v>
      </c>
      <c r="DK8" s="89">
        <v>21</v>
      </c>
      <c r="DL8" s="399">
        <v>0</v>
      </c>
      <c r="DM8" s="88">
        <v>5</v>
      </c>
      <c r="DN8" s="88">
        <v>7</v>
      </c>
      <c r="DO8" s="88">
        <v>7</v>
      </c>
      <c r="DP8" s="88">
        <v>4</v>
      </c>
      <c r="DQ8" s="88">
        <v>2</v>
      </c>
      <c r="DR8" s="89">
        <v>25</v>
      </c>
      <c r="DS8" s="90">
        <v>46</v>
      </c>
      <c r="DT8" s="87">
        <v>23</v>
      </c>
      <c r="DU8" s="88">
        <v>25</v>
      </c>
      <c r="DV8" s="89">
        <v>48</v>
      </c>
      <c r="DW8" s="399">
        <v>0</v>
      </c>
      <c r="DX8" s="88">
        <v>8</v>
      </c>
      <c r="DY8" s="88">
        <v>12</v>
      </c>
      <c r="DZ8" s="88">
        <v>11</v>
      </c>
      <c r="EA8" s="88">
        <v>4</v>
      </c>
      <c r="EB8" s="88">
        <v>3</v>
      </c>
      <c r="EC8" s="89">
        <v>38</v>
      </c>
      <c r="ED8" s="90">
        <v>86</v>
      </c>
      <c r="EE8" s="87">
        <v>38</v>
      </c>
      <c r="EF8" s="88">
        <v>50</v>
      </c>
      <c r="EG8" s="89">
        <v>88</v>
      </c>
      <c r="EH8" s="399">
        <v>0</v>
      </c>
      <c r="EI8" s="88">
        <v>34</v>
      </c>
      <c r="EJ8" s="88">
        <v>30</v>
      </c>
      <c r="EK8" s="88">
        <v>14</v>
      </c>
      <c r="EL8" s="88">
        <v>15</v>
      </c>
      <c r="EM8" s="88">
        <v>17</v>
      </c>
      <c r="EN8" s="89">
        <v>110</v>
      </c>
      <c r="EO8" s="90">
        <v>198</v>
      </c>
      <c r="EP8" s="87">
        <v>74</v>
      </c>
      <c r="EQ8" s="88">
        <v>96</v>
      </c>
      <c r="ER8" s="89">
        <v>170</v>
      </c>
      <c r="ES8" s="399">
        <v>0</v>
      </c>
      <c r="ET8" s="88">
        <v>79</v>
      </c>
      <c r="EU8" s="88">
        <v>70</v>
      </c>
      <c r="EV8" s="88">
        <v>34</v>
      </c>
      <c r="EW8" s="88">
        <v>42</v>
      </c>
      <c r="EX8" s="88">
        <v>22</v>
      </c>
      <c r="EY8" s="89">
        <v>247</v>
      </c>
      <c r="EZ8" s="90">
        <v>417</v>
      </c>
      <c r="FA8" s="87">
        <v>85</v>
      </c>
      <c r="FB8" s="88">
        <v>99</v>
      </c>
      <c r="FC8" s="89">
        <v>184</v>
      </c>
      <c r="FD8" s="399">
        <v>0</v>
      </c>
      <c r="FE8" s="88">
        <v>87</v>
      </c>
      <c r="FF8" s="88">
        <v>116</v>
      </c>
      <c r="FG8" s="88">
        <v>64</v>
      </c>
      <c r="FH8" s="88">
        <v>51</v>
      </c>
      <c r="FI8" s="88">
        <v>35</v>
      </c>
      <c r="FJ8" s="89">
        <v>353</v>
      </c>
      <c r="FK8" s="90">
        <v>537</v>
      </c>
      <c r="FL8" s="87">
        <v>57</v>
      </c>
      <c r="FM8" s="88">
        <v>91</v>
      </c>
      <c r="FN8" s="89">
        <v>148</v>
      </c>
      <c r="FO8" s="399">
        <v>0</v>
      </c>
      <c r="FP8" s="88">
        <v>110</v>
      </c>
      <c r="FQ8" s="88">
        <v>157</v>
      </c>
      <c r="FR8" s="88">
        <v>134</v>
      </c>
      <c r="FS8" s="88">
        <v>139</v>
      </c>
      <c r="FT8" s="88">
        <v>83</v>
      </c>
      <c r="FU8" s="89">
        <v>623</v>
      </c>
      <c r="FV8" s="90">
        <v>771</v>
      </c>
      <c r="FW8" s="87">
        <v>0</v>
      </c>
      <c r="FX8" s="88">
        <v>0</v>
      </c>
      <c r="FY8" s="89">
        <v>0</v>
      </c>
      <c r="FZ8" s="399">
        <v>0</v>
      </c>
      <c r="GA8" s="88">
        <v>0</v>
      </c>
      <c r="GB8" s="88">
        <v>0</v>
      </c>
      <c r="GC8" s="88">
        <v>0</v>
      </c>
      <c r="GD8" s="88">
        <v>0</v>
      </c>
      <c r="GE8" s="88">
        <v>0</v>
      </c>
      <c r="GF8" s="89">
        <v>0</v>
      </c>
      <c r="GG8" s="90">
        <v>0</v>
      </c>
      <c r="GH8" s="87">
        <v>288</v>
      </c>
      <c r="GI8" s="88">
        <v>371</v>
      </c>
      <c r="GJ8" s="89">
        <v>659</v>
      </c>
      <c r="GK8" s="399">
        <v>0</v>
      </c>
      <c r="GL8" s="88">
        <v>323</v>
      </c>
      <c r="GM8" s="88">
        <v>392</v>
      </c>
      <c r="GN8" s="88">
        <v>264</v>
      </c>
      <c r="GO8" s="88">
        <v>255</v>
      </c>
      <c r="GP8" s="88">
        <v>162</v>
      </c>
      <c r="GQ8" s="89">
        <v>1396</v>
      </c>
      <c r="GR8" s="90">
        <v>2055</v>
      </c>
      <c r="GS8" s="91">
        <v>2098</v>
      </c>
      <c r="GT8" s="83">
        <v>2515</v>
      </c>
      <c r="GU8" s="84">
        <v>4613</v>
      </c>
      <c r="GV8" s="399">
        <v>0</v>
      </c>
      <c r="GW8" s="83">
        <v>2468</v>
      </c>
      <c r="GX8" s="83">
        <v>2975</v>
      </c>
      <c r="GY8" s="83">
        <v>1800</v>
      </c>
      <c r="GZ8" s="83">
        <v>1509</v>
      </c>
      <c r="HA8" s="83">
        <v>823</v>
      </c>
      <c r="HB8" s="85">
        <v>9575</v>
      </c>
      <c r="HC8" s="86">
        <v>14188</v>
      </c>
      <c r="HD8" s="87">
        <v>30</v>
      </c>
      <c r="HE8" s="88">
        <v>46</v>
      </c>
      <c r="HF8" s="89">
        <v>76</v>
      </c>
      <c r="HG8" s="399">
        <v>0</v>
      </c>
      <c r="HH8" s="88">
        <v>36</v>
      </c>
      <c r="HI8" s="88">
        <v>51</v>
      </c>
      <c r="HJ8" s="88">
        <v>30</v>
      </c>
      <c r="HK8" s="88">
        <v>28</v>
      </c>
      <c r="HL8" s="88">
        <v>14</v>
      </c>
      <c r="HM8" s="89">
        <v>159</v>
      </c>
      <c r="HN8" s="90">
        <v>235</v>
      </c>
      <c r="HO8" s="87">
        <v>71</v>
      </c>
      <c r="HP8" s="88">
        <v>97</v>
      </c>
      <c r="HQ8" s="89">
        <v>168</v>
      </c>
      <c r="HR8" s="399">
        <v>0</v>
      </c>
      <c r="HS8" s="88">
        <v>61</v>
      </c>
      <c r="HT8" s="88">
        <v>120</v>
      </c>
      <c r="HU8" s="88">
        <v>65</v>
      </c>
      <c r="HV8" s="88">
        <v>55</v>
      </c>
      <c r="HW8" s="88">
        <v>40</v>
      </c>
      <c r="HX8" s="89">
        <v>341</v>
      </c>
      <c r="HY8" s="90">
        <v>509</v>
      </c>
      <c r="HZ8" s="87">
        <v>177</v>
      </c>
      <c r="IA8" s="88">
        <v>231</v>
      </c>
      <c r="IB8" s="89">
        <v>408</v>
      </c>
      <c r="IC8" s="399">
        <v>0</v>
      </c>
      <c r="ID8" s="88">
        <v>183</v>
      </c>
      <c r="IE8" s="88">
        <v>225</v>
      </c>
      <c r="IF8" s="88">
        <v>132</v>
      </c>
      <c r="IG8" s="88">
        <v>102</v>
      </c>
      <c r="IH8" s="88">
        <v>80</v>
      </c>
      <c r="II8" s="89">
        <v>722</v>
      </c>
      <c r="IJ8" s="90">
        <v>1130</v>
      </c>
      <c r="IK8" s="87">
        <v>414</v>
      </c>
      <c r="IL8" s="88">
        <v>505</v>
      </c>
      <c r="IM8" s="89">
        <v>919</v>
      </c>
      <c r="IN8" s="399">
        <v>0</v>
      </c>
      <c r="IO8" s="88">
        <v>474</v>
      </c>
      <c r="IP8" s="88">
        <v>481</v>
      </c>
      <c r="IQ8" s="88">
        <v>284</v>
      </c>
      <c r="IR8" s="88">
        <v>214</v>
      </c>
      <c r="IS8" s="88">
        <v>155</v>
      </c>
      <c r="IT8" s="89">
        <v>1608</v>
      </c>
      <c r="IU8" s="90">
        <v>2527</v>
      </c>
      <c r="IV8" s="87">
        <v>693</v>
      </c>
      <c r="IW8" s="88">
        <v>771</v>
      </c>
      <c r="IX8" s="89">
        <v>1464</v>
      </c>
      <c r="IY8" s="399">
        <v>0</v>
      </c>
      <c r="IZ8" s="88">
        <v>792</v>
      </c>
      <c r="JA8" s="88">
        <v>889</v>
      </c>
      <c r="JB8" s="88">
        <v>481</v>
      </c>
      <c r="JC8" s="88">
        <v>373</v>
      </c>
      <c r="JD8" s="88">
        <v>207</v>
      </c>
      <c r="JE8" s="89">
        <v>2742</v>
      </c>
      <c r="JF8" s="90">
        <v>4206</v>
      </c>
      <c r="JG8" s="87">
        <v>713</v>
      </c>
      <c r="JH8" s="88">
        <v>865</v>
      </c>
      <c r="JI8" s="89">
        <v>1578</v>
      </c>
      <c r="JJ8" s="399">
        <v>0</v>
      </c>
      <c r="JK8" s="88">
        <v>922</v>
      </c>
      <c r="JL8" s="88">
        <v>1209</v>
      </c>
      <c r="JM8" s="88">
        <v>808</v>
      </c>
      <c r="JN8" s="88">
        <v>737</v>
      </c>
      <c r="JO8" s="88">
        <v>327</v>
      </c>
      <c r="JP8" s="89">
        <v>4003</v>
      </c>
      <c r="JQ8" s="90">
        <v>5581</v>
      </c>
      <c r="JR8" s="87">
        <v>0</v>
      </c>
      <c r="JS8" s="88">
        <v>0</v>
      </c>
      <c r="JT8" s="89">
        <v>0</v>
      </c>
      <c r="JU8" s="399">
        <v>0</v>
      </c>
      <c r="JV8" s="88">
        <v>0</v>
      </c>
      <c r="JW8" s="88">
        <v>0</v>
      </c>
      <c r="JX8" s="88">
        <v>0</v>
      </c>
      <c r="JY8" s="88">
        <v>0</v>
      </c>
      <c r="JZ8" s="88">
        <v>0</v>
      </c>
      <c r="KA8" s="89">
        <v>0</v>
      </c>
      <c r="KB8" s="90">
        <v>0</v>
      </c>
      <c r="KC8" s="87">
        <v>2098</v>
      </c>
      <c r="KD8" s="88">
        <v>2515</v>
      </c>
      <c r="KE8" s="89">
        <v>4613</v>
      </c>
      <c r="KF8" s="399">
        <v>0</v>
      </c>
      <c r="KG8" s="88">
        <v>2468</v>
      </c>
      <c r="KH8" s="88">
        <v>2975</v>
      </c>
      <c r="KI8" s="88">
        <v>1800</v>
      </c>
      <c r="KJ8" s="88">
        <v>1509</v>
      </c>
      <c r="KK8" s="88">
        <v>823</v>
      </c>
      <c r="KL8" s="89">
        <v>9575</v>
      </c>
      <c r="KM8" s="90">
        <v>14188</v>
      </c>
    </row>
    <row r="9" spans="2:299" s="56" customFormat="1" ht="21" customHeight="1" x14ac:dyDescent="0.2">
      <c r="B9" s="92" t="s">
        <v>6</v>
      </c>
      <c r="C9" s="82">
        <v>512</v>
      </c>
      <c r="D9" s="83">
        <v>398</v>
      </c>
      <c r="E9" s="84">
        <v>910</v>
      </c>
      <c r="F9" s="399">
        <v>0</v>
      </c>
      <c r="G9" s="83">
        <v>794</v>
      </c>
      <c r="H9" s="83">
        <v>611</v>
      </c>
      <c r="I9" s="83">
        <v>385</v>
      </c>
      <c r="J9" s="83">
        <v>308</v>
      </c>
      <c r="K9" s="83">
        <v>192</v>
      </c>
      <c r="L9" s="85">
        <v>2290</v>
      </c>
      <c r="M9" s="86">
        <v>3200</v>
      </c>
      <c r="N9" s="87">
        <v>11</v>
      </c>
      <c r="O9" s="88">
        <v>9</v>
      </c>
      <c r="P9" s="89">
        <v>20</v>
      </c>
      <c r="Q9" s="399">
        <v>0</v>
      </c>
      <c r="R9" s="88">
        <v>9</v>
      </c>
      <c r="S9" s="88">
        <v>10</v>
      </c>
      <c r="T9" s="88">
        <v>13</v>
      </c>
      <c r="U9" s="88">
        <v>3</v>
      </c>
      <c r="V9" s="88">
        <v>5</v>
      </c>
      <c r="W9" s="89">
        <v>40</v>
      </c>
      <c r="X9" s="90">
        <v>60</v>
      </c>
      <c r="Y9" s="87">
        <v>22</v>
      </c>
      <c r="Z9" s="88">
        <v>14</v>
      </c>
      <c r="AA9" s="89">
        <v>36</v>
      </c>
      <c r="AB9" s="399">
        <v>0</v>
      </c>
      <c r="AC9" s="88">
        <v>29</v>
      </c>
      <c r="AD9" s="88">
        <v>23</v>
      </c>
      <c r="AE9" s="88">
        <v>11</v>
      </c>
      <c r="AF9" s="88">
        <v>15</v>
      </c>
      <c r="AG9" s="88">
        <v>15</v>
      </c>
      <c r="AH9" s="89">
        <v>93</v>
      </c>
      <c r="AI9" s="90">
        <v>129</v>
      </c>
      <c r="AJ9" s="87">
        <v>52</v>
      </c>
      <c r="AK9" s="88">
        <v>38</v>
      </c>
      <c r="AL9" s="89">
        <v>90</v>
      </c>
      <c r="AM9" s="399">
        <v>0</v>
      </c>
      <c r="AN9" s="88">
        <v>59</v>
      </c>
      <c r="AO9" s="88">
        <v>52</v>
      </c>
      <c r="AP9" s="88">
        <v>21</v>
      </c>
      <c r="AQ9" s="88">
        <v>36</v>
      </c>
      <c r="AR9" s="88">
        <v>22</v>
      </c>
      <c r="AS9" s="89">
        <v>190</v>
      </c>
      <c r="AT9" s="90">
        <v>280</v>
      </c>
      <c r="AU9" s="87">
        <v>96</v>
      </c>
      <c r="AV9" s="88">
        <v>76</v>
      </c>
      <c r="AW9" s="89">
        <v>172</v>
      </c>
      <c r="AX9" s="399">
        <v>0</v>
      </c>
      <c r="AY9" s="88">
        <v>151</v>
      </c>
      <c r="AZ9" s="88">
        <v>113</v>
      </c>
      <c r="BA9" s="88">
        <v>67</v>
      </c>
      <c r="BB9" s="88">
        <v>37</v>
      </c>
      <c r="BC9" s="88">
        <v>32</v>
      </c>
      <c r="BD9" s="89">
        <v>400</v>
      </c>
      <c r="BE9" s="90">
        <v>572</v>
      </c>
      <c r="BF9" s="87">
        <v>183</v>
      </c>
      <c r="BG9" s="88">
        <v>134</v>
      </c>
      <c r="BH9" s="89">
        <v>317</v>
      </c>
      <c r="BI9" s="399">
        <v>0</v>
      </c>
      <c r="BJ9" s="88">
        <v>239</v>
      </c>
      <c r="BK9" s="88">
        <v>171</v>
      </c>
      <c r="BL9" s="88">
        <v>102</v>
      </c>
      <c r="BM9" s="88">
        <v>80</v>
      </c>
      <c r="BN9" s="88">
        <v>57</v>
      </c>
      <c r="BO9" s="89">
        <v>649</v>
      </c>
      <c r="BP9" s="90">
        <v>966</v>
      </c>
      <c r="BQ9" s="87">
        <v>148</v>
      </c>
      <c r="BR9" s="88">
        <v>127</v>
      </c>
      <c r="BS9" s="89">
        <v>275</v>
      </c>
      <c r="BT9" s="399">
        <v>0</v>
      </c>
      <c r="BU9" s="88">
        <v>307</v>
      </c>
      <c r="BV9" s="88">
        <v>242</v>
      </c>
      <c r="BW9" s="88">
        <v>171</v>
      </c>
      <c r="BX9" s="88">
        <v>137</v>
      </c>
      <c r="BY9" s="88">
        <v>61</v>
      </c>
      <c r="BZ9" s="89">
        <v>918</v>
      </c>
      <c r="CA9" s="90">
        <v>1193</v>
      </c>
      <c r="CB9" s="87">
        <v>0</v>
      </c>
      <c r="CC9" s="88">
        <v>0</v>
      </c>
      <c r="CD9" s="89">
        <v>0</v>
      </c>
      <c r="CE9" s="399">
        <v>0</v>
      </c>
      <c r="CF9" s="88">
        <v>0</v>
      </c>
      <c r="CG9" s="88">
        <v>0</v>
      </c>
      <c r="CH9" s="88">
        <v>0</v>
      </c>
      <c r="CI9" s="88">
        <v>0</v>
      </c>
      <c r="CJ9" s="88">
        <v>0</v>
      </c>
      <c r="CK9" s="89">
        <v>0</v>
      </c>
      <c r="CL9" s="90">
        <v>0</v>
      </c>
      <c r="CM9" s="87">
        <v>512</v>
      </c>
      <c r="CN9" s="88">
        <v>398</v>
      </c>
      <c r="CO9" s="89">
        <v>910</v>
      </c>
      <c r="CP9" s="399">
        <v>0</v>
      </c>
      <c r="CQ9" s="88">
        <v>794</v>
      </c>
      <c r="CR9" s="88">
        <v>611</v>
      </c>
      <c r="CS9" s="88">
        <v>385</v>
      </c>
      <c r="CT9" s="88">
        <v>308</v>
      </c>
      <c r="CU9" s="88">
        <v>192</v>
      </c>
      <c r="CV9" s="89">
        <v>2290</v>
      </c>
      <c r="CW9" s="90">
        <v>3200</v>
      </c>
      <c r="CX9" s="91">
        <v>110</v>
      </c>
      <c r="CY9" s="83">
        <v>110</v>
      </c>
      <c r="CZ9" s="84">
        <v>220</v>
      </c>
      <c r="DA9" s="399">
        <v>0</v>
      </c>
      <c r="DB9" s="83">
        <v>138</v>
      </c>
      <c r="DC9" s="83">
        <v>99</v>
      </c>
      <c r="DD9" s="83">
        <v>74</v>
      </c>
      <c r="DE9" s="83">
        <v>84</v>
      </c>
      <c r="DF9" s="83">
        <v>52</v>
      </c>
      <c r="DG9" s="85">
        <v>447</v>
      </c>
      <c r="DH9" s="86">
        <v>667</v>
      </c>
      <c r="DI9" s="87">
        <v>3</v>
      </c>
      <c r="DJ9" s="88">
        <v>4</v>
      </c>
      <c r="DK9" s="89">
        <v>7</v>
      </c>
      <c r="DL9" s="399">
        <v>0</v>
      </c>
      <c r="DM9" s="88">
        <v>1</v>
      </c>
      <c r="DN9" s="88">
        <v>1</v>
      </c>
      <c r="DO9" s="88">
        <v>1</v>
      </c>
      <c r="DP9" s="88">
        <v>3</v>
      </c>
      <c r="DQ9" s="88">
        <v>0</v>
      </c>
      <c r="DR9" s="89">
        <v>6</v>
      </c>
      <c r="DS9" s="90">
        <v>13</v>
      </c>
      <c r="DT9" s="87">
        <v>6</v>
      </c>
      <c r="DU9" s="88">
        <v>7</v>
      </c>
      <c r="DV9" s="89">
        <v>13</v>
      </c>
      <c r="DW9" s="399">
        <v>0</v>
      </c>
      <c r="DX9" s="88">
        <v>4</v>
      </c>
      <c r="DY9" s="88">
        <v>3</v>
      </c>
      <c r="DZ9" s="88">
        <v>1</v>
      </c>
      <c r="EA9" s="88">
        <v>3</v>
      </c>
      <c r="EB9" s="88">
        <v>0</v>
      </c>
      <c r="EC9" s="89">
        <v>11</v>
      </c>
      <c r="ED9" s="90">
        <v>24</v>
      </c>
      <c r="EE9" s="87">
        <v>15</v>
      </c>
      <c r="EF9" s="88">
        <v>12</v>
      </c>
      <c r="EG9" s="89">
        <v>27</v>
      </c>
      <c r="EH9" s="399">
        <v>0</v>
      </c>
      <c r="EI9" s="88">
        <v>11</v>
      </c>
      <c r="EJ9" s="88">
        <v>6</v>
      </c>
      <c r="EK9" s="88">
        <v>5</v>
      </c>
      <c r="EL9" s="88">
        <v>4</v>
      </c>
      <c r="EM9" s="88">
        <v>3</v>
      </c>
      <c r="EN9" s="89">
        <v>29</v>
      </c>
      <c r="EO9" s="90">
        <v>56</v>
      </c>
      <c r="EP9" s="87">
        <v>30</v>
      </c>
      <c r="EQ9" s="88">
        <v>31</v>
      </c>
      <c r="ER9" s="89">
        <v>61</v>
      </c>
      <c r="ES9" s="399">
        <v>0</v>
      </c>
      <c r="ET9" s="88">
        <v>26</v>
      </c>
      <c r="EU9" s="88">
        <v>15</v>
      </c>
      <c r="EV9" s="88">
        <v>7</v>
      </c>
      <c r="EW9" s="88">
        <v>8</v>
      </c>
      <c r="EX9" s="88">
        <v>4</v>
      </c>
      <c r="EY9" s="89">
        <v>60</v>
      </c>
      <c r="EZ9" s="90">
        <v>121</v>
      </c>
      <c r="FA9" s="87">
        <v>35</v>
      </c>
      <c r="FB9" s="88">
        <v>33</v>
      </c>
      <c r="FC9" s="89">
        <v>68</v>
      </c>
      <c r="FD9" s="399">
        <v>0</v>
      </c>
      <c r="FE9" s="88">
        <v>41</v>
      </c>
      <c r="FF9" s="88">
        <v>25</v>
      </c>
      <c r="FG9" s="88">
        <v>24</v>
      </c>
      <c r="FH9" s="88">
        <v>18</v>
      </c>
      <c r="FI9" s="88">
        <v>15</v>
      </c>
      <c r="FJ9" s="89">
        <v>123</v>
      </c>
      <c r="FK9" s="90">
        <v>191</v>
      </c>
      <c r="FL9" s="87">
        <v>21</v>
      </c>
      <c r="FM9" s="88">
        <v>23</v>
      </c>
      <c r="FN9" s="89">
        <v>44</v>
      </c>
      <c r="FO9" s="399">
        <v>0</v>
      </c>
      <c r="FP9" s="88">
        <v>55</v>
      </c>
      <c r="FQ9" s="88">
        <v>49</v>
      </c>
      <c r="FR9" s="88">
        <v>36</v>
      </c>
      <c r="FS9" s="88">
        <v>48</v>
      </c>
      <c r="FT9" s="88">
        <v>30</v>
      </c>
      <c r="FU9" s="89">
        <v>218</v>
      </c>
      <c r="FV9" s="90">
        <v>262</v>
      </c>
      <c r="FW9" s="87">
        <v>0</v>
      </c>
      <c r="FX9" s="88">
        <v>0</v>
      </c>
      <c r="FY9" s="89">
        <v>0</v>
      </c>
      <c r="FZ9" s="399">
        <v>0</v>
      </c>
      <c r="GA9" s="88">
        <v>0</v>
      </c>
      <c r="GB9" s="88">
        <v>0</v>
      </c>
      <c r="GC9" s="88">
        <v>0</v>
      </c>
      <c r="GD9" s="88">
        <v>0</v>
      </c>
      <c r="GE9" s="88">
        <v>0</v>
      </c>
      <c r="GF9" s="89">
        <v>0</v>
      </c>
      <c r="GG9" s="90">
        <v>0</v>
      </c>
      <c r="GH9" s="87">
        <v>110</v>
      </c>
      <c r="GI9" s="88">
        <v>110</v>
      </c>
      <c r="GJ9" s="89">
        <v>220</v>
      </c>
      <c r="GK9" s="399">
        <v>0</v>
      </c>
      <c r="GL9" s="88">
        <v>138</v>
      </c>
      <c r="GM9" s="88">
        <v>99</v>
      </c>
      <c r="GN9" s="88">
        <v>74</v>
      </c>
      <c r="GO9" s="88">
        <v>84</v>
      </c>
      <c r="GP9" s="88">
        <v>52</v>
      </c>
      <c r="GQ9" s="89">
        <v>447</v>
      </c>
      <c r="GR9" s="90">
        <v>667</v>
      </c>
      <c r="GS9" s="91">
        <v>622</v>
      </c>
      <c r="GT9" s="83">
        <v>508</v>
      </c>
      <c r="GU9" s="84">
        <v>1130</v>
      </c>
      <c r="GV9" s="399">
        <v>0</v>
      </c>
      <c r="GW9" s="83">
        <v>932</v>
      </c>
      <c r="GX9" s="83">
        <v>710</v>
      </c>
      <c r="GY9" s="83">
        <v>459</v>
      </c>
      <c r="GZ9" s="83">
        <v>392</v>
      </c>
      <c r="HA9" s="83">
        <v>244</v>
      </c>
      <c r="HB9" s="85">
        <v>2737</v>
      </c>
      <c r="HC9" s="86">
        <v>3867</v>
      </c>
      <c r="HD9" s="87">
        <v>14</v>
      </c>
      <c r="HE9" s="88">
        <v>13</v>
      </c>
      <c r="HF9" s="89">
        <v>27</v>
      </c>
      <c r="HG9" s="399">
        <v>0</v>
      </c>
      <c r="HH9" s="88">
        <v>10</v>
      </c>
      <c r="HI9" s="88">
        <v>11</v>
      </c>
      <c r="HJ9" s="88">
        <v>14</v>
      </c>
      <c r="HK9" s="88">
        <v>6</v>
      </c>
      <c r="HL9" s="88">
        <v>5</v>
      </c>
      <c r="HM9" s="89">
        <v>46</v>
      </c>
      <c r="HN9" s="90">
        <v>73</v>
      </c>
      <c r="HO9" s="87">
        <v>28</v>
      </c>
      <c r="HP9" s="88">
        <v>21</v>
      </c>
      <c r="HQ9" s="89">
        <v>49</v>
      </c>
      <c r="HR9" s="399">
        <v>0</v>
      </c>
      <c r="HS9" s="88">
        <v>33</v>
      </c>
      <c r="HT9" s="88">
        <v>26</v>
      </c>
      <c r="HU9" s="88">
        <v>12</v>
      </c>
      <c r="HV9" s="88">
        <v>18</v>
      </c>
      <c r="HW9" s="88">
        <v>15</v>
      </c>
      <c r="HX9" s="89">
        <v>104</v>
      </c>
      <c r="HY9" s="90">
        <v>153</v>
      </c>
      <c r="HZ9" s="87">
        <v>67</v>
      </c>
      <c r="IA9" s="88">
        <v>50</v>
      </c>
      <c r="IB9" s="89">
        <v>117</v>
      </c>
      <c r="IC9" s="399">
        <v>0</v>
      </c>
      <c r="ID9" s="88">
        <v>70</v>
      </c>
      <c r="IE9" s="88">
        <v>58</v>
      </c>
      <c r="IF9" s="88">
        <v>26</v>
      </c>
      <c r="IG9" s="88">
        <v>40</v>
      </c>
      <c r="IH9" s="88">
        <v>25</v>
      </c>
      <c r="II9" s="89">
        <v>219</v>
      </c>
      <c r="IJ9" s="90">
        <v>336</v>
      </c>
      <c r="IK9" s="87">
        <v>126</v>
      </c>
      <c r="IL9" s="88">
        <v>107</v>
      </c>
      <c r="IM9" s="89">
        <v>233</v>
      </c>
      <c r="IN9" s="399">
        <v>0</v>
      </c>
      <c r="IO9" s="88">
        <v>177</v>
      </c>
      <c r="IP9" s="88">
        <v>128</v>
      </c>
      <c r="IQ9" s="88">
        <v>74</v>
      </c>
      <c r="IR9" s="88">
        <v>45</v>
      </c>
      <c r="IS9" s="88">
        <v>36</v>
      </c>
      <c r="IT9" s="89">
        <v>460</v>
      </c>
      <c r="IU9" s="90">
        <v>693</v>
      </c>
      <c r="IV9" s="87">
        <v>218</v>
      </c>
      <c r="IW9" s="88">
        <v>167</v>
      </c>
      <c r="IX9" s="89">
        <v>385</v>
      </c>
      <c r="IY9" s="399">
        <v>0</v>
      </c>
      <c r="IZ9" s="88">
        <v>280</v>
      </c>
      <c r="JA9" s="88">
        <v>196</v>
      </c>
      <c r="JB9" s="88">
        <v>126</v>
      </c>
      <c r="JC9" s="88">
        <v>98</v>
      </c>
      <c r="JD9" s="88">
        <v>72</v>
      </c>
      <c r="JE9" s="89">
        <v>772</v>
      </c>
      <c r="JF9" s="90">
        <v>1157</v>
      </c>
      <c r="JG9" s="87">
        <v>169</v>
      </c>
      <c r="JH9" s="88">
        <v>150</v>
      </c>
      <c r="JI9" s="89">
        <v>319</v>
      </c>
      <c r="JJ9" s="399">
        <v>0</v>
      </c>
      <c r="JK9" s="88">
        <v>362</v>
      </c>
      <c r="JL9" s="88">
        <v>291</v>
      </c>
      <c r="JM9" s="88">
        <v>207</v>
      </c>
      <c r="JN9" s="88">
        <v>185</v>
      </c>
      <c r="JO9" s="88">
        <v>91</v>
      </c>
      <c r="JP9" s="89">
        <v>1136</v>
      </c>
      <c r="JQ9" s="90">
        <v>1455</v>
      </c>
      <c r="JR9" s="87">
        <v>0</v>
      </c>
      <c r="JS9" s="88">
        <v>0</v>
      </c>
      <c r="JT9" s="89">
        <v>0</v>
      </c>
      <c r="JU9" s="399">
        <v>0</v>
      </c>
      <c r="JV9" s="88">
        <v>0</v>
      </c>
      <c r="JW9" s="88">
        <v>0</v>
      </c>
      <c r="JX9" s="88">
        <v>0</v>
      </c>
      <c r="JY9" s="88">
        <v>0</v>
      </c>
      <c r="JZ9" s="88">
        <v>0</v>
      </c>
      <c r="KA9" s="89">
        <v>0</v>
      </c>
      <c r="KB9" s="90">
        <v>0</v>
      </c>
      <c r="KC9" s="87">
        <v>622</v>
      </c>
      <c r="KD9" s="88">
        <v>508</v>
      </c>
      <c r="KE9" s="89">
        <v>1130</v>
      </c>
      <c r="KF9" s="399">
        <v>0</v>
      </c>
      <c r="KG9" s="88">
        <v>932</v>
      </c>
      <c r="KH9" s="88">
        <v>710</v>
      </c>
      <c r="KI9" s="88">
        <v>459</v>
      </c>
      <c r="KJ9" s="88">
        <v>392</v>
      </c>
      <c r="KK9" s="88">
        <v>244</v>
      </c>
      <c r="KL9" s="89">
        <v>2737</v>
      </c>
      <c r="KM9" s="90">
        <v>3867</v>
      </c>
    </row>
    <row r="10" spans="2:299" s="56" customFormat="1" ht="21" customHeight="1" x14ac:dyDescent="0.2">
      <c r="B10" s="92" t="s">
        <v>14</v>
      </c>
      <c r="C10" s="82">
        <v>309</v>
      </c>
      <c r="D10" s="83">
        <v>350</v>
      </c>
      <c r="E10" s="84">
        <v>659</v>
      </c>
      <c r="F10" s="399">
        <v>0</v>
      </c>
      <c r="G10" s="83">
        <v>411</v>
      </c>
      <c r="H10" s="83">
        <v>419</v>
      </c>
      <c r="I10" s="83">
        <v>290</v>
      </c>
      <c r="J10" s="83">
        <v>225</v>
      </c>
      <c r="K10" s="83">
        <v>128</v>
      </c>
      <c r="L10" s="85">
        <v>1473</v>
      </c>
      <c r="M10" s="86">
        <v>2132</v>
      </c>
      <c r="N10" s="87">
        <v>4</v>
      </c>
      <c r="O10" s="88">
        <v>5</v>
      </c>
      <c r="P10" s="89">
        <v>9</v>
      </c>
      <c r="Q10" s="399">
        <v>0</v>
      </c>
      <c r="R10" s="88">
        <v>6</v>
      </c>
      <c r="S10" s="88">
        <v>10</v>
      </c>
      <c r="T10" s="88">
        <v>6</v>
      </c>
      <c r="U10" s="88">
        <v>8</v>
      </c>
      <c r="V10" s="88">
        <v>3</v>
      </c>
      <c r="W10" s="89">
        <v>33</v>
      </c>
      <c r="X10" s="90">
        <v>42</v>
      </c>
      <c r="Y10" s="87">
        <v>15</v>
      </c>
      <c r="Z10" s="88">
        <v>22</v>
      </c>
      <c r="AA10" s="89">
        <v>37</v>
      </c>
      <c r="AB10" s="399">
        <v>0</v>
      </c>
      <c r="AC10" s="88">
        <v>20</v>
      </c>
      <c r="AD10" s="88">
        <v>20</v>
      </c>
      <c r="AE10" s="88">
        <v>9</v>
      </c>
      <c r="AF10" s="88">
        <v>7</v>
      </c>
      <c r="AG10" s="88">
        <v>4</v>
      </c>
      <c r="AH10" s="89">
        <v>60</v>
      </c>
      <c r="AI10" s="90">
        <v>97</v>
      </c>
      <c r="AJ10" s="87">
        <v>22</v>
      </c>
      <c r="AK10" s="88">
        <v>31</v>
      </c>
      <c r="AL10" s="89">
        <v>53</v>
      </c>
      <c r="AM10" s="399">
        <v>0</v>
      </c>
      <c r="AN10" s="88">
        <v>40</v>
      </c>
      <c r="AO10" s="88">
        <v>34</v>
      </c>
      <c r="AP10" s="88">
        <v>22</v>
      </c>
      <c r="AQ10" s="88">
        <v>24</v>
      </c>
      <c r="AR10" s="88">
        <v>24</v>
      </c>
      <c r="AS10" s="89">
        <v>144</v>
      </c>
      <c r="AT10" s="90">
        <v>197</v>
      </c>
      <c r="AU10" s="87">
        <v>71</v>
      </c>
      <c r="AV10" s="88">
        <v>80</v>
      </c>
      <c r="AW10" s="89">
        <v>151</v>
      </c>
      <c r="AX10" s="399">
        <v>0</v>
      </c>
      <c r="AY10" s="88">
        <v>101</v>
      </c>
      <c r="AZ10" s="88">
        <v>87</v>
      </c>
      <c r="BA10" s="88">
        <v>55</v>
      </c>
      <c r="BB10" s="88">
        <v>41</v>
      </c>
      <c r="BC10" s="88">
        <v>20</v>
      </c>
      <c r="BD10" s="89">
        <v>304</v>
      </c>
      <c r="BE10" s="90">
        <v>455</v>
      </c>
      <c r="BF10" s="87">
        <v>100</v>
      </c>
      <c r="BG10" s="88">
        <v>112</v>
      </c>
      <c r="BH10" s="89">
        <v>212</v>
      </c>
      <c r="BI10" s="399">
        <v>0</v>
      </c>
      <c r="BJ10" s="88">
        <v>123</v>
      </c>
      <c r="BK10" s="88">
        <v>130</v>
      </c>
      <c r="BL10" s="88">
        <v>86</v>
      </c>
      <c r="BM10" s="88">
        <v>69</v>
      </c>
      <c r="BN10" s="88">
        <v>31</v>
      </c>
      <c r="BO10" s="89">
        <v>439</v>
      </c>
      <c r="BP10" s="90">
        <v>651</v>
      </c>
      <c r="BQ10" s="87">
        <v>97</v>
      </c>
      <c r="BR10" s="88">
        <v>100</v>
      </c>
      <c r="BS10" s="89">
        <v>197</v>
      </c>
      <c r="BT10" s="399">
        <v>0</v>
      </c>
      <c r="BU10" s="88">
        <v>121</v>
      </c>
      <c r="BV10" s="88">
        <v>138</v>
      </c>
      <c r="BW10" s="88">
        <v>112</v>
      </c>
      <c r="BX10" s="88">
        <v>76</v>
      </c>
      <c r="BY10" s="88">
        <v>46</v>
      </c>
      <c r="BZ10" s="89">
        <v>493</v>
      </c>
      <c r="CA10" s="90">
        <v>690</v>
      </c>
      <c r="CB10" s="87">
        <v>0</v>
      </c>
      <c r="CC10" s="88">
        <v>0</v>
      </c>
      <c r="CD10" s="89">
        <v>0</v>
      </c>
      <c r="CE10" s="399">
        <v>0</v>
      </c>
      <c r="CF10" s="88">
        <v>0</v>
      </c>
      <c r="CG10" s="88">
        <v>0</v>
      </c>
      <c r="CH10" s="88">
        <v>0</v>
      </c>
      <c r="CI10" s="88">
        <v>0</v>
      </c>
      <c r="CJ10" s="88">
        <v>0</v>
      </c>
      <c r="CK10" s="89">
        <v>0</v>
      </c>
      <c r="CL10" s="90">
        <v>0</v>
      </c>
      <c r="CM10" s="87">
        <v>309</v>
      </c>
      <c r="CN10" s="88">
        <v>350</v>
      </c>
      <c r="CO10" s="89">
        <v>659</v>
      </c>
      <c r="CP10" s="399">
        <v>0</v>
      </c>
      <c r="CQ10" s="88">
        <v>411</v>
      </c>
      <c r="CR10" s="88">
        <v>419</v>
      </c>
      <c r="CS10" s="88">
        <v>290</v>
      </c>
      <c r="CT10" s="88">
        <v>225</v>
      </c>
      <c r="CU10" s="88">
        <v>128</v>
      </c>
      <c r="CV10" s="89">
        <v>1473</v>
      </c>
      <c r="CW10" s="90">
        <v>2132</v>
      </c>
      <c r="CX10" s="91">
        <v>43</v>
      </c>
      <c r="CY10" s="83">
        <v>47</v>
      </c>
      <c r="CZ10" s="84">
        <v>90</v>
      </c>
      <c r="DA10" s="399">
        <v>0</v>
      </c>
      <c r="DB10" s="83">
        <v>49</v>
      </c>
      <c r="DC10" s="83">
        <v>54</v>
      </c>
      <c r="DD10" s="83">
        <v>38</v>
      </c>
      <c r="DE10" s="83">
        <v>36</v>
      </c>
      <c r="DF10" s="83">
        <v>20</v>
      </c>
      <c r="DG10" s="85">
        <v>197</v>
      </c>
      <c r="DH10" s="86">
        <v>287</v>
      </c>
      <c r="DI10" s="87">
        <v>0</v>
      </c>
      <c r="DJ10" s="88">
        <v>2</v>
      </c>
      <c r="DK10" s="89">
        <v>2</v>
      </c>
      <c r="DL10" s="399">
        <v>0</v>
      </c>
      <c r="DM10" s="88">
        <v>1</v>
      </c>
      <c r="DN10" s="88">
        <v>3</v>
      </c>
      <c r="DO10" s="88">
        <v>1</v>
      </c>
      <c r="DP10" s="88">
        <v>1</v>
      </c>
      <c r="DQ10" s="88">
        <v>2</v>
      </c>
      <c r="DR10" s="89">
        <v>8</v>
      </c>
      <c r="DS10" s="90">
        <v>10</v>
      </c>
      <c r="DT10" s="87">
        <v>5</v>
      </c>
      <c r="DU10" s="88">
        <v>2</v>
      </c>
      <c r="DV10" s="89">
        <v>7</v>
      </c>
      <c r="DW10" s="399">
        <v>0</v>
      </c>
      <c r="DX10" s="88">
        <v>1</v>
      </c>
      <c r="DY10" s="88">
        <v>0</v>
      </c>
      <c r="DZ10" s="88">
        <v>0</v>
      </c>
      <c r="EA10" s="88">
        <v>1</v>
      </c>
      <c r="EB10" s="88">
        <v>3</v>
      </c>
      <c r="EC10" s="89">
        <v>5</v>
      </c>
      <c r="ED10" s="90">
        <v>12</v>
      </c>
      <c r="EE10" s="87">
        <v>7</v>
      </c>
      <c r="EF10" s="88">
        <v>6</v>
      </c>
      <c r="EG10" s="89">
        <v>13</v>
      </c>
      <c r="EH10" s="399">
        <v>0</v>
      </c>
      <c r="EI10" s="88">
        <v>5</v>
      </c>
      <c r="EJ10" s="88">
        <v>6</v>
      </c>
      <c r="EK10" s="88">
        <v>3</v>
      </c>
      <c r="EL10" s="88">
        <v>2</v>
      </c>
      <c r="EM10" s="88">
        <v>2</v>
      </c>
      <c r="EN10" s="89">
        <v>18</v>
      </c>
      <c r="EO10" s="90">
        <v>31</v>
      </c>
      <c r="EP10" s="87">
        <v>13</v>
      </c>
      <c r="EQ10" s="88">
        <v>13</v>
      </c>
      <c r="ER10" s="89">
        <v>26</v>
      </c>
      <c r="ES10" s="399">
        <v>0</v>
      </c>
      <c r="ET10" s="88">
        <v>11</v>
      </c>
      <c r="EU10" s="88">
        <v>13</v>
      </c>
      <c r="EV10" s="88">
        <v>6</v>
      </c>
      <c r="EW10" s="88">
        <v>5</v>
      </c>
      <c r="EX10" s="88">
        <v>1</v>
      </c>
      <c r="EY10" s="89">
        <v>36</v>
      </c>
      <c r="EZ10" s="90">
        <v>62</v>
      </c>
      <c r="FA10" s="87">
        <v>10</v>
      </c>
      <c r="FB10" s="88">
        <v>15</v>
      </c>
      <c r="FC10" s="89">
        <v>25</v>
      </c>
      <c r="FD10" s="399">
        <v>0</v>
      </c>
      <c r="FE10" s="88">
        <v>16</v>
      </c>
      <c r="FF10" s="88">
        <v>11</v>
      </c>
      <c r="FG10" s="88">
        <v>12</v>
      </c>
      <c r="FH10" s="88">
        <v>7</v>
      </c>
      <c r="FI10" s="88">
        <v>5</v>
      </c>
      <c r="FJ10" s="89">
        <v>51</v>
      </c>
      <c r="FK10" s="90">
        <v>76</v>
      </c>
      <c r="FL10" s="87">
        <v>8</v>
      </c>
      <c r="FM10" s="88">
        <v>9</v>
      </c>
      <c r="FN10" s="89">
        <v>17</v>
      </c>
      <c r="FO10" s="399">
        <v>0</v>
      </c>
      <c r="FP10" s="88">
        <v>15</v>
      </c>
      <c r="FQ10" s="88">
        <v>21</v>
      </c>
      <c r="FR10" s="88">
        <v>16</v>
      </c>
      <c r="FS10" s="88">
        <v>20</v>
      </c>
      <c r="FT10" s="88">
        <v>7</v>
      </c>
      <c r="FU10" s="89">
        <v>79</v>
      </c>
      <c r="FV10" s="90">
        <v>96</v>
      </c>
      <c r="FW10" s="87">
        <v>0</v>
      </c>
      <c r="FX10" s="88">
        <v>0</v>
      </c>
      <c r="FY10" s="89">
        <v>0</v>
      </c>
      <c r="FZ10" s="399">
        <v>0</v>
      </c>
      <c r="GA10" s="88">
        <v>0</v>
      </c>
      <c r="GB10" s="88">
        <v>0</v>
      </c>
      <c r="GC10" s="88">
        <v>0</v>
      </c>
      <c r="GD10" s="88">
        <v>0</v>
      </c>
      <c r="GE10" s="88">
        <v>0</v>
      </c>
      <c r="GF10" s="89">
        <v>0</v>
      </c>
      <c r="GG10" s="90">
        <v>0</v>
      </c>
      <c r="GH10" s="87">
        <v>43</v>
      </c>
      <c r="GI10" s="88">
        <v>47</v>
      </c>
      <c r="GJ10" s="89">
        <v>90</v>
      </c>
      <c r="GK10" s="399">
        <v>0</v>
      </c>
      <c r="GL10" s="88">
        <v>49</v>
      </c>
      <c r="GM10" s="88">
        <v>54</v>
      </c>
      <c r="GN10" s="88">
        <v>38</v>
      </c>
      <c r="GO10" s="88">
        <v>36</v>
      </c>
      <c r="GP10" s="88">
        <v>20</v>
      </c>
      <c r="GQ10" s="89">
        <v>197</v>
      </c>
      <c r="GR10" s="90">
        <v>287</v>
      </c>
      <c r="GS10" s="91">
        <v>352</v>
      </c>
      <c r="GT10" s="83">
        <v>397</v>
      </c>
      <c r="GU10" s="84">
        <v>749</v>
      </c>
      <c r="GV10" s="399">
        <v>0</v>
      </c>
      <c r="GW10" s="83">
        <v>460</v>
      </c>
      <c r="GX10" s="83">
        <v>473</v>
      </c>
      <c r="GY10" s="83">
        <v>328</v>
      </c>
      <c r="GZ10" s="83">
        <v>261</v>
      </c>
      <c r="HA10" s="83">
        <v>148</v>
      </c>
      <c r="HB10" s="85">
        <v>1670</v>
      </c>
      <c r="HC10" s="86">
        <v>2419</v>
      </c>
      <c r="HD10" s="87">
        <v>4</v>
      </c>
      <c r="HE10" s="88">
        <v>7</v>
      </c>
      <c r="HF10" s="89">
        <v>11</v>
      </c>
      <c r="HG10" s="399">
        <v>0</v>
      </c>
      <c r="HH10" s="88">
        <v>7</v>
      </c>
      <c r="HI10" s="88">
        <v>13</v>
      </c>
      <c r="HJ10" s="88">
        <v>7</v>
      </c>
      <c r="HK10" s="88">
        <v>9</v>
      </c>
      <c r="HL10" s="88">
        <v>5</v>
      </c>
      <c r="HM10" s="89">
        <v>41</v>
      </c>
      <c r="HN10" s="90">
        <v>52</v>
      </c>
      <c r="HO10" s="87">
        <v>20</v>
      </c>
      <c r="HP10" s="88">
        <v>24</v>
      </c>
      <c r="HQ10" s="89">
        <v>44</v>
      </c>
      <c r="HR10" s="399">
        <v>0</v>
      </c>
      <c r="HS10" s="88">
        <v>21</v>
      </c>
      <c r="HT10" s="88">
        <v>20</v>
      </c>
      <c r="HU10" s="88">
        <v>9</v>
      </c>
      <c r="HV10" s="88">
        <v>8</v>
      </c>
      <c r="HW10" s="88">
        <v>7</v>
      </c>
      <c r="HX10" s="89">
        <v>65</v>
      </c>
      <c r="HY10" s="90">
        <v>109</v>
      </c>
      <c r="HZ10" s="87">
        <v>29</v>
      </c>
      <c r="IA10" s="88">
        <v>37</v>
      </c>
      <c r="IB10" s="89">
        <v>66</v>
      </c>
      <c r="IC10" s="399">
        <v>0</v>
      </c>
      <c r="ID10" s="88">
        <v>45</v>
      </c>
      <c r="IE10" s="88">
        <v>40</v>
      </c>
      <c r="IF10" s="88">
        <v>25</v>
      </c>
      <c r="IG10" s="88">
        <v>26</v>
      </c>
      <c r="IH10" s="88">
        <v>26</v>
      </c>
      <c r="II10" s="89">
        <v>162</v>
      </c>
      <c r="IJ10" s="90">
        <v>228</v>
      </c>
      <c r="IK10" s="87">
        <v>84</v>
      </c>
      <c r="IL10" s="88">
        <v>93</v>
      </c>
      <c r="IM10" s="89">
        <v>177</v>
      </c>
      <c r="IN10" s="399">
        <v>0</v>
      </c>
      <c r="IO10" s="88">
        <v>112</v>
      </c>
      <c r="IP10" s="88">
        <v>100</v>
      </c>
      <c r="IQ10" s="88">
        <v>61</v>
      </c>
      <c r="IR10" s="88">
        <v>46</v>
      </c>
      <c r="IS10" s="88">
        <v>21</v>
      </c>
      <c r="IT10" s="89">
        <v>340</v>
      </c>
      <c r="IU10" s="90">
        <v>517</v>
      </c>
      <c r="IV10" s="87">
        <v>110</v>
      </c>
      <c r="IW10" s="88">
        <v>127</v>
      </c>
      <c r="IX10" s="89">
        <v>237</v>
      </c>
      <c r="IY10" s="399">
        <v>0</v>
      </c>
      <c r="IZ10" s="88">
        <v>139</v>
      </c>
      <c r="JA10" s="88">
        <v>141</v>
      </c>
      <c r="JB10" s="88">
        <v>98</v>
      </c>
      <c r="JC10" s="88">
        <v>76</v>
      </c>
      <c r="JD10" s="88">
        <v>36</v>
      </c>
      <c r="JE10" s="89">
        <v>490</v>
      </c>
      <c r="JF10" s="90">
        <v>727</v>
      </c>
      <c r="JG10" s="87">
        <v>105</v>
      </c>
      <c r="JH10" s="88">
        <v>109</v>
      </c>
      <c r="JI10" s="89">
        <v>214</v>
      </c>
      <c r="JJ10" s="399">
        <v>0</v>
      </c>
      <c r="JK10" s="88">
        <v>136</v>
      </c>
      <c r="JL10" s="88">
        <v>159</v>
      </c>
      <c r="JM10" s="88">
        <v>128</v>
      </c>
      <c r="JN10" s="88">
        <v>96</v>
      </c>
      <c r="JO10" s="88">
        <v>53</v>
      </c>
      <c r="JP10" s="89">
        <v>572</v>
      </c>
      <c r="JQ10" s="90">
        <v>786</v>
      </c>
      <c r="JR10" s="87">
        <v>0</v>
      </c>
      <c r="JS10" s="88">
        <v>0</v>
      </c>
      <c r="JT10" s="89">
        <v>0</v>
      </c>
      <c r="JU10" s="399">
        <v>0</v>
      </c>
      <c r="JV10" s="88">
        <v>0</v>
      </c>
      <c r="JW10" s="88">
        <v>0</v>
      </c>
      <c r="JX10" s="88">
        <v>0</v>
      </c>
      <c r="JY10" s="88">
        <v>0</v>
      </c>
      <c r="JZ10" s="88">
        <v>0</v>
      </c>
      <c r="KA10" s="89">
        <v>0</v>
      </c>
      <c r="KB10" s="90">
        <v>0</v>
      </c>
      <c r="KC10" s="87">
        <v>352</v>
      </c>
      <c r="KD10" s="88">
        <v>397</v>
      </c>
      <c r="KE10" s="89">
        <v>749</v>
      </c>
      <c r="KF10" s="399">
        <v>0</v>
      </c>
      <c r="KG10" s="88">
        <v>460</v>
      </c>
      <c r="KH10" s="88">
        <v>473</v>
      </c>
      <c r="KI10" s="88">
        <v>328</v>
      </c>
      <c r="KJ10" s="88">
        <v>261</v>
      </c>
      <c r="KK10" s="88">
        <v>148</v>
      </c>
      <c r="KL10" s="89">
        <v>1670</v>
      </c>
      <c r="KM10" s="90">
        <v>2419</v>
      </c>
    </row>
    <row r="11" spans="2:299" s="56" customFormat="1" ht="21" customHeight="1" x14ac:dyDescent="0.2">
      <c r="B11" s="92" t="s">
        <v>7</v>
      </c>
      <c r="C11" s="82">
        <v>256</v>
      </c>
      <c r="D11" s="83">
        <v>191</v>
      </c>
      <c r="E11" s="84">
        <v>447</v>
      </c>
      <c r="F11" s="399">
        <v>0</v>
      </c>
      <c r="G11" s="83">
        <v>526</v>
      </c>
      <c r="H11" s="83">
        <v>317</v>
      </c>
      <c r="I11" s="83">
        <v>182</v>
      </c>
      <c r="J11" s="83">
        <v>161</v>
      </c>
      <c r="K11" s="83">
        <v>80</v>
      </c>
      <c r="L11" s="85">
        <v>1266</v>
      </c>
      <c r="M11" s="86">
        <v>1713</v>
      </c>
      <c r="N11" s="87">
        <v>3</v>
      </c>
      <c r="O11" s="88">
        <v>3</v>
      </c>
      <c r="P11" s="89">
        <v>6</v>
      </c>
      <c r="Q11" s="399">
        <v>0</v>
      </c>
      <c r="R11" s="88">
        <v>6</v>
      </c>
      <c r="S11" s="88">
        <v>3</v>
      </c>
      <c r="T11" s="88">
        <v>2</v>
      </c>
      <c r="U11" s="88">
        <v>6</v>
      </c>
      <c r="V11" s="88">
        <v>1</v>
      </c>
      <c r="W11" s="89">
        <v>18</v>
      </c>
      <c r="X11" s="90">
        <v>24</v>
      </c>
      <c r="Y11" s="87">
        <v>4</v>
      </c>
      <c r="Z11" s="88">
        <v>8</v>
      </c>
      <c r="AA11" s="89">
        <v>12</v>
      </c>
      <c r="AB11" s="399">
        <v>0</v>
      </c>
      <c r="AC11" s="88">
        <v>15</v>
      </c>
      <c r="AD11" s="88">
        <v>9</v>
      </c>
      <c r="AE11" s="88">
        <v>4</v>
      </c>
      <c r="AF11" s="88">
        <v>7</v>
      </c>
      <c r="AG11" s="88">
        <v>6</v>
      </c>
      <c r="AH11" s="89">
        <v>41</v>
      </c>
      <c r="AI11" s="90">
        <v>53</v>
      </c>
      <c r="AJ11" s="87">
        <v>21</v>
      </c>
      <c r="AK11" s="88">
        <v>9</v>
      </c>
      <c r="AL11" s="89">
        <v>30</v>
      </c>
      <c r="AM11" s="399">
        <v>0</v>
      </c>
      <c r="AN11" s="88">
        <v>38</v>
      </c>
      <c r="AO11" s="88">
        <v>24</v>
      </c>
      <c r="AP11" s="88">
        <v>11</v>
      </c>
      <c r="AQ11" s="88">
        <v>12</v>
      </c>
      <c r="AR11" s="88">
        <v>8</v>
      </c>
      <c r="AS11" s="89">
        <v>93</v>
      </c>
      <c r="AT11" s="90">
        <v>123</v>
      </c>
      <c r="AU11" s="87">
        <v>47</v>
      </c>
      <c r="AV11" s="88">
        <v>37</v>
      </c>
      <c r="AW11" s="89">
        <v>84</v>
      </c>
      <c r="AX11" s="399">
        <v>0</v>
      </c>
      <c r="AY11" s="88">
        <v>111</v>
      </c>
      <c r="AZ11" s="88">
        <v>56</v>
      </c>
      <c r="BA11" s="88">
        <v>28</v>
      </c>
      <c r="BB11" s="88">
        <v>22</v>
      </c>
      <c r="BC11" s="88">
        <v>17</v>
      </c>
      <c r="BD11" s="89">
        <v>234</v>
      </c>
      <c r="BE11" s="90">
        <v>318</v>
      </c>
      <c r="BF11" s="87">
        <v>91</v>
      </c>
      <c r="BG11" s="88">
        <v>70</v>
      </c>
      <c r="BH11" s="89">
        <v>161</v>
      </c>
      <c r="BI11" s="399">
        <v>0</v>
      </c>
      <c r="BJ11" s="88">
        <v>181</v>
      </c>
      <c r="BK11" s="88">
        <v>90</v>
      </c>
      <c r="BL11" s="88">
        <v>63</v>
      </c>
      <c r="BM11" s="88">
        <v>46</v>
      </c>
      <c r="BN11" s="88">
        <v>21</v>
      </c>
      <c r="BO11" s="89">
        <v>401</v>
      </c>
      <c r="BP11" s="90">
        <v>562</v>
      </c>
      <c r="BQ11" s="87">
        <v>90</v>
      </c>
      <c r="BR11" s="88">
        <v>64</v>
      </c>
      <c r="BS11" s="89">
        <v>154</v>
      </c>
      <c r="BT11" s="399">
        <v>0</v>
      </c>
      <c r="BU11" s="88">
        <v>175</v>
      </c>
      <c r="BV11" s="88">
        <v>135</v>
      </c>
      <c r="BW11" s="88">
        <v>74</v>
      </c>
      <c r="BX11" s="88">
        <v>68</v>
      </c>
      <c r="BY11" s="88">
        <v>27</v>
      </c>
      <c r="BZ11" s="89">
        <v>479</v>
      </c>
      <c r="CA11" s="90">
        <v>633</v>
      </c>
      <c r="CB11" s="87">
        <v>0</v>
      </c>
      <c r="CC11" s="88">
        <v>0</v>
      </c>
      <c r="CD11" s="89">
        <v>0</v>
      </c>
      <c r="CE11" s="399">
        <v>0</v>
      </c>
      <c r="CF11" s="88">
        <v>0</v>
      </c>
      <c r="CG11" s="88">
        <v>0</v>
      </c>
      <c r="CH11" s="88">
        <v>0</v>
      </c>
      <c r="CI11" s="88">
        <v>0</v>
      </c>
      <c r="CJ11" s="88">
        <v>0</v>
      </c>
      <c r="CK11" s="89">
        <v>0</v>
      </c>
      <c r="CL11" s="90">
        <v>0</v>
      </c>
      <c r="CM11" s="87">
        <v>256</v>
      </c>
      <c r="CN11" s="88">
        <v>191</v>
      </c>
      <c r="CO11" s="89">
        <v>447</v>
      </c>
      <c r="CP11" s="399">
        <v>0</v>
      </c>
      <c r="CQ11" s="88">
        <v>526</v>
      </c>
      <c r="CR11" s="88">
        <v>317</v>
      </c>
      <c r="CS11" s="88">
        <v>182</v>
      </c>
      <c r="CT11" s="88">
        <v>161</v>
      </c>
      <c r="CU11" s="88">
        <v>80</v>
      </c>
      <c r="CV11" s="89">
        <v>1266</v>
      </c>
      <c r="CW11" s="90">
        <v>1713</v>
      </c>
      <c r="CX11" s="91">
        <v>40</v>
      </c>
      <c r="CY11" s="83">
        <v>36</v>
      </c>
      <c r="CZ11" s="84">
        <v>76</v>
      </c>
      <c r="DA11" s="399">
        <v>0</v>
      </c>
      <c r="DB11" s="83">
        <v>72</v>
      </c>
      <c r="DC11" s="83">
        <v>41</v>
      </c>
      <c r="DD11" s="83">
        <v>33</v>
      </c>
      <c r="DE11" s="83">
        <v>22</v>
      </c>
      <c r="DF11" s="83">
        <v>15</v>
      </c>
      <c r="DG11" s="85">
        <v>183</v>
      </c>
      <c r="DH11" s="86">
        <v>259</v>
      </c>
      <c r="DI11" s="87">
        <v>2</v>
      </c>
      <c r="DJ11" s="88">
        <v>2</v>
      </c>
      <c r="DK11" s="89">
        <v>4</v>
      </c>
      <c r="DL11" s="399">
        <v>0</v>
      </c>
      <c r="DM11" s="88">
        <v>2</v>
      </c>
      <c r="DN11" s="88">
        <v>1</v>
      </c>
      <c r="DO11" s="88">
        <v>0</v>
      </c>
      <c r="DP11" s="88">
        <v>0</v>
      </c>
      <c r="DQ11" s="88">
        <v>0</v>
      </c>
      <c r="DR11" s="89">
        <v>3</v>
      </c>
      <c r="DS11" s="90">
        <v>7</v>
      </c>
      <c r="DT11" s="87">
        <v>4</v>
      </c>
      <c r="DU11" s="88">
        <v>1</v>
      </c>
      <c r="DV11" s="89">
        <v>5</v>
      </c>
      <c r="DW11" s="399">
        <v>0</v>
      </c>
      <c r="DX11" s="88">
        <v>3</v>
      </c>
      <c r="DY11" s="88">
        <v>0</v>
      </c>
      <c r="DZ11" s="88">
        <v>0</v>
      </c>
      <c r="EA11" s="88">
        <v>1</v>
      </c>
      <c r="EB11" s="88">
        <v>1</v>
      </c>
      <c r="EC11" s="89">
        <v>5</v>
      </c>
      <c r="ED11" s="90">
        <v>10</v>
      </c>
      <c r="EE11" s="87">
        <v>4</v>
      </c>
      <c r="EF11" s="88">
        <v>4</v>
      </c>
      <c r="EG11" s="89">
        <v>8</v>
      </c>
      <c r="EH11" s="399">
        <v>0</v>
      </c>
      <c r="EI11" s="88">
        <v>5</v>
      </c>
      <c r="EJ11" s="88">
        <v>1</v>
      </c>
      <c r="EK11" s="88">
        <v>4</v>
      </c>
      <c r="EL11" s="88">
        <v>2</v>
      </c>
      <c r="EM11" s="88">
        <v>3</v>
      </c>
      <c r="EN11" s="89">
        <v>15</v>
      </c>
      <c r="EO11" s="90">
        <v>23</v>
      </c>
      <c r="EP11" s="87">
        <v>10</v>
      </c>
      <c r="EQ11" s="88">
        <v>7</v>
      </c>
      <c r="ER11" s="89">
        <v>17</v>
      </c>
      <c r="ES11" s="399">
        <v>0</v>
      </c>
      <c r="ET11" s="88">
        <v>11</v>
      </c>
      <c r="EU11" s="88">
        <v>8</v>
      </c>
      <c r="EV11" s="88">
        <v>4</v>
      </c>
      <c r="EW11" s="88">
        <v>3</v>
      </c>
      <c r="EX11" s="88">
        <v>1</v>
      </c>
      <c r="EY11" s="89">
        <v>27</v>
      </c>
      <c r="EZ11" s="90">
        <v>44</v>
      </c>
      <c r="FA11" s="87">
        <v>11</v>
      </c>
      <c r="FB11" s="88">
        <v>13</v>
      </c>
      <c r="FC11" s="89">
        <v>24</v>
      </c>
      <c r="FD11" s="399">
        <v>0</v>
      </c>
      <c r="FE11" s="88">
        <v>24</v>
      </c>
      <c r="FF11" s="88">
        <v>8</v>
      </c>
      <c r="FG11" s="88">
        <v>7</v>
      </c>
      <c r="FH11" s="88">
        <v>3</v>
      </c>
      <c r="FI11" s="88">
        <v>7</v>
      </c>
      <c r="FJ11" s="89">
        <v>49</v>
      </c>
      <c r="FK11" s="90">
        <v>73</v>
      </c>
      <c r="FL11" s="87">
        <v>9</v>
      </c>
      <c r="FM11" s="88">
        <v>9</v>
      </c>
      <c r="FN11" s="89">
        <v>18</v>
      </c>
      <c r="FO11" s="399">
        <v>0</v>
      </c>
      <c r="FP11" s="88">
        <v>27</v>
      </c>
      <c r="FQ11" s="88">
        <v>23</v>
      </c>
      <c r="FR11" s="88">
        <v>18</v>
      </c>
      <c r="FS11" s="88">
        <v>13</v>
      </c>
      <c r="FT11" s="88">
        <v>3</v>
      </c>
      <c r="FU11" s="89">
        <v>84</v>
      </c>
      <c r="FV11" s="90">
        <v>102</v>
      </c>
      <c r="FW11" s="87">
        <v>0</v>
      </c>
      <c r="FX11" s="88">
        <v>0</v>
      </c>
      <c r="FY11" s="89">
        <v>0</v>
      </c>
      <c r="FZ11" s="399">
        <v>0</v>
      </c>
      <c r="GA11" s="88">
        <v>0</v>
      </c>
      <c r="GB11" s="88">
        <v>0</v>
      </c>
      <c r="GC11" s="88">
        <v>0</v>
      </c>
      <c r="GD11" s="88">
        <v>0</v>
      </c>
      <c r="GE11" s="88">
        <v>0</v>
      </c>
      <c r="GF11" s="89">
        <v>0</v>
      </c>
      <c r="GG11" s="90">
        <v>0</v>
      </c>
      <c r="GH11" s="87">
        <v>40</v>
      </c>
      <c r="GI11" s="88">
        <v>36</v>
      </c>
      <c r="GJ11" s="89">
        <v>76</v>
      </c>
      <c r="GK11" s="399">
        <v>0</v>
      </c>
      <c r="GL11" s="88">
        <v>72</v>
      </c>
      <c r="GM11" s="88">
        <v>41</v>
      </c>
      <c r="GN11" s="88">
        <v>33</v>
      </c>
      <c r="GO11" s="88">
        <v>22</v>
      </c>
      <c r="GP11" s="88">
        <v>15</v>
      </c>
      <c r="GQ11" s="89">
        <v>183</v>
      </c>
      <c r="GR11" s="90">
        <v>259</v>
      </c>
      <c r="GS11" s="91">
        <v>296</v>
      </c>
      <c r="GT11" s="83">
        <v>227</v>
      </c>
      <c r="GU11" s="84">
        <v>523</v>
      </c>
      <c r="GV11" s="399">
        <v>0</v>
      </c>
      <c r="GW11" s="83">
        <v>598</v>
      </c>
      <c r="GX11" s="83">
        <v>358</v>
      </c>
      <c r="GY11" s="83">
        <v>215</v>
      </c>
      <c r="GZ11" s="83">
        <v>183</v>
      </c>
      <c r="HA11" s="83">
        <v>95</v>
      </c>
      <c r="HB11" s="85">
        <v>1449</v>
      </c>
      <c r="HC11" s="86">
        <v>1972</v>
      </c>
      <c r="HD11" s="87">
        <v>5</v>
      </c>
      <c r="HE11" s="88">
        <v>5</v>
      </c>
      <c r="HF11" s="89">
        <v>10</v>
      </c>
      <c r="HG11" s="399">
        <v>0</v>
      </c>
      <c r="HH11" s="88">
        <v>8</v>
      </c>
      <c r="HI11" s="88">
        <v>4</v>
      </c>
      <c r="HJ11" s="88">
        <v>2</v>
      </c>
      <c r="HK11" s="88">
        <v>6</v>
      </c>
      <c r="HL11" s="88">
        <v>1</v>
      </c>
      <c r="HM11" s="89">
        <v>21</v>
      </c>
      <c r="HN11" s="90">
        <v>31</v>
      </c>
      <c r="HO11" s="87">
        <v>8</v>
      </c>
      <c r="HP11" s="88">
        <v>9</v>
      </c>
      <c r="HQ11" s="89">
        <v>17</v>
      </c>
      <c r="HR11" s="399">
        <v>0</v>
      </c>
      <c r="HS11" s="88">
        <v>18</v>
      </c>
      <c r="HT11" s="88">
        <v>9</v>
      </c>
      <c r="HU11" s="88">
        <v>4</v>
      </c>
      <c r="HV11" s="88">
        <v>8</v>
      </c>
      <c r="HW11" s="88">
        <v>7</v>
      </c>
      <c r="HX11" s="89">
        <v>46</v>
      </c>
      <c r="HY11" s="90">
        <v>63</v>
      </c>
      <c r="HZ11" s="87">
        <v>25</v>
      </c>
      <c r="IA11" s="88">
        <v>13</v>
      </c>
      <c r="IB11" s="89">
        <v>38</v>
      </c>
      <c r="IC11" s="399">
        <v>0</v>
      </c>
      <c r="ID11" s="88">
        <v>43</v>
      </c>
      <c r="IE11" s="88">
        <v>25</v>
      </c>
      <c r="IF11" s="88">
        <v>15</v>
      </c>
      <c r="IG11" s="88">
        <v>14</v>
      </c>
      <c r="IH11" s="88">
        <v>11</v>
      </c>
      <c r="II11" s="89">
        <v>108</v>
      </c>
      <c r="IJ11" s="90">
        <v>146</v>
      </c>
      <c r="IK11" s="87">
        <v>57</v>
      </c>
      <c r="IL11" s="88">
        <v>44</v>
      </c>
      <c r="IM11" s="89">
        <v>101</v>
      </c>
      <c r="IN11" s="399">
        <v>0</v>
      </c>
      <c r="IO11" s="88">
        <v>122</v>
      </c>
      <c r="IP11" s="88">
        <v>64</v>
      </c>
      <c r="IQ11" s="88">
        <v>32</v>
      </c>
      <c r="IR11" s="88">
        <v>25</v>
      </c>
      <c r="IS11" s="88">
        <v>18</v>
      </c>
      <c r="IT11" s="89">
        <v>261</v>
      </c>
      <c r="IU11" s="90">
        <v>362</v>
      </c>
      <c r="IV11" s="87">
        <v>102</v>
      </c>
      <c r="IW11" s="88">
        <v>83</v>
      </c>
      <c r="IX11" s="89">
        <v>185</v>
      </c>
      <c r="IY11" s="399">
        <v>0</v>
      </c>
      <c r="IZ11" s="88">
        <v>205</v>
      </c>
      <c r="JA11" s="88">
        <v>98</v>
      </c>
      <c r="JB11" s="88">
        <v>70</v>
      </c>
      <c r="JC11" s="88">
        <v>49</v>
      </c>
      <c r="JD11" s="88">
        <v>28</v>
      </c>
      <c r="JE11" s="89">
        <v>450</v>
      </c>
      <c r="JF11" s="90">
        <v>635</v>
      </c>
      <c r="JG11" s="87">
        <v>99</v>
      </c>
      <c r="JH11" s="88">
        <v>73</v>
      </c>
      <c r="JI11" s="89">
        <v>172</v>
      </c>
      <c r="JJ11" s="399">
        <v>0</v>
      </c>
      <c r="JK11" s="88">
        <v>202</v>
      </c>
      <c r="JL11" s="88">
        <v>158</v>
      </c>
      <c r="JM11" s="88">
        <v>92</v>
      </c>
      <c r="JN11" s="88">
        <v>81</v>
      </c>
      <c r="JO11" s="88">
        <v>30</v>
      </c>
      <c r="JP11" s="89">
        <v>563</v>
      </c>
      <c r="JQ11" s="90">
        <v>735</v>
      </c>
      <c r="JR11" s="87">
        <v>0</v>
      </c>
      <c r="JS11" s="88">
        <v>0</v>
      </c>
      <c r="JT11" s="89">
        <v>0</v>
      </c>
      <c r="JU11" s="399">
        <v>0</v>
      </c>
      <c r="JV11" s="88">
        <v>0</v>
      </c>
      <c r="JW11" s="88">
        <v>0</v>
      </c>
      <c r="JX11" s="88">
        <v>0</v>
      </c>
      <c r="JY11" s="88">
        <v>0</v>
      </c>
      <c r="JZ11" s="88">
        <v>0</v>
      </c>
      <c r="KA11" s="89">
        <v>0</v>
      </c>
      <c r="KB11" s="90">
        <v>0</v>
      </c>
      <c r="KC11" s="87">
        <v>296</v>
      </c>
      <c r="KD11" s="88">
        <v>227</v>
      </c>
      <c r="KE11" s="89">
        <v>523</v>
      </c>
      <c r="KF11" s="399">
        <v>0</v>
      </c>
      <c r="KG11" s="88">
        <v>598</v>
      </c>
      <c r="KH11" s="88">
        <v>358</v>
      </c>
      <c r="KI11" s="88">
        <v>215</v>
      </c>
      <c r="KJ11" s="88">
        <v>183</v>
      </c>
      <c r="KK11" s="88">
        <v>95</v>
      </c>
      <c r="KL11" s="89">
        <v>1449</v>
      </c>
      <c r="KM11" s="90">
        <v>1972</v>
      </c>
    </row>
    <row r="12" spans="2:299" s="56" customFormat="1" ht="21" customHeight="1" x14ac:dyDescent="0.2">
      <c r="B12" s="92" t="s">
        <v>8</v>
      </c>
      <c r="C12" s="82">
        <v>92</v>
      </c>
      <c r="D12" s="83">
        <v>60</v>
      </c>
      <c r="E12" s="84">
        <v>152</v>
      </c>
      <c r="F12" s="399">
        <v>0</v>
      </c>
      <c r="G12" s="83">
        <v>158</v>
      </c>
      <c r="H12" s="83">
        <v>129</v>
      </c>
      <c r="I12" s="83">
        <v>83</v>
      </c>
      <c r="J12" s="83">
        <v>63</v>
      </c>
      <c r="K12" s="83">
        <v>34</v>
      </c>
      <c r="L12" s="85">
        <v>467</v>
      </c>
      <c r="M12" s="86">
        <v>619</v>
      </c>
      <c r="N12" s="87">
        <v>2</v>
      </c>
      <c r="O12" s="88">
        <v>1</v>
      </c>
      <c r="P12" s="89">
        <v>3</v>
      </c>
      <c r="Q12" s="399">
        <v>0</v>
      </c>
      <c r="R12" s="88">
        <v>2</v>
      </c>
      <c r="S12" s="88">
        <v>2</v>
      </c>
      <c r="T12" s="88">
        <v>2</v>
      </c>
      <c r="U12" s="88">
        <v>2</v>
      </c>
      <c r="V12" s="88">
        <v>1</v>
      </c>
      <c r="W12" s="89">
        <v>9</v>
      </c>
      <c r="X12" s="90">
        <v>12</v>
      </c>
      <c r="Y12" s="87">
        <v>1</v>
      </c>
      <c r="Z12" s="88">
        <v>3</v>
      </c>
      <c r="AA12" s="89">
        <v>4</v>
      </c>
      <c r="AB12" s="399">
        <v>0</v>
      </c>
      <c r="AC12" s="88">
        <v>4</v>
      </c>
      <c r="AD12" s="88">
        <v>12</v>
      </c>
      <c r="AE12" s="88">
        <v>4</v>
      </c>
      <c r="AF12" s="88">
        <v>7</v>
      </c>
      <c r="AG12" s="88">
        <v>2</v>
      </c>
      <c r="AH12" s="89">
        <v>29</v>
      </c>
      <c r="AI12" s="90">
        <v>33</v>
      </c>
      <c r="AJ12" s="87">
        <v>4</v>
      </c>
      <c r="AK12" s="88">
        <v>5</v>
      </c>
      <c r="AL12" s="89">
        <v>9</v>
      </c>
      <c r="AM12" s="399">
        <v>0</v>
      </c>
      <c r="AN12" s="88">
        <v>17</v>
      </c>
      <c r="AO12" s="88">
        <v>15</v>
      </c>
      <c r="AP12" s="88">
        <v>5</v>
      </c>
      <c r="AQ12" s="88">
        <v>10</v>
      </c>
      <c r="AR12" s="88">
        <v>2</v>
      </c>
      <c r="AS12" s="89">
        <v>49</v>
      </c>
      <c r="AT12" s="90">
        <v>58</v>
      </c>
      <c r="AU12" s="87">
        <v>15</v>
      </c>
      <c r="AV12" s="88">
        <v>11</v>
      </c>
      <c r="AW12" s="89">
        <v>26</v>
      </c>
      <c r="AX12" s="399">
        <v>0</v>
      </c>
      <c r="AY12" s="88">
        <v>36</v>
      </c>
      <c r="AZ12" s="88">
        <v>26</v>
      </c>
      <c r="BA12" s="88">
        <v>15</v>
      </c>
      <c r="BB12" s="88">
        <v>10</v>
      </c>
      <c r="BC12" s="88">
        <v>7</v>
      </c>
      <c r="BD12" s="89">
        <v>94</v>
      </c>
      <c r="BE12" s="90">
        <v>120</v>
      </c>
      <c r="BF12" s="87">
        <v>41</v>
      </c>
      <c r="BG12" s="88">
        <v>19</v>
      </c>
      <c r="BH12" s="89">
        <v>60</v>
      </c>
      <c r="BI12" s="399">
        <v>0</v>
      </c>
      <c r="BJ12" s="88">
        <v>46</v>
      </c>
      <c r="BK12" s="88">
        <v>30</v>
      </c>
      <c r="BL12" s="88">
        <v>23</v>
      </c>
      <c r="BM12" s="88">
        <v>12</v>
      </c>
      <c r="BN12" s="88">
        <v>8</v>
      </c>
      <c r="BO12" s="89">
        <v>119</v>
      </c>
      <c r="BP12" s="90">
        <v>179</v>
      </c>
      <c r="BQ12" s="87">
        <v>29</v>
      </c>
      <c r="BR12" s="88">
        <v>21</v>
      </c>
      <c r="BS12" s="89">
        <v>50</v>
      </c>
      <c r="BT12" s="399">
        <v>0</v>
      </c>
      <c r="BU12" s="88">
        <v>53</v>
      </c>
      <c r="BV12" s="88">
        <v>44</v>
      </c>
      <c r="BW12" s="88">
        <v>34</v>
      </c>
      <c r="BX12" s="88">
        <v>22</v>
      </c>
      <c r="BY12" s="88">
        <v>14</v>
      </c>
      <c r="BZ12" s="89">
        <v>167</v>
      </c>
      <c r="CA12" s="90">
        <v>217</v>
      </c>
      <c r="CB12" s="87">
        <v>0</v>
      </c>
      <c r="CC12" s="88">
        <v>0</v>
      </c>
      <c r="CD12" s="89">
        <v>0</v>
      </c>
      <c r="CE12" s="399">
        <v>0</v>
      </c>
      <c r="CF12" s="88">
        <v>0</v>
      </c>
      <c r="CG12" s="88">
        <v>0</v>
      </c>
      <c r="CH12" s="88">
        <v>0</v>
      </c>
      <c r="CI12" s="88">
        <v>0</v>
      </c>
      <c r="CJ12" s="88">
        <v>0</v>
      </c>
      <c r="CK12" s="89">
        <v>0</v>
      </c>
      <c r="CL12" s="90">
        <v>0</v>
      </c>
      <c r="CM12" s="87">
        <v>92</v>
      </c>
      <c r="CN12" s="88">
        <v>60</v>
      </c>
      <c r="CO12" s="89">
        <v>152</v>
      </c>
      <c r="CP12" s="399">
        <v>0</v>
      </c>
      <c r="CQ12" s="88">
        <v>158</v>
      </c>
      <c r="CR12" s="88">
        <v>129</v>
      </c>
      <c r="CS12" s="88">
        <v>83</v>
      </c>
      <c r="CT12" s="88">
        <v>63</v>
      </c>
      <c r="CU12" s="88">
        <v>34</v>
      </c>
      <c r="CV12" s="89">
        <v>467</v>
      </c>
      <c r="CW12" s="90">
        <v>619</v>
      </c>
      <c r="CX12" s="91">
        <v>11</v>
      </c>
      <c r="CY12" s="83">
        <v>9</v>
      </c>
      <c r="CZ12" s="84">
        <v>20</v>
      </c>
      <c r="DA12" s="399">
        <v>0</v>
      </c>
      <c r="DB12" s="83">
        <v>23</v>
      </c>
      <c r="DC12" s="83">
        <v>28</v>
      </c>
      <c r="DD12" s="83">
        <v>17</v>
      </c>
      <c r="DE12" s="83">
        <v>15</v>
      </c>
      <c r="DF12" s="83">
        <v>4</v>
      </c>
      <c r="DG12" s="85">
        <v>87</v>
      </c>
      <c r="DH12" s="86">
        <v>107</v>
      </c>
      <c r="DI12" s="87">
        <v>1</v>
      </c>
      <c r="DJ12" s="88">
        <v>0</v>
      </c>
      <c r="DK12" s="89">
        <v>1</v>
      </c>
      <c r="DL12" s="399">
        <v>0</v>
      </c>
      <c r="DM12" s="88">
        <v>0</v>
      </c>
      <c r="DN12" s="88">
        <v>1</v>
      </c>
      <c r="DO12" s="88">
        <v>0</v>
      </c>
      <c r="DP12" s="88">
        <v>0</v>
      </c>
      <c r="DQ12" s="88">
        <v>0</v>
      </c>
      <c r="DR12" s="89">
        <v>1</v>
      </c>
      <c r="DS12" s="90">
        <v>2</v>
      </c>
      <c r="DT12" s="87">
        <v>3</v>
      </c>
      <c r="DU12" s="88">
        <v>0</v>
      </c>
      <c r="DV12" s="89">
        <v>3</v>
      </c>
      <c r="DW12" s="399">
        <v>0</v>
      </c>
      <c r="DX12" s="88">
        <v>0</v>
      </c>
      <c r="DY12" s="88">
        <v>1</v>
      </c>
      <c r="DZ12" s="88">
        <v>1</v>
      </c>
      <c r="EA12" s="88">
        <v>0</v>
      </c>
      <c r="EB12" s="88">
        <v>0</v>
      </c>
      <c r="EC12" s="89">
        <v>2</v>
      </c>
      <c r="ED12" s="90">
        <v>5</v>
      </c>
      <c r="EE12" s="87">
        <v>0</v>
      </c>
      <c r="EF12" s="88">
        <v>0</v>
      </c>
      <c r="EG12" s="89">
        <v>0</v>
      </c>
      <c r="EH12" s="399">
        <v>0</v>
      </c>
      <c r="EI12" s="88">
        <v>0</v>
      </c>
      <c r="EJ12" s="88">
        <v>2</v>
      </c>
      <c r="EK12" s="88">
        <v>0</v>
      </c>
      <c r="EL12" s="88">
        <v>2</v>
      </c>
      <c r="EM12" s="88">
        <v>0</v>
      </c>
      <c r="EN12" s="89">
        <v>4</v>
      </c>
      <c r="EO12" s="90">
        <v>4</v>
      </c>
      <c r="EP12" s="87">
        <v>2</v>
      </c>
      <c r="EQ12" s="88">
        <v>1</v>
      </c>
      <c r="ER12" s="89">
        <v>3</v>
      </c>
      <c r="ES12" s="399">
        <v>0</v>
      </c>
      <c r="ET12" s="88">
        <v>4</v>
      </c>
      <c r="EU12" s="88">
        <v>4</v>
      </c>
      <c r="EV12" s="88">
        <v>3</v>
      </c>
      <c r="EW12" s="88">
        <v>0</v>
      </c>
      <c r="EX12" s="88">
        <v>1</v>
      </c>
      <c r="EY12" s="89">
        <v>12</v>
      </c>
      <c r="EZ12" s="90">
        <v>15</v>
      </c>
      <c r="FA12" s="87">
        <v>1</v>
      </c>
      <c r="FB12" s="88">
        <v>4</v>
      </c>
      <c r="FC12" s="89">
        <v>5</v>
      </c>
      <c r="FD12" s="399">
        <v>0</v>
      </c>
      <c r="FE12" s="88">
        <v>9</v>
      </c>
      <c r="FF12" s="88">
        <v>9</v>
      </c>
      <c r="FG12" s="88">
        <v>3</v>
      </c>
      <c r="FH12" s="88">
        <v>4</v>
      </c>
      <c r="FI12" s="88">
        <v>1</v>
      </c>
      <c r="FJ12" s="89">
        <v>26</v>
      </c>
      <c r="FK12" s="90">
        <v>31</v>
      </c>
      <c r="FL12" s="87">
        <v>4</v>
      </c>
      <c r="FM12" s="88">
        <v>4</v>
      </c>
      <c r="FN12" s="89">
        <v>8</v>
      </c>
      <c r="FO12" s="399">
        <v>0</v>
      </c>
      <c r="FP12" s="88">
        <v>10</v>
      </c>
      <c r="FQ12" s="88">
        <v>11</v>
      </c>
      <c r="FR12" s="88">
        <v>10</v>
      </c>
      <c r="FS12" s="88">
        <v>9</v>
      </c>
      <c r="FT12" s="88">
        <v>2</v>
      </c>
      <c r="FU12" s="89">
        <v>42</v>
      </c>
      <c r="FV12" s="90">
        <v>50</v>
      </c>
      <c r="FW12" s="87">
        <v>0</v>
      </c>
      <c r="FX12" s="88">
        <v>0</v>
      </c>
      <c r="FY12" s="89">
        <v>0</v>
      </c>
      <c r="FZ12" s="399">
        <v>0</v>
      </c>
      <c r="GA12" s="88">
        <v>0</v>
      </c>
      <c r="GB12" s="88">
        <v>0</v>
      </c>
      <c r="GC12" s="88">
        <v>0</v>
      </c>
      <c r="GD12" s="88">
        <v>0</v>
      </c>
      <c r="GE12" s="88">
        <v>0</v>
      </c>
      <c r="GF12" s="89">
        <v>0</v>
      </c>
      <c r="GG12" s="90">
        <v>0</v>
      </c>
      <c r="GH12" s="87">
        <v>11</v>
      </c>
      <c r="GI12" s="88">
        <v>9</v>
      </c>
      <c r="GJ12" s="89">
        <v>20</v>
      </c>
      <c r="GK12" s="399">
        <v>0</v>
      </c>
      <c r="GL12" s="88">
        <v>23</v>
      </c>
      <c r="GM12" s="88">
        <v>28</v>
      </c>
      <c r="GN12" s="88">
        <v>17</v>
      </c>
      <c r="GO12" s="88">
        <v>15</v>
      </c>
      <c r="GP12" s="88">
        <v>4</v>
      </c>
      <c r="GQ12" s="89">
        <v>87</v>
      </c>
      <c r="GR12" s="90">
        <v>107</v>
      </c>
      <c r="GS12" s="91">
        <v>103</v>
      </c>
      <c r="GT12" s="83">
        <v>69</v>
      </c>
      <c r="GU12" s="84">
        <v>172</v>
      </c>
      <c r="GV12" s="399">
        <v>0</v>
      </c>
      <c r="GW12" s="83">
        <v>181</v>
      </c>
      <c r="GX12" s="83">
        <v>157</v>
      </c>
      <c r="GY12" s="83">
        <v>100</v>
      </c>
      <c r="GZ12" s="83">
        <v>78</v>
      </c>
      <c r="HA12" s="83">
        <v>38</v>
      </c>
      <c r="HB12" s="85">
        <v>554</v>
      </c>
      <c r="HC12" s="86">
        <v>726</v>
      </c>
      <c r="HD12" s="87">
        <v>3</v>
      </c>
      <c r="HE12" s="88">
        <v>1</v>
      </c>
      <c r="HF12" s="89">
        <v>4</v>
      </c>
      <c r="HG12" s="399">
        <v>0</v>
      </c>
      <c r="HH12" s="88">
        <v>2</v>
      </c>
      <c r="HI12" s="88">
        <v>3</v>
      </c>
      <c r="HJ12" s="88">
        <v>2</v>
      </c>
      <c r="HK12" s="88">
        <v>2</v>
      </c>
      <c r="HL12" s="88">
        <v>1</v>
      </c>
      <c r="HM12" s="89">
        <v>10</v>
      </c>
      <c r="HN12" s="90">
        <v>14</v>
      </c>
      <c r="HO12" s="87">
        <v>4</v>
      </c>
      <c r="HP12" s="88">
        <v>3</v>
      </c>
      <c r="HQ12" s="89">
        <v>7</v>
      </c>
      <c r="HR12" s="399">
        <v>0</v>
      </c>
      <c r="HS12" s="88">
        <v>4</v>
      </c>
      <c r="HT12" s="88">
        <v>13</v>
      </c>
      <c r="HU12" s="88">
        <v>5</v>
      </c>
      <c r="HV12" s="88">
        <v>7</v>
      </c>
      <c r="HW12" s="88">
        <v>2</v>
      </c>
      <c r="HX12" s="89">
        <v>31</v>
      </c>
      <c r="HY12" s="90">
        <v>38</v>
      </c>
      <c r="HZ12" s="87">
        <v>4</v>
      </c>
      <c r="IA12" s="88">
        <v>5</v>
      </c>
      <c r="IB12" s="89">
        <v>9</v>
      </c>
      <c r="IC12" s="399">
        <v>0</v>
      </c>
      <c r="ID12" s="88">
        <v>17</v>
      </c>
      <c r="IE12" s="88">
        <v>17</v>
      </c>
      <c r="IF12" s="88">
        <v>5</v>
      </c>
      <c r="IG12" s="88">
        <v>12</v>
      </c>
      <c r="IH12" s="88">
        <v>2</v>
      </c>
      <c r="II12" s="89">
        <v>53</v>
      </c>
      <c r="IJ12" s="90">
        <v>62</v>
      </c>
      <c r="IK12" s="87">
        <v>17</v>
      </c>
      <c r="IL12" s="88">
        <v>12</v>
      </c>
      <c r="IM12" s="89">
        <v>29</v>
      </c>
      <c r="IN12" s="399">
        <v>0</v>
      </c>
      <c r="IO12" s="88">
        <v>40</v>
      </c>
      <c r="IP12" s="88">
        <v>30</v>
      </c>
      <c r="IQ12" s="88">
        <v>18</v>
      </c>
      <c r="IR12" s="88">
        <v>10</v>
      </c>
      <c r="IS12" s="88">
        <v>8</v>
      </c>
      <c r="IT12" s="89">
        <v>106</v>
      </c>
      <c r="IU12" s="90">
        <v>135</v>
      </c>
      <c r="IV12" s="87">
        <v>42</v>
      </c>
      <c r="IW12" s="88">
        <v>23</v>
      </c>
      <c r="IX12" s="89">
        <v>65</v>
      </c>
      <c r="IY12" s="399">
        <v>0</v>
      </c>
      <c r="IZ12" s="88">
        <v>55</v>
      </c>
      <c r="JA12" s="88">
        <v>39</v>
      </c>
      <c r="JB12" s="88">
        <v>26</v>
      </c>
      <c r="JC12" s="88">
        <v>16</v>
      </c>
      <c r="JD12" s="88">
        <v>9</v>
      </c>
      <c r="JE12" s="89">
        <v>145</v>
      </c>
      <c r="JF12" s="90">
        <v>210</v>
      </c>
      <c r="JG12" s="87">
        <v>33</v>
      </c>
      <c r="JH12" s="88">
        <v>25</v>
      </c>
      <c r="JI12" s="89">
        <v>58</v>
      </c>
      <c r="JJ12" s="399">
        <v>0</v>
      </c>
      <c r="JK12" s="88">
        <v>63</v>
      </c>
      <c r="JL12" s="88">
        <v>55</v>
      </c>
      <c r="JM12" s="88">
        <v>44</v>
      </c>
      <c r="JN12" s="88">
        <v>31</v>
      </c>
      <c r="JO12" s="88">
        <v>16</v>
      </c>
      <c r="JP12" s="89">
        <v>209</v>
      </c>
      <c r="JQ12" s="90">
        <v>267</v>
      </c>
      <c r="JR12" s="87">
        <v>0</v>
      </c>
      <c r="JS12" s="88">
        <v>0</v>
      </c>
      <c r="JT12" s="89">
        <v>0</v>
      </c>
      <c r="JU12" s="399">
        <v>0</v>
      </c>
      <c r="JV12" s="88">
        <v>0</v>
      </c>
      <c r="JW12" s="88">
        <v>0</v>
      </c>
      <c r="JX12" s="88">
        <v>0</v>
      </c>
      <c r="JY12" s="88">
        <v>0</v>
      </c>
      <c r="JZ12" s="88">
        <v>0</v>
      </c>
      <c r="KA12" s="89">
        <v>0</v>
      </c>
      <c r="KB12" s="90">
        <v>0</v>
      </c>
      <c r="KC12" s="87">
        <v>103</v>
      </c>
      <c r="KD12" s="88">
        <v>69</v>
      </c>
      <c r="KE12" s="89">
        <v>172</v>
      </c>
      <c r="KF12" s="399">
        <v>0</v>
      </c>
      <c r="KG12" s="88">
        <v>181</v>
      </c>
      <c r="KH12" s="88">
        <v>157</v>
      </c>
      <c r="KI12" s="88">
        <v>100</v>
      </c>
      <c r="KJ12" s="88">
        <v>78</v>
      </c>
      <c r="KK12" s="88">
        <v>38</v>
      </c>
      <c r="KL12" s="89">
        <v>554</v>
      </c>
      <c r="KM12" s="90">
        <v>726</v>
      </c>
    </row>
    <row r="13" spans="2:299" s="56" customFormat="1" ht="21" customHeight="1" x14ac:dyDescent="0.2">
      <c r="B13" s="92" t="s">
        <v>9</v>
      </c>
      <c r="C13" s="82">
        <v>190</v>
      </c>
      <c r="D13" s="83">
        <v>101</v>
      </c>
      <c r="E13" s="84">
        <v>291</v>
      </c>
      <c r="F13" s="399">
        <v>0</v>
      </c>
      <c r="G13" s="83">
        <v>225</v>
      </c>
      <c r="H13" s="83">
        <v>131</v>
      </c>
      <c r="I13" s="83">
        <v>102</v>
      </c>
      <c r="J13" s="83">
        <v>98</v>
      </c>
      <c r="K13" s="83">
        <v>48</v>
      </c>
      <c r="L13" s="85">
        <v>604</v>
      </c>
      <c r="M13" s="86">
        <v>895</v>
      </c>
      <c r="N13" s="87">
        <v>5</v>
      </c>
      <c r="O13" s="88">
        <v>1</v>
      </c>
      <c r="P13" s="89">
        <v>6</v>
      </c>
      <c r="Q13" s="399">
        <v>0</v>
      </c>
      <c r="R13" s="88">
        <v>1</v>
      </c>
      <c r="S13" s="88">
        <v>2</v>
      </c>
      <c r="T13" s="88">
        <v>0</v>
      </c>
      <c r="U13" s="88">
        <v>1</v>
      </c>
      <c r="V13" s="88">
        <v>2</v>
      </c>
      <c r="W13" s="89">
        <v>6</v>
      </c>
      <c r="X13" s="90">
        <v>12</v>
      </c>
      <c r="Y13" s="87">
        <v>4</v>
      </c>
      <c r="Z13" s="88">
        <v>1</v>
      </c>
      <c r="AA13" s="89">
        <v>5</v>
      </c>
      <c r="AB13" s="399">
        <v>0</v>
      </c>
      <c r="AC13" s="88">
        <v>1</v>
      </c>
      <c r="AD13" s="88">
        <v>3</v>
      </c>
      <c r="AE13" s="88">
        <v>2</v>
      </c>
      <c r="AF13" s="88">
        <v>1</v>
      </c>
      <c r="AG13" s="88">
        <v>1</v>
      </c>
      <c r="AH13" s="89">
        <v>8</v>
      </c>
      <c r="AI13" s="90">
        <v>13</v>
      </c>
      <c r="AJ13" s="87">
        <v>11</v>
      </c>
      <c r="AK13" s="88">
        <v>2</v>
      </c>
      <c r="AL13" s="89">
        <v>13</v>
      </c>
      <c r="AM13" s="399">
        <v>0</v>
      </c>
      <c r="AN13" s="88">
        <v>16</v>
      </c>
      <c r="AO13" s="88">
        <v>13</v>
      </c>
      <c r="AP13" s="88">
        <v>7</v>
      </c>
      <c r="AQ13" s="88">
        <v>7</v>
      </c>
      <c r="AR13" s="88">
        <v>3</v>
      </c>
      <c r="AS13" s="89">
        <v>46</v>
      </c>
      <c r="AT13" s="90">
        <v>59</v>
      </c>
      <c r="AU13" s="87">
        <v>43</v>
      </c>
      <c r="AV13" s="88">
        <v>17</v>
      </c>
      <c r="AW13" s="89">
        <v>60</v>
      </c>
      <c r="AX13" s="399">
        <v>0</v>
      </c>
      <c r="AY13" s="88">
        <v>32</v>
      </c>
      <c r="AZ13" s="88">
        <v>12</v>
      </c>
      <c r="BA13" s="88">
        <v>12</v>
      </c>
      <c r="BB13" s="88">
        <v>12</v>
      </c>
      <c r="BC13" s="88">
        <v>8</v>
      </c>
      <c r="BD13" s="89">
        <v>76</v>
      </c>
      <c r="BE13" s="90">
        <v>136</v>
      </c>
      <c r="BF13" s="87">
        <v>66</v>
      </c>
      <c r="BG13" s="88">
        <v>42</v>
      </c>
      <c r="BH13" s="89">
        <v>108</v>
      </c>
      <c r="BI13" s="399">
        <v>0</v>
      </c>
      <c r="BJ13" s="88">
        <v>72</v>
      </c>
      <c r="BK13" s="88">
        <v>37</v>
      </c>
      <c r="BL13" s="88">
        <v>28</v>
      </c>
      <c r="BM13" s="88">
        <v>26</v>
      </c>
      <c r="BN13" s="88">
        <v>13</v>
      </c>
      <c r="BO13" s="89">
        <v>176</v>
      </c>
      <c r="BP13" s="90">
        <v>284</v>
      </c>
      <c r="BQ13" s="87">
        <v>61</v>
      </c>
      <c r="BR13" s="88">
        <v>38</v>
      </c>
      <c r="BS13" s="89">
        <v>99</v>
      </c>
      <c r="BT13" s="399">
        <v>0</v>
      </c>
      <c r="BU13" s="88">
        <v>103</v>
      </c>
      <c r="BV13" s="88">
        <v>64</v>
      </c>
      <c r="BW13" s="88">
        <v>53</v>
      </c>
      <c r="BX13" s="88">
        <v>51</v>
      </c>
      <c r="BY13" s="88">
        <v>21</v>
      </c>
      <c r="BZ13" s="89">
        <v>292</v>
      </c>
      <c r="CA13" s="90">
        <v>391</v>
      </c>
      <c r="CB13" s="87">
        <v>0</v>
      </c>
      <c r="CC13" s="88">
        <v>0</v>
      </c>
      <c r="CD13" s="89">
        <v>0</v>
      </c>
      <c r="CE13" s="399">
        <v>0</v>
      </c>
      <c r="CF13" s="88">
        <v>0</v>
      </c>
      <c r="CG13" s="88">
        <v>0</v>
      </c>
      <c r="CH13" s="88">
        <v>0</v>
      </c>
      <c r="CI13" s="88">
        <v>0</v>
      </c>
      <c r="CJ13" s="88">
        <v>0</v>
      </c>
      <c r="CK13" s="89">
        <v>0</v>
      </c>
      <c r="CL13" s="90">
        <v>0</v>
      </c>
      <c r="CM13" s="87">
        <v>190</v>
      </c>
      <c r="CN13" s="88">
        <v>101</v>
      </c>
      <c r="CO13" s="89">
        <v>291</v>
      </c>
      <c r="CP13" s="399">
        <v>0</v>
      </c>
      <c r="CQ13" s="88">
        <v>225</v>
      </c>
      <c r="CR13" s="88">
        <v>131</v>
      </c>
      <c r="CS13" s="88">
        <v>102</v>
      </c>
      <c r="CT13" s="88">
        <v>98</v>
      </c>
      <c r="CU13" s="88">
        <v>48</v>
      </c>
      <c r="CV13" s="89">
        <v>604</v>
      </c>
      <c r="CW13" s="90">
        <v>895</v>
      </c>
      <c r="CX13" s="91">
        <v>33</v>
      </c>
      <c r="CY13" s="83">
        <v>29</v>
      </c>
      <c r="CZ13" s="84">
        <v>62</v>
      </c>
      <c r="DA13" s="399">
        <v>0</v>
      </c>
      <c r="DB13" s="83">
        <v>31</v>
      </c>
      <c r="DC13" s="83">
        <v>21</v>
      </c>
      <c r="DD13" s="83">
        <v>21</v>
      </c>
      <c r="DE13" s="83">
        <v>14</v>
      </c>
      <c r="DF13" s="83">
        <v>16</v>
      </c>
      <c r="DG13" s="85">
        <v>103</v>
      </c>
      <c r="DH13" s="86">
        <v>165</v>
      </c>
      <c r="DI13" s="87">
        <v>0</v>
      </c>
      <c r="DJ13" s="88">
        <v>2</v>
      </c>
      <c r="DK13" s="89">
        <v>2</v>
      </c>
      <c r="DL13" s="399">
        <v>0</v>
      </c>
      <c r="DM13" s="88">
        <v>1</v>
      </c>
      <c r="DN13" s="88">
        <v>1</v>
      </c>
      <c r="DO13" s="88">
        <v>1</v>
      </c>
      <c r="DP13" s="88">
        <v>0</v>
      </c>
      <c r="DQ13" s="88">
        <v>1</v>
      </c>
      <c r="DR13" s="89">
        <v>4</v>
      </c>
      <c r="DS13" s="90">
        <v>6</v>
      </c>
      <c r="DT13" s="87">
        <v>4</v>
      </c>
      <c r="DU13" s="88">
        <v>2</v>
      </c>
      <c r="DV13" s="89">
        <v>6</v>
      </c>
      <c r="DW13" s="399">
        <v>0</v>
      </c>
      <c r="DX13" s="88">
        <v>0</v>
      </c>
      <c r="DY13" s="88">
        <v>0</v>
      </c>
      <c r="DZ13" s="88">
        <v>0</v>
      </c>
      <c r="EA13" s="88">
        <v>0</v>
      </c>
      <c r="EB13" s="88">
        <v>0</v>
      </c>
      <c r="EC13" s="89">
        <v>0</v>
      </c>
      <c r="ED13" s="90">
        <v>6</v>
      </c>
      <c r="EE13" s="87">
        <v>6</v>
      </c>
      <c r="EF13" s="88">
        <v>2</v>
      </c>
      <c r="EG13" s="89">
        <v>8</v>
      </c>
      <c r="EH13" s="399">
        <v>0</v>
      </c>
      <c r="EI13" s="88">
        <v>2</v>
      </c>
      <c r="EJ13" s="88">
        <v>1</v>
      </c>
      <c r="EK13" s="88">
        <v>1</v>
      </c>
      <c r="EL13" s="88">
        <v>0</v>
      </c>
      <c r="EM13" s="88">
        <v>2</v>
      </c>
      <c r="EN13" s="89">
        <v>6</v>
      </c>
      <c r="EO13" s="90">
        <v>14</v>
      </c>
      <c r="EP13" s="87">
        <v>12</v>
      </c>
      <c r="EQ13" s="88">
        <v>4</v>
      </c>
      <c r="ER13" s="89">
        <v>16</v>
      </c>
      <c r="ES13" s="399">
        <v>0</v>
      </c>
      <c r="ET13" s="88">
        <v>7</v>
      </c>
      <c r="EU13" s="88">
        <v>1</v>
      </c>
      <c r="EV13" s="88">
        <v>3</v>
      </c>
      <c r="EW13" s="88">
        <v>0</v>
      </c>
      <c r="EX13" s="88">
        <v>1</v>
      </c>
      <c r="EY13" s="89">
        <v>12</v>
      </c>
      <c r="EZ13" s="90">
        <v>28</v>
      </c>
      <c r="FA13" s="87">
        <v>8</v>
      </c>
      <c r="FB13" s="88">
        <v>13</v>
      </c>
      <c r="FC13" s="89">
        <v>21</v>
      </c>
      <c r="FD13" s="399">
        <v>0</v>
      </c>
      <c r="FE13" s="88">
        <v>9</v>
      </c>
      <c r="FF13" s="88">
        <v>3</v>
      </c>
      <c r="FG13" s="88">
        <v>4</v>
      </c>
      <c r="FH13" s="88">
        <v>2</v>
      </c>
      <c r="FI13" s="88">
        <v>3</v>
      </c>
      <c r="FJ13" s="89">
        <v>21</v>
      </c>
      <c r="FK13" s="90">
        <v>42</v>
      </c>
      <c r="FL13" s="87">
        <v>3</v>
      </c>
      <c r="FM13" s="88">
        <v>6</v>
      </c>
      <c r="FN13" s="89">
        <v>9</v>
      </c>
      <c r="FO13" s="399">
        <v>0</v>
      </c>
      <c r="FP13" s="88">
        <v>12</v>
      </c>
      <c r="FQ13" s="88">
        <v>15</v>
      </c>
      <c r="FR13" s="88">
        <v>12</v>
      </c>
      <c r="FS13" s="88">
        <v>12</v>
      </c>
      <c r="FT13" s="88">
        <v>9</v>
      </c>
      <c r="FU13" s="89">
        <v>60</v>
      </c>
      <c r="FV13" s="90">
        <v>69</v>
      </c>
      <c r="FW13" s="87">
        <v>0</v>
      </c>
      <c r="FX13" s="88">
        <v>0</v>
      </c>
      <c r="FY13" s="89">
        <v>0</v>
      </c>
      <c r="FZ13" s="399">
        <v>0</v>
      </c>
      <c r="GA13" s="88">
        <v>0</v>
      </c>
      <c r="GB13" s="88">
        <v>0</v>
      </c>
      <c r="GC13" s="88">
        <v>0</v>
      </c>
      <c r="GD13" s="88">
        <v>0</v>
      </c>
      <c r="GE13" s="88">
        <v>0</v>
      </c>
      <c r="GF13" s="89">
        <v>0</v>
      </c>
      <c r="GG13" s="90">
        <v>0</v>
      </c>
      <c r="GH13" s="87">
        <v>33</v>
      </c>
      <c r="GI13" s="88">
        <v>29</v>
      </c>
      <c r="GJ13" s="89">
        <v>62</v>
      </c>
      <c r="GK13" s="399">
        <v>0</v>
      </c>
      <c r="GL13" s="88">
        <v>31</v>
      </c>
      <c r="GM13" s="88">
        <v>21</v>
      </c>
      <c r="GN13" s="88">
        <v>21</v>
      </c>
      <c r="GO13" s="88">
        <v>14</v>
      </c>
      <c r="GP13" s="88">
        <v>16</v>
      </c>
      <c r="GQ13" s="89">
        <v>103</v>
      </c>
      <c r="GR13" s="90">
        <v>165</v>
      </c>
      <c r="GS13" s="91">
        <v>223</v>
      </c>
      <c r="GT13" s="83">
        <v>130</v>
      </c>
      <c r="GU13" s="84">
        <v>353</v>
      </c>
      <c r="GV13" s="399">
        <v>0</v>
      </c>
      <c r="GW13" s="83">
        <v>256</v>
      </c>
      <c r="GX13" s="83">
        <v>152</v>
      </c>
      <c r="GY13" s="83">
        <v>123</v>
      </c>
      <c r="GZ13" s="83">
        <v>112</v>
      </c>
      <c r="HA13" s="83">
        <v>64</v>
      </c>
      <c r="HB13" s="85">
        <v>707</v>
      </c>
      <c r="HC13" s="86">
        <v>1060</v>
      </c>
      <c r="HD13" s="87">
        <v>5</v>
      </c>
      <c r="HE13" s="88">
        <v>3</v>
      </c>
      <c r="HF13" s="89">
        <v>8</v>
      </c>
      <c r="HG13" s="399">
        <v>0</v>
      </c>
      <c r="HH13" s="88">
        <v>2</v>
      </c>
      <c r="HI13" s="88">
        <v>3</v>
      </c>
      <c r="HJ13" s="88">
        <v>1</v>
      </c>
      <c r="HK13" s="88">
        <v>1</v>
      </c>
      <c r="HL13" s="88">
        <v>3</v>
      </c>
      <c r="HM13" s="89">
        <v>10</v>
      </c>
      <c r="HN13" s="90">
        <v>18</v>
      </c>
      <c r="HO13" s="87">
        <v>8</v>
      </c>
      <c r="HP13" s="88">
        <v>3</v>
      </c>
      <c r="HQ13" s="89">
        <v>11</v>
      </c>
      <c r="HR13" s="399">
        <v>0</v>
      </c>
      <c r="HS13" s="88">
        <v>1</v>
      </c>
      <c r="HT13" s="88">
        <v>3</v>
      </c>
      <c r="HU13" s="88">
        <v>2</v>
      </c>
      <c r="HV13" s="88">
        <v>1</v>
      </c>
      <c r="HW13" s="88">
        <v>1</v>
      </c>
      <c r="HX13" s="89">
        <v>8</v>
      </c>
      <c r="HY13" s="90">
        <v>19</v>
      </c>
      <c r="HZ13" s="87">
        <v>17</v>
      </c>
      <c r="IA13" s="88">
        <v>4</v>
      </c>
      <c r="IB13" s="89">
        <v>21</v>
      </c>
      <c r="IC13" s="399">
        <v>0</v>
      </c>
      <c r="ID13" s="88">
        <v>18</v>
      </c>
      <c r="IE13" s="88">
        <v>14</v>
      </c>
      <c r="IF13" s="88">
        <v>8</v>
      </c>
      <c r="IG13" s="88">
        <v>7</v>
      </c>
      <c r="IH13" s="88">
        <v>5</v>
      </c>
      <c r="II13" s="89">
        <v>52</v>
      </c>
      <c r="IJ13" s="90">
        <v>73</v>
      </c>
      <c r="IK13" s="87">
        <v>55</v>
      </c>
      <c r="IL13" s="88">
        <v>21</v>
      </c>
      <c r="IM13" s="89">
        <v>76</v>
      </c>
      <c r="IN13" s="399">
        <v>0</v>
      </c>
      <c r="IO13" s="88">
        <v>39</v>
      </c>
      <c r="IP13" s="88">
        <v>13</v>
      </c>
      <c r="IQ13" s="88">
        <v>15</v>
      </c>
      <c r="IR13" s="88">
        <v>12</v>
      </c>
      <c r="IS13" s="88">
        <v>9</v>
      </c>
      <c r="IT13" s="89">
        <v>88</v>
      </c>
      <c r="IU13" s="90">
        <v>164</v>
      </c>
      <c r="IV13" s="87">
        <v>74</v>
      </c>
      <c r="IW13" s="88">
        <v>55</v>
      </c>
      <c r="IX13" s="89">
        <v>129</v>
      </c>
      <c r="IY13" s="399">
        <v>0</v>
      </c>
      <c r="IZ13" s="88">
        <v>81</v>
      </c>
      <c r="JA13" s="88">
        <v>40</v>
      </c>
      <c r="JB13" s="88">
        <v>32</v>
      </c>
      <c r="JC13" s="88">
        <v>28</v>
      </c>
      <c r="JD13" s="88">
        <v>16</v>
      </c>
      <c r="JE13" s="89">
        <v>197</v>
      </c>
      <c r="JF13" s="90">
        <v>326</v>
      </c>
      <c r="JG13" s="87">
        <v>64</v>
      </c>
      <c r="JH13" s="88">
        <v>44</v>
      </c>
      <c r="JI13" s="89">
        <v>108</v>
      </c>
      <c r="JJ13" s="399">
        <v>0</v>
      </c>
      <c r="JK13" s="88">
        <v>115</v>
      </c>
      <c r="JL13" s="88">
        <v>79</v>
      </c>
      <c r="JM13" s="88">
        <v>65</v>
      </c>
      <c r="JN13" s="88">
        <v>63</v>
      </c>
      <c r="JO13" s="88">
        <v>30</v>
      </c>
      <c r="JP13" s="89">
        <v>352</v>
      </c>
      <c r="JQ13" s="90">
        <v>460</v>
      </c>
      <c r="JR13" s="87">
        <v>0</v>
      </c>
      <c r="JS13" s="88">
        <v>0</v>
      </c>
      <c r="JT13" s="89">
        <v>0</v>
      </c>
      <c r="JU13" s="399">
        <v>0</v>
      </c>
      <c r="JV13" s="88">
        <v>0</v>
      </c>
      <c r="JW13" s="88">
        <v>0</v>
      </c>
      <c r="JX13" s="88">
        <v>0</v>
      </c>
      <c r="JY13" s="88">
        <v>0</v>
      </c>
      <c r="JZ13" s="88">
        <v>0</v>
      </c>
      <c r="KA13" s="89">
        <v>0</v>
      </c>
      <c r="KB13" s="90">
        <v>0</v>
      </c>
      <c r="KC13" s="87">
        <v>223</v>
      </c>
      <c r="KD13" s="88">
        <v>130</v>
      </c>
      <c r="KE13" s="89">
        <v>353</v>
      </c>
      <c r="KF13" s="399">
        <v>0</v>
      </c>
      <c r="KG13" s="88">
        <v>256</v>
      </c>
      <c r="KH13" s="88">
        <v>152</v>
      </c>
      <c r="KI13" s="88">
        <v>123</v>
      </c>
      <c r="KJ13" s="88">
        <v>112</v>
      </c>
      <c r="KK13" s="88">
        <v>64</v>
      </c>
      <c r="KL13" s="89">
        <v>707</v>
      </c>
      <c r="KM13" s="90">
        <v>1060</v>
      </c>
    </row>
    <row r="14" spans="2:299" s="56" customFormat="1" ht="21" customHeight="1" x14ac:dyDescent="0.2">
      <c r="B14" s="92" t="s">
        <v>10</v>
      </c>
      <c r="C14" s="82">
        <v>365</v>
      </c>
      <c r="D14" s="83">
        <v>202</v>
      </c>
      <c r="E14" s="84">
        <v>567</v>
      </c>
      <c r="F14" s="399">
        <v>0</v>
      </c>
      <c r="G14" s="83">
        <v>348</v>
      </c>
      <c r="H14" s="83">
        <v>176</v>
      </c>
      <c r="I14" s="83">
        <v>112</v>
      </c>
      <c r="J14" s="83">
        <v>112</v>
      </c>
      <c r="K14" s="83">
        <v>80</v>
      </c>
      <c r="L14" s="85">
        <v>828</v>
      </c>
      <c r="M14" s="86">
        <v>1395</v>
      </c>
      <c r="N14" s="87">
        <v>5</v>
      </c>
      <c r="O14" s="88">
        <v>2</v>
      </c>
      <c r="P14" s="89">
        <v>7</v>
      </c>
      <c r="Q14" s="399">
        <v>0</v>
      </c>
      <c r="R14" s="88">
        <v>3</v>
      </c>
      <c r="S14" s="88">
        <v>4</v>
      </c>
      <c r="T14" s="88">
        <v>0</v>
      </c>
      <c r="U14" s="88">
        <v>5</v>
      </c>
      <c r="V14" s="88">
        <v>3</v>
      </c>
      <c r="W14" s="89">
        <v>15</v>
      </c>
      <c r="X14" s="90">
        <v>22</v>
      </c>
      <c r="Y14" s="87">
        <v>14</v>
      </c>
      <c r="Z14" s="88">
        <v>4</v>
      </c>
      <c r="AA14" s="89">
        <v>18</v>
      </c>
      <c r="AB14" s="399">
        <v>0</v>
      </c>
      <c r="AC14" s="88">
        <v>13</v>
      </c>
      <c r="AD14" s="88">
        <v>8</v>
      </c>
      <c r="AE14" s="88">
        <v>3</v>
      </c>
      <c r="AF14" s="88">
        <v>3</v>
      </c>
      <c r="AG14" s="88">
        <v>6</v>
      </c>
      <c r="AH14" s="89">
        <v>33</v>
      </c>
      <c r="AI14" s="90">
        <v>51</v>
      </c>
      <c r="AJ14" s="87">
        <v>26</v>
      </c>
      <c r="AK14" s="88">
        <v>14</v>
      </c>
      <c r="AL14" s="89">
        <v>40</v>
      </c>
      <c r="AM14" s="399">
        <v>0</v>
      </c>
      <c r="AN14" s="88">
        <v>24</v>
      </c>
      <c r="AO14" s="88">
        <v>12</v>
      </c>
      <c r="AP14" s="88">
        <v>8</v>
      </c>
      <c r="AQ14" s="88">
        <v>7</v>
      </c>
      <c r="AR14" s="88">
        <v>13</v>
      </c>
      <c r="AS14" s="89">
        <v>64</v>
      </c>
      <c r="AT14" s="90">
        <v>104</v>
      </c>
      <c r="AU14" s="87">
        <v>76</v>
      </c>
      <c r="AV14" s="88">
        <v>35</v>
      </c>
      <c r="AW14" s="89">
        <v>111</v>
      </c>
      <c r="AX14" s="399">
        <v>0</v>
      </c>
      <c r="AY14" s="88">
        <v>63</v>
      </c>
      <c r="AZ14" s="88">
        <v>32</v>
      </c>
      <c r="BA14" s="88">
        <v>23</v>
      </c>
      <c r="BB14" s="88">
        <v>22</v>
      </c>
      <c r="BC14" s="88">
        <v>13</v>
      </c>
      <c r="BD14" s="89">
        <v>153</v>
      </c>
      <c r="BE14" s="90">
        <v>264</v>
      </c>
      <c r="BF14" s="87">
        <v>140</v>
      </c>
      <c r="BG14" s="88">
        <v>70</v>
      </c>
      <c r="BH14" s="89">
        <v>210</v>
      </c>
      <c r="BI14" s="399">
        <v>0</v>
      </c>
      <c r="BJ14" s="88">
        <v>127</v>
      </c>
      <c r="BK14" s="88">
        <v>53</v>
      </c>
      <c r="BL14" s="88">
        <v>28</v>
      </c>
      <c r="BM14" s="88">
        <v>27</v>
      </c>
      <c r="BN14" s="88">
        <v>15</v>
      </c>
      <c r="BO14" s="89">
        <v>250</v>
      </c>
      <c r="BP14" s="90">
        <v>460</v>
      </c>
      <c r="BQ14" s="87">
        <v>104</v>
      </c>
      <c r="BR14" s="88">
        <v>77</v>
      </c>
      <c r="BS14" s="89">
        <v>181</v>
      </c>
      <c r="BT14" s="399">
        <v>0</v>
      </c>
      <c r="BU14" s="88">
        <v>118</v>
      </c>
      <c r="BV14" s="88">
        <v>67</v>
      </c>
      <c r="BW14" s="88">
        <v>50</v>
      </c>
      <c r="BX14" s="88">
        <v>48</v>
      </c>
      <c r="BY14" s="88">
        <v>30</v>
      </c>
      <c r="BZ14" s="89">
        <v>313</v>
      </c>
      <c r="CA14" s="90">
        <v>494</v>
      </c>
      <c r="CB14" s="87">
        <v>0</v>
      </c>
      <c r="CC14" s="88">
        <v>0</v>
      </c>
      <c r="CD14" s="89">
        <v>0</v>
      </c>
      <c r="CE14" s="399">
        <v>0</v>
      </c>
      <c r="CF14" s="88">
        <v>0</v>
      </c>
      <c r="CG14" s="88">
        <v>0</v>
      </c>
      <c r="CH14" s="88">
        <v>0</v>
      </c>
      <c r="CI14" s="88">
        <v>0</v>
      </c>
      <c r="CJ14" s="88">
        <v>0</v>
      </c>
      <c r="CK14" s="89">
        <v>0</v>
      </c>
      <c r="CL14" s="90">
        <v>0</v>
      </c>
      <c r="CM14" s="87">
        <v>365</v>
      </c>
      <c r="CN14" s="88">
        <v>202</v>
      </c>
      <c r="CO14" s="89">
        <v>567</v>
      </c>
      <c r="CP14" s="399">
        <v>0</v>
      </c>
      <c r="CQ14" s="88">
        <v>348</v>
      </c>
      <c r="CR14" s="88">
        <v>176</v>
      </c>
      <c r="CS14" s="88">
        <v>112</v>
      </c>
      <c r="CT14" s="88">
        <v>112</v>
      </c>
      <c r="CU14" s="88">
        <v>80</v>
      </c>
      <c r="CV14" s="89">
        <v>828</v>
      </c>
      <c r="CW14" s="90">
        <v>1395</v>
      </c>
      <c r="CX14" s="91">
        <v>46</v>
      </c>
      <c r="CY14" s="83">
        <v>37</v>
      </c>
      <c r="CZ14" s="84">
        <v>83</v>
      </c>
      <c r="DA14" s="399">
        <v>0</v>
      </c>
      <c r="DB14" s="83">
        <v>56</v>
      </c>
      <c r="DC14" s="83">
        <v>26</v>
      </c>
      <c r="DD14" s="83">
        <v>11</v>
      </c>
      <c r="DE14" s="83">
        <v>26</v>
      </c>
      <c r="DF14" s="83">
        <v>13</v>
      </c>
      <c r="DG14" s="85">
        <v>132</v>
      </c>
      <c r="DH14" s="86">
        <v>215</v>
      </c>
      <c r="DI14" s="87">
        <v>0</v>
      </c>
      <c r="DJ14" s="88">
        <v>1</v>
      </c>
      <c r="DK14" s="89">
        <v>1</v>
      </c>
      <c r="DL14" s="399">
        <v>0</v>
      </c>
      <c r="DM14" s="88">
        <v>1</v>
      </c>
      <c r="DN14" s="88">
        <v>0</v>
      </c>
      <c r="DO14" s="88">
        <v>0</v>
      </c>
      <c r="DP14" s="88">
        <v>0</v>
      </c>
      <c r="DQ14" s="88">
        <v>0</v>
      </c>
      <c r="DR14" s="89">
        <v>1</v>
      </c>
      <c r="DS14" s="90">
        <v>2</v>
      </c>
      <c r="DT14" s="87">
        <v>5</v>
      </c>
      <c r="DU14" s="88">
        <v>3</v>
      </c>
      <c r="DV14" s="89">
        <v>8</v>
      </c>
      <c r="DW14" s="399">
        <v>0</v>
      </c>
      <c r="DX14" s="88">
        <v>6</v>
      </c>
      <c r="DY14" s="88">
        <v>0</v>
      </c>
      <c r="DZ14" s="88">
        <v>0</v>
      </c>
      <c r="EA14" s="88">
        <v>0</v>
      </c>
      <c r="EB14" s="88">
        <v>0</v>
      </c>
      <c r="EC14" s="89">
        <v>6</v>
      </c>
      <c r="ED14" s="90">
        <v>14</v>
      </c>
      <c r="EE14" s="87">
        <v>10</v>
      </c>
      <c r="EF14" s="88">
        <v>3</v>
      </c>
      <c r="EG14" s="89">
        <v>13</v>
      </c>
      <c r="EH14" s="399">
        <v>0</v>
      </c>
      <c r="EI14" s="88">
        <v>4</v>
      </c>
      <c r="EJ14" s="88">
        <v>3</v>
      </c>
      <c r="EK14" s="88">
        <v>0</v>
      </c>
      <c r="EL14" s="88">
        <v>1</v>
      </c>
      <c r="EM14" s="88">
        <v>1</v>
      </c>
      <c r="EN14" s="89">
        <v>9</v>
      </c>
      <c r="EO14" s="90">
        <v>22</v>
      </c>
      <c r="EP14" s="87">
        <v>6</v>
      </c>
      <c r="EQ14" s="88">
        <v>7</v>
      </c>
      <c r="ER14" s="89">
        <v>13</v>
      </c>
      <c r="ES14" s="399">
        <v>0</v>
      </c>
      <c r="ET14" s="88">
        <v>12</v>
      </c>
      <c r="EU14" s="88">
        <v>5</v>
      </c>
      <c r="EV14" s="88">
        <v>2</v>
      </c>
      <c r="EW14" s="88">
        <v>2</v>
      </c>
      <c r="EX14" s="88">
        <v>0</v>
      </c>
      <c r="EY14" s="89">
        <v>21</v>
      </c>
      <c r="EZ14" s="90">
        <v>34</v>
      </c>
      <c r="FA14" s="87">
        <v>17</v>
      </c>
      <c r="FB14" s="88">
        <v>11</v>
      </c>
      <c r="FC14" s="89">
        <v>28</v>
      </c>
      <c r="FD14" s="399">
        <v>0</v>
      </c>
      <c r="FE14" s="88">
        <v>14</v>
      </c>
      <c r="FF14" s="88">
        <v>7</v>
      </c>
      <c r="FG14" s="88">
        <v>2</v>
      </c>
      <c r="FH14" s="88">
        <v>5</v>
      </c>
      <c r="FI14" s="88">
        <v>1</v>
      </c>
      <c r="FJ14" s="89">
        <v>29</v>
      </c>
      <c r="FK14" s="90">
        <v>57</v>
      </c>
      <c r="FL14" s="87">
        <v>8</v>
      </c>
      <c r="FM14" s="88">
        <v>12</v>
      </c>
      <c r="FN14" s="89">
        <v>20</v>
      </c>
      <c r="FO14" s="399">
        <v>0</v>
      </c>
      <c r="FP14" s="88">
        <v>19</v>
      </c>
      <c r="FQ14" s="88">
        <v>11</v>
      </c>
      <c r="FR14" s="88">
        <v>7</v>
      </c>
      <c r="FS14" s="88">
        <v>18</v>
      </c>
      <c r="FT14" s="88">
        <v>11</v>
      </c>
      <c r="FU14" s="89">
        <v>66</v>
      </c>
      <c r="FV14" s="90">
        <v>86</v>
      </c>
      <c r="FW14" s="87">
        <v>0</v>
      </c>
      <c r="FX14" s="88">
        <v>0</v>
      </c>
      <c r="FY14" s="89">
        <v>0</v>
      </c>
      <c r="FZ14" s="399">
        <v>0</v>
      </c>
      <c r="GA14" s="88">
        <v>0</v>
      </c>
      <c r="GB14" s="88">
        <v>0</v>
      </c>
      <c r="GC14" s="88">
        <v>0</v>
      </c>
      <c r="GD14" s="88">
        <v>0</v>
      </c>
      <c r="GE14" s="88">
        <v>0</v>
      </c>
      <c r="GF14" s="89">
        <v>0</v>
      </c>
      <c r="GG14" s="90">
        <v>0</v>
      </c>
      <c r="GH14" s="87">
        <v>46</v>
      </c>
      <c r="GI14" s="88">
        <v>37</v>
      </c>
      <c r="GJ14" s="89">
        <v>83</v>
      </c>
      <c r="GK14" s="399">
        <v>0</v>
      </c>
      <c r="GL14" s="88">
        <v>56</v>
      </c>
      <c r="GM14" s="88">
        <v>26</v>
      </c>
      <c r="GN14" s="88">
        <v>11</v>
      </c>
      <c r="GO14" s="88">
        <v>26</v>
      </c>
      <c r="GP14" s="88">
        <v>13</v>
      </c>
      <c r="GQ14" s="89">
        <v>132</v>
      </c>
      <c r="GR14" s="90">
        <v>215</v>
      </c>
      <c r="GS14" s="91">
        <v>411</v>
      </c>
      <c r="GT14" s="83">
        <v>239</v>
      </c>
      <c r="GU14" s="84">
        <v>650</v>
      </c>
      <c r="GV14" s="399">
        <v>0</v>
      </c>
      <c r="GW14" s="83">
        <v>404</v>
      </c>
      <c r="GX14" s="83">
        <v>202</v>
      </c>
      <c r="GY14" s="83">
        <v>123</v>
      </c>
      <c r="GZ14" s="83">
        <v>138</v>
      </c>
      <c r="HA14" s="83">
        <v>93</v>
      </c>
      <c r="HB14" s="85">
        <v>960</v>
      </c>
      <c r="HC14" s="86">
        <v>1610</v>
      </c>
      <c r="HD14" s="87">
        <v>5</v>
      </c>
      <c r="HE14" s="88">
        <v>3</v>
      </c>
      <c r="HF14" s="89">
        <v>8</v>
      </c>
      <c r="HG14" s="399">
        <v>0</v>
      </c>
      <c r="HH14" s="88">
        <v>4</v>
      </c>
      <c r="HI14" s="88">
        <v>4</v>
      </c>
      <c r="HJ14" s="88">
        <v>0</v>
      </c>
      <c r="HK14" s="88">
        <v>5</v>
      </c>
      <c r="HL14" s="88">
        <v>3</v>
      </c>
      <c r="HM14" s="89">
        <v>16</v>
      </c>
      <c r="HN14" s="90">
        <v>24</v>
      </c>
      <c r="HO14" s="87">
        <v>19</v>
      </c>
      <c r="HP14" s="88">
        <v>7</v>
      </c>
      <c r="HQ14" s="89">
        <v>26</v>
      </c>
      <c r="HR14" s="399">
        <v>0</v>
      </c>
      <c r="HS14" s="88">
        <v>19</v>
      </c>
      <c r="HT14" s="88">
        <v>8</v>
      </c>
      <c r="HU14" s="88">
        <v>3</v>
      </c>
      <c r="HV14" s="88">
        <v>3</v>
      </c>
      <c r="HW14" s="88">
        <v>6</v>
      </c>
      <c r="HX14" s="89">
        <v>39</v>
      </c>
      <c r="HY14" s="90">
        <v>65</v>
      </c>
      <c r="HZ14" s="87">
        <v>36</v>
      </c>
      <c r="IA14" s="88">
        <v>17</v>
      </c>
      <c r="IB14" s="89">
        <v>53</v>
      </c>
      <c r="IC14" s="399">
        <v>0</v>
      </c>
      <c r="ID14" s="88">
        <v>28</v>
      </c>
      <c r="IE14" s="88">
        <v>15</v>
      </c>
      <c r="IF14" s="88">
        <v>8</v>
      </c>
      <c r="IG14" s="88">
        <v>8</v>
      </c>
      <c r="IH14" s="88">
        <v>14</v>
      </c>
      <c r="II14" s="89">
        <v>73</v>
      </c>
      <c r="IJ14" s="90">
        <v>126</v>
      </c>
      <c r="IK14" s="87">
        <v>82</v>
      </c>
      <c r="IL14" s="88">
        <v>42</v>
      </c>
      <c r="IM14" s="89">
        <v>124</v>
      </c>
      <c r="IN14" s="399">
        <v>0</v>
      </c>
      <c r="IO14" s="88">
        <v>75</v>
      </c>
      <c r="IP14" s="88">
        <v>37</v>
      </c>
      <c r="IQ14" s="88">
        <v>25</v>
      </c>
      <c r="IR14" s="88">
        <v>24</v>
      </c>
      <c r="IS14" s="88">
        <v>13</v>
      </c>
      <c r="IT14" s="89">
        <v>174</v>
      </c>
      <c r="IU14" s="90">
        <v>298</v>
      </c>
      <c r="IV14" s="87">
        <v>157</v>
      </c>
      <c r="IW14" s="88">
        <v>81</v>
      </c>
      <c r="IX14" s="89">
        <v>238</v>
      </c>
      <c r="IY14" s="399">
        <v>0</v>
      </c>
      <c r="IZ14" s="88">
        <v>141</v>
      </c>
      <c r="JA14" s="88">
        <v>60</v>
      </c>
      <c r="JB14" s="88">
        <v>30</v>
      </c>
      <c r="JC14" s="88">
        <v>32</v>
      </c>
      <c r="JD14" s="88">
        <v>16</v>
      </c>
      <c r="JE14" s="89">
        <v>279</v>
      </c>
      <c r="JF14" s="90">
        <v>517</v>
      </c>
      <c r="JG14" s="87">
        <v>112</v>
      </c>
      <c r="JH14" s="88">
        <v>89</v>
      </c>
      <c r="JI14" s="89">
        <v>201</v>
      </c>
      <c r="JJ14" s="399">
        <v>0</v>
      </c>
      <c r="JK14" s="88">
        <v>137</v>
      </c>
      <c r="JL14" s="88">
        <v>78</v>
      </c>
      <c r="JM14" s="88">
        <v>57</v>
      </c>
      <c r="JN14" s="88">
        <v>66</v>
      </c>
      <c r="JO14" s="88">
        <v>41</v>
      </c>
      <c r="JP14" s="89">
        <v>379</v>
      </c>
      <c r="JQ14" s="90">
        <v>580</v>
      </c>
      <c r="JR14" s="87">
        <v>0</v>
      </c>
      <c r="JS14" s="88">
        <v>0</v>
      </c>
      <c r="JT14" s="89">
        <v>0</v>
      </c>
      <c r="JU14" s="399">
        <v>0</v>
      </c>
      <c r="JV14" s="88">
        <v>0</v>
      </c>
      <c r="JW14" s="88">
        <v>0</v>
      </c>
      <c r="JX14" s="88">
        <v>0</v>
      </c>
      <c r="JY14" s="88">
        <v>0</v>
      </c>
      <c r="JZ14" s="88">
        <v>0</v>
      </c>
      <c r="KA14" s="89">
        <v>0</v>
      </c>
      <c r="KB14" s="90">
        <v>0</v>
      </c>
      <c r="KC14" s="87">
        <v>411</v>
      </c>
      <c r="KD14" s="88">
        <v>239</v>
      </c>
      <c r="KE14" s="89">
        <v>650</v>
      </c>
      <c r="KF14" s="399">
        <v>0</v>
      </c>
      <c r="KG14" s="88">
        <v>404</v>
      </c>
      <c r="KH14" s="88">
        <v>202</v>
      </c>
      <c r="KI14" s="88">
        <v>123</v>
      </c>
      <c r="KJ14" s="88">
        <v>138</v>
      </c>
      <c r="KK14" s="88">
        <v>93</v>
      </c>
      <c r="KL14" s="89">
        <v>960</v>
      </c>
      <c r="KM14" s="90">
        <v>1610</v>
      </c>
    </row>
    <row r="15" spans="2:299" s="56" customFormat="1" ht="21" customHeight="1" x14ac:dyDescent="0.2">
      <c r="B15" s="92" t="s">
        <v>11</v>
      </c>
      <c r="C15" s="82">
        <v>84</v>
      </c>
      <c r="D15" s="83">
        <v>75</v>
      </c>
      <c r="E15" s="84">
        <v>159</v>
      </c>
      <c r="F15" s="399">
        <v>0</v>
      </c>
      <c r="G15" s="83">
        <v>141</v>
      </c>
      <c r="H15" s="83">
        <v>90</v>
      </c>
      <c r="I15" s="83">
        <v>64</v>
      </c>
      <c r="J15" s="83">
        <v>53</v>
      </c>
      <c r="K15" s="83">
        <v>23</v>
      </c>
      <c r="L15" s="85">
        <v>371</v>
      </c>
      <c r="M15" s="86">
        <v>530</v>
      </c>
      <c r="N15" s="87">
        <v>0</v>
      </c>
      <c r="O15" s="88">
        <v>1</v>
      </c>
      <c r="P15" s="89">
        <v>1</v>
      </c>
      <c r="Q15" s="399">
        <v>0</v>
      </c>
      <c r="R15" s="88">
        <v>1</v>
      </c>
      <c r="S15" s="88">
        <v>0</v>
      </c>
      <c r="T15" s="88">
        <v>1</v>
      </c>
      <c r="U15" s="88">
        <v>0</v>
      </c>
      <c r="V15" s="88">
        <v>0</v>
      </c>
      <c r="W15" s="89">
        <v>2</v>
      </c>
      <c r="X15" s="90">
        <v>3</v>
      </c>
      <c r="Y15" s="87">
        <v>2</v>
      </c>
      <c r="Z15" s="88">
        <v>4</v>
      </c>
      <c r="AA15" s="89">
        <v>6</v>
      </c>
      <c r="AB15" s="399">
        <v>0</v>
      </c>
      <c r="AC15" s="88">
        <v>10</v>
      </c>
      <c r="AD15" s="88">
        <v>3</v>
      </c>
      <c r="AE15" s="88">
        <v>4</v>
      </c>
      <c r="AF15" s="88">
        <v>6</v>
      </c>
      <c r="AG15" s="88">
        <v>3</v>
      </c>
      <c r="AH15" s="89">
        <v>26</v>
      </c>
      <c r="AI15" s="90">
        <v>32</v>
      </c>
      <c r="AJ15" s="87">
        <v>4</v>
      </c>
      <c r="AK15" s="88">
        <v>7</v>
      </c>
      <c r="AL15" s="89">
        <v>11</v>
      </c>
      <c r="AM15" s="399">
        <v>0</v>
      </c>
      <c r="AN15" s="88">
        <v>8</v>
      </c>
      <c r="AO15" s="88">
        <v>12</v>
      </c>
      <c r="AP15" s="88">
        <v>6</v>
      </c>
      <c r="AQ15" s="88">
        <v>5</v>
      </c>
      <c r="AR15" s="88">
        <v>1</v>
      </c>
      <c r="AS15" s="89">
        <v>32</v>
      </c>
      <c r="AT15" s="90">
        <v>43</v>
      </c>
      <c r="AU15" s="87">
        <v>13</v>
      </c>
      <c r="AV15" s="88">
        <v>13</v>
      </c>
      <c r="AW15" s="89">
        <v>26</v>
      </c>
      <c r="AX15" s="399">
        <v>0</v>
      </c>
      <c r="AY15" s="88">
        <v>25</v>
      </c>
      <c r="AZ15" s="88">
        <v>14</v>
      </c>
      <c r="BA15" s="88">
        <v>8</v>
      </c>
      <c r="BB15" s="88">
        <v>6</v>
      </c>
      <c r="BC15" s="88">
        <v>4</v>
      </c>
      <c r="BD15" s="89">
        <v>57</v>
      </c>
      <c r="BE15" s="90">
        <v>83</v>
      </c>
      <c r="BF15" s="87">
        <v>37</v>
      </c>
      <c r="BG15" s="88">
        <v>26</v>
      </c>
      <c r="BH15" s="89">
        <v>63</v>
      </c>
      <c r="BI15" s="399">
        <v>0</v>
      </c>
      <c r="BJ15" s="88">
        <v>37</v>
      </c>
      <c r="BK15" s="88">
        <v>19</v>
      </c>
      <c r="BL15" s="88">
        <v>21</v>
      </c>
      <c r="BM15" s="88">
        <v>16</v>
      </c>
      <c r="BN15" s="88">
        <v>9</v>
      </c>
      <c r="BO15" s="89">
        <v>102</v>
      </c>
      <c r="BP15" s="90">
        <v>165</v>
      </c>
      <c r="BQ15" s="87">
        <v>28</v>
      </c>
      <c r="BR15" s="88">
        <v>24</v>
      </c>
      <c r="BS15" s="89">
        <v>52</v>
      </c>
      <c r="BT15" s="399">
        <v>0</v>
      </c>
      <c r="BU15" s="88">
        <v>60</v>
      </c>
      <c r="BV15" s="88">
        <v>42</v>
      </c>
      <c r="BW15" s="88">
        <v>24</v>
      </c>
      <c r="BX15" s="88">
        <v>20</v>
      </c>
      <c r="BY15" s="88">
        <v>6</v>
      </c>
      <c r="BZ15" s="89">
        <v>152</v>
      </c>
      <c r="CA15" s="90">
        <v>204</v>
      </c>
      <c r="CB15" s="87">
        <v>0</v>
      </c>
      <c r="CC15" s="88">
        <v>0</v>
      </c>
      <c r="CD15" s="89">
        <v>0</v>
      </c>
      <c r="CE15" s="399">
        <v>0</v>
      </c>
      <c r="CF15" s="88">
        <v>0</v>
      </c>
      <c r="CG15" s="88">
        <v>0</v>
      </c>
      <c r="CH15" s="88">
        <v>0</v>
      </c>
      <c r="CI15" s="88">
        <v>0</v>
      </c>
      <c r="CJ15" s="88">
        <v>0</v>
      </c>
      <c r="CK15" s="89">
        <v>0</v>
      </c>
      <c r="CL15" s="90">
        <v>0</v>
      </c>
      <c r="CM15" s="87">
        <v>84</v>
      </c>
      <c r="CN15" s="88">
        <v>75</v>
      </c>
      <c r="CO15" s="89">
        <v>159</v>
      </c>
      <c r="CP15" s="399">
        <v>0</v>
      </c>
      <c r="CQ15" s="88">
        <v>141</v>
      </c>
      <c r="CR15" s="88">
        <v>90</v>
      </c>
      <c r="CS15" s="88">
        <v>64</v>
      </c>
      <c r="CT15" s="88">
        <v>53</v>
      </c>
      <c r="CU15" s="88">
        <v>23</v>
      </c>
      <c r="CV15" s="89">
        <v>371</v>
      </c>
      <c r="CW15" s="90">
        <v>530</v>
      </c>
      <c r="CX15" s="91">
        <v>13</v>
      </c>
      <c r="CY15" s="83">
        <v>12</v>
      </c>
      <c r="CZ15" s="84">
        <v>25</v>
      </c>
      <c r="DA15" s="399">
        <v>0</v>
      </c>
      <c r="DB15" s="83">
        <v>24</v>
      </c>
      <c r="DC15" s="83">
        <v>16</v>
      </c>
      <c r="DD15" s="83">
        <v>15</v>
      </c>
      <c r="DE15" s="83">
        <v>13</v>
      </c>
      <c r="DF15" s="83">
        <v>10</v>
      </c>
      <c r="DG15" s="85">
        <v>78</v>
      </c>
      <c r="DH15" s="86">
        <v>103</v>
      </c>
      <c r="DI15" s="87">
        <v>2</v>
      </c>
      <c r="DJ15" s="88">
        <v>0</v>
      </c>
      <c r="DK15" s="89">
        <v>2</v>
      </c>
      <c r="DL15" s="399">
        <v>0</v>
      </c>
      <c r="DM15" s="88">
        <v>1</v>
      </c>
      <c r="DN15" s="88">
        <v>0</v>
      </c>
      <c r="DO15" s="88">
        <v>0</v>
      </c>
      <c r="DP15" s="88">
        <v>0</v>
      </c>
      <c r="DQ15" s="88">
        <v>0</v>
      </c>
      <c r="DR15" s="89">
        <v>1</v>
      </c>
      <c r="DS15" s="90">
        <v>3</v>
      </c>
      <c r="DT15" s="87">
        <v>0</v>
      </c>
      <c r="DU15" s="88">
        <v>1</v>
      </c>
      <c r="DV15" s="89">
        <v>1</v>
      </c>
      <c r="DW15" s="399">
        <v>0</v>
      </c>
      <c r="DX15" s="88">
        <v>2</v>
      </c>
      <c r="DY15" s="88">
        <v>0</v>
      </c>
      <c r="DZ15" s="88">
        <v>0</v>
      </c>
      <c r="EA15" s="88">
        <v>0</v>
      </c>
      <c r="EB15" s="88">
        <v>0</v>
      </c>
      <c r="EC15" s="89">
        <v>2</v>
      </c>
      <c r="ED15" s="90">
        <v>3</v>
      </c>
      <c r="EE15" s="87">
        <v>2</v>
      </c>
      <c r="EF15" s="88">
        <v>1</v>
      </c>
      <c r="EG15" s="89">
        <v>3</v>
      </c>
      <c r="EH15" s="399">
        <v>0</v>
      </c>
      <c r="EI15" s="88">
        <v>1</v>
      </c>
      <c r="EJ15" s="88">
        <v>2</v>
      </c>
      <c r="EK15" s="88">
        <v>1</v>
      </c>
      <c r="EL15" s="88">
        <v>0</v>
      </c>
      <c r="EM15" s="88">
        <v>2</v>
      </c>
      <c r="EN15" s="89">
        <v>6</v>
      </c>
      <c r="EO15" s="90">
        <v>9</v>
      </c>
      <c r="EP15" s="87">
        <v>3</v>
      </c>
      <c r="EQ15" s="88">
        <v>2</v>
      </c>
      <c r="ER15" s="89">
        <v>5</v>
      </c>
      <c r="ES15" s="399">
        <v>0</v>
      </c>
      <c r="ET15" s="88">
        <v>4</v>
      </c>
      <c r="EU15" s="88">
        <v>4</v>
      </c>
      <c r="EV15" s="88">
        <v>1</v>
      </c>
      <c r="EW15" s="88">
        <v>1</v>
      </c>
      <c r="EX15" s="88">
        <v>2</v>
      </c>
      <c r="EY15" s="89">
        <v>12</v>
      </c>
      <c r="EZ15" s="90">
        <v>17</v>
      </c>
      <c r="FA15" s="87">
        <v>4</v>
      </c>
      <c r="FB15" s="88">
        <v>4</v>
      </c>
      <c r="FC15" s="89">
        <v>8</v>
      </c>
      <c r="FD15" s="399">
        <v>0</v>
      </c>
      <c r="FE15" s="88">
        <v>9</v>
      </c>
      <c r="FF15" s="88">
        <v>3</v>
      </c>
      <c r="FG15" s="88">
        <v>3</v>
      </c>
      <c r="FH15" s="88">
        <v>4</v>
      </c>
      <c r="FI15" s="88">
        <v>3</v>
      </c>
      <c r="FJ15" s="89">
        <v>22</v>
      </c>
      <c r="FK15" s="90">
        <v>30</v>
      </c>
      <c r="FL15" s="87">
        <v>2</v>
      </c>
      <c r="FM15" s="88">
        <v>4</v>
      </c>
      <c r="FN15" s="89">
        <v>6</v>
      </c>
      <c r="FO15" s="399">
        <v>0</v>
      </c>
      <c r="FP15" s="88">
        <v>7</v>
      </c>
      <c r="FQ15" s="88">
        <v>7</v>
      </c>
      <c r="FR15" s="88">
        <v>10</v>
      </c>
      <c r="FS15" s="88">
        <v>8</v>
      </c>
      <c r="FT15" s="88">
        <v>3</v>
      </c>
      <c r="FU15" s="89">
        <v>35</v>
      </c>
      <c r="FV15" s="90">
        <v>41</v>
      </c>
      <c r="FW15" s="87">
        <v>0</v>
      </c>
      <c r="FX15" s="88">
        <v>0</v>
      </c>
      <c r="FY15" s="89">
        <v>0</v>
      </c>
      <c r="FZ15" s="399">
        <v>0</v>
      </c>
      <c r="GA15" s="88">
        <v>0</v>
      </c>
      <c r="GB15" s="88">
        <v>0</v>
      </c>
      <c r="GC15" s="88">
        <v>0</v>
      </c>
      <c r="GD15" s="88">
        <v>0</v>
      </c>
      <c r="GE15" s="88">
        <v>0</v>
      </c>
      <c r="GF15" s="89">
        <v>0</v>
      </c>
      <c r="GG15" s="90">
        <v>0</v>
      </c>
      <c r="GH15" s="87">
        <v>13</v>
      </c>
      <c r="GI15" s="88">
        <v>12</v>
      </c>
      <c r="GJ15" s="89">
        <v>25</v>
      </c>
      <c r="GK15" s="399">
        <v>0</v>
      </c>
      <c r="GL15" s="88">
        <v>24</v>
      </c>
      <c r="GM15" s="88">
        <v>16</v>
      </c>
      <c r="GN15" s="88">
        <v>15</v>
      </c>
      <c r="GO15" s="88">
        <v>13</v>
      </c>
      <c r="GP15" s="88">
        <v>10</v>
      </c>
      <c r="GQ15" s="89">
        <v>78</v>
      </c>
      <c r="GR15" s="90">
        <v>103</v>
      </c>
      <c r="GS15" s="91">
        <v>97</v>
      </c>
      <c r="GT15" s="83">
        <v>87</v>
      </c>
      <c r="GU15" s="84">
        <v>184</v>
      </c>
      <c r="GV15" s="399">
        <v>0</v>
      </c>
      <c r="GW15" s="83">
        <v>165</v>
      </c>
      <c r="GX15" s="83">
        <v>106</v>
      </c>
      <c r="GY15" s="83">
        <v>79</v>
      </c>
      <c r="GZ15" s="83">
        <v>66</v>
      </c>
      <c r="HA15" s="83">
        <v>33</v>
      </c>
      <c r="HB15" s="85">
        <v>449</v>
      </c>
      <c r="HC15" s="86">
        <v>633</v>
      </c>
      <c r="HD15" s="87">
        <v>2</v>
      </c>
      <c r="HE15" s="88">
        <v>1</v>
      </c>
      <c r="HF15" s="89">
        <v>3</v>
      </c>
      <c r="HG15" s="399">
        <v>0</v>
      </c>
      <c r="HH15" s="88">
        <v>2</v>
      </c>
      <c r="HI15" s="88">
        <v>0</v>
      </c>
      <c r="HJ15" s="88">
        <v>1</v>
      </c>
      <c r="HK15" s="88">
        <v>0</v>
      </c>
      <c r="HL15" s="88">
        <v>0</v>
      </c>
      <c r="HM15" s="89">
        <v>3</v>
      </c>
      <c r="HN15" s="90">
        <v>6</v>
      </c>
      <c r="HO15" s="87">
        <v>2</v>
      </c>
      <c r="HP15" s="88">
        <v>5</v>
      </c>
      <c r="HQ15" s="89">
        <v>7</v>
      </c>
      <c r="HR15" s="399">
        <v>0</v>
      </c>
      <c r="HS15" s="88">
        <v>12</v>
      </c>
      <c r="HT15" s="88">
        <v>3</v>
      </c>
      <c r="HU15" s="88">
        <v>4</v>
      </c>
      <c r="HV15" s="88">
        <v>6</v>
      </c>
      <c r="HW15" s="88">
        <v>3</v>
      </c>
      <c r="HX15" s="89">
        <v>28</v>
      </c>
      <c r="HY15" s="90">
        <v>35</v>
      </c>
      <c r="HZ15" s="87">
        <v>6</v>
      </c>
      <c r="IA15" s="88">
        <v>8</v>
      </c>
      <c r="IB15" s="89">
        <v>14</v>
      </c>
      <c r="IC15" s="399">
        <v>0</v>
      </c>
      <c r="ID15" s="88">
        <v>9</v>
      </c>
      <c r="IE15" s="88">
        <v>14</v>
      </c>
      <c r="IF15" s="88">
        <v>7</v>
      </c>
      <c r="IG15" s="88">
        <v>5</v>
      </c>
      <c r="IH15" s="88">
        <v>3</v>
      </c>
      <c r="II15" s="89">
        <v>38</v>
      </c>
      <c r="IJ15" s="90">
        <v>52</v>
      </c>
      <c r="IK15" s="87">
        <v>16</v>
      </c>
      <c r="IL15" s="88">
        <v>15</v>
      </c>
      <c r="IM15" s="89">
        <v>31</v>
      </c>
      <c r="IN15" s="399">
        <v>0</v>
      </c>
      <c r="IO15" s="88">
        <v>29</v>
      </c>
      <c r="IP15" s="88">
        <v>18</v>
      </c>
      <c r="IQ15" s="88">
        <v>9</v>
      </c>
      <c r="IR15" s="88">
        <v>7</v>
      </c>
      <c r="IS15" s="88">
        <v>6</v>
      </c>
      <c r="IT15" s="89">
        <v>69</v>
      </c>
      <c r="IU15" s="90">
        <v>100</v>
      </c>
      <c r="IV15" s="87">
        <v>41</v>
      </c>
      <c r="IW15" s="88">
        <v>30</v>
      </c>
      <c r="IX15" s="89">
        <v>71</v>
      </c>
      <c r="IY15" s="399">
        <v>0</v>
      </c>
      <c r="IZ15" s="88">
        <v>46</v>
      </c>
      <c r="JA15" s="88">
        <v>22</v>
      </c>
      <c r="JB15" s="88">
        <v>24</v>
      </c>
      <c r="JC15" s="88">
        <v>20</v>
      </c>
      <c r="JD15" s="88">
        <v>12</v>
      </c>
      <c r="JE15" s="89">
        <v>124</v>
      </c>
      <c r="JF15" s="90">
        <v>195</v>
      </c>
      <c r="JG15" s="87">
        <v>30</v>
      </c>
      <c r="JH15" s="88">
        <v>28</v>
      </c>
      <c r="JI15" s="89">
        <v>58</v>
      </c>
      <c r="JJ15" s="399">
        <v>0</v>
      </c>
      <c r="JK15" s="88">
        <v>67</v>
      </c>
      <c r="JL15" s="88">
        <v>49</v>
      </c>
      <c r="JM15" s="88">
        <v>34</v>
      </c>
      <c r="JN15" s="88">
        <v>28</v>
      </c>
      <c r="JO15" s="88">
        <v>9</v>
      </c>
      <c r="JP15" s="89">
        <v>187</v>
      </c>
      <c r="JQ15" s="90">
        <v>245</v>
      </c>
      <c r="JR15" s="87">
        <v>0</v>
      </c>
      <c r="JS15" s="88">
        <v>0</v>
      </c>
      <c r="JT15" s="89">
        <v>0</v>
      </c>
      <c r="JU15" s="399">
        <v>0</v>
      </c>
      <c r="JV15" s="88">
        <v>0</v>
      </c>
      <c r="JW15" s="88">
        <v>0</v>
      </c>
      <c r="JX15" s="88">
        <v>0</v>
      </c>
      <c r="JY15" s="88">
        <v>0</v>
      </c>
      <c r="JZ15" s="88">
        <v>0</v>
      </c>
      <c r="KA15" s="89">
        <v>0</v>
      </c>
      <c r="KB15" s="90">
        <v>0</v>
      </c>
      <c r="KC15" s="87">
        <v>97</v>
      </c>
      <c r="KD15" s="88">
        <v>87</v>
      </c>
      <c r="KE15" s="89">
        <v>184</v>
      </c>
      <c r="KF15" s="399">
        <v>0</v>
      </c>
      <c r="KG15" s="88">
        <v>165</v>
      </c>
      <c r="KH15" s="88">
        <v>106</v>
      </c>
      <c r="KI15" s="88">
        <v>79</v>
      </c>
      <c r="KJ15" s="88">
        <v>66</v>
      </c>
      <c r="KK15" s="88">
        <v>33</v>
      </c>
      <c r="KL15" s="89">
        <v>449</v>
      </c>
      <c r="KM15" s="90">
        <v>633</v>
      </c>
    </row>
    <row r="16" spans="2:299" s="56" customFormat="1" ht="21" customHeight="1" x14ac:dyDescent="0.2">
      <c r="B16" s="92" t="s">
        <v>12</v>
      </c>
      <c r="C16" s="82">
        <v>174</v>
      </c>
      <c r="D16" s="83">
        <v>163</v>
      </c>
      <c r="E16" s="84">
        <v>337</v>
      </c>
      <c r="F16" s="399">
        <v>0</v>
      </c>
      <c r="G16" s="83">
        <v>174</v>
      </c>
      <c r="H16" s="83">
        <v>158</v>
      </c>
      <c r="I16" s="83">
        <v>91</v>
      </c>
      <c r="J16" s="83">
        <v>86</v>
      </c>
      <c r="K16" s="83">
        <v>28</v>
      </c>
      <c r="L16" s="85">
        <v>537</v>
      </c>
      <c r="M16" s="86">
        <v>874</v>
      </c>
      <c r="N16" s="93">
        <v>7</v>
      </c>
      <c r="O16" s="88">
        <v>1</v>
      </c>
      <c r="P16" s="89">
        <v>8</v>
      </c>
      <c r="Q16" s="399">
        <v>0</v>
      </c>
      <c r="R16" s="88">
        <v>0</v>
      </c>
      <c r="S16" s="88">
        <v>5</v>
      </c>
      <c r="T16" s="88">
        <v>1</v>
      </c>
      <c r="U16" s="88">
        <v>2</v>
      </c>
      <c r="V16" s="88">
        <v>1</v>
      </c>
      <c r="W16" s="89">
        <v>9</v>
      </c>
      <c r="X16" s="90">
        <v>17</v>
      </c>
      <c r="Y16" s="87">
        <v>11</v>
      </c>
      <c r="Z16" s="88">
        <v>8</v>
      </c>
      <c r="AA16" s="89">
        <v>19</v>
      </c>
      <c r="AB16" s="399">
        <v>0</v>
      </c>
      <c r="AC16" s="88">
        <v>3</v>
      </c>
      <c r="AD16" s="88">
        <v>4</v>
      </c>
      <c r="AE16" s="88">
        <v>6</v>
      </c>
      <c r="AF16" s="88">
        <v>1</v>
      </c>
      <c r="AG16" s="88">
        <v>0</v>
      </c>
      <c r="AH16" s="89">
        <v>14</v>
      </c>
      <c r="AI16" s="90">
        <v>33</v>
      </c>
      <c r="AJ16" s="93">
        <v>11</v>
      </c>
      <c r="AK16" s="88">
        <v>13</v>
      </c>
      <c r="AL16" s="89">
        <v>24</v>
      </c>
      <c r="AM16" s="399">
        <v>0</v>
      </c>
      <c r="AN16" s="88">
        <v>16</v>
      </c>
      <c r="AO16" s="88">
        <v>11</v>
      </c>
      <c r="AP16" s="88">
        <v>10</v>
      </c>
      <c r="AQ16" s="88">
        <v>8</v>
      </c>
      <c r="AR16" s="88">
        <v>3</v>
      </c>
      <c r="AS16" s="89">
        <v>48</v>
      </c>
      <c r="AT16" s="90">
        <v>72</v>
      </c>
      <c r="AU16" s="87">
        <v>34</v>
      </c>
      <c r="AV16" s="88">
        <v>31</v>
      </c>
      <c r="AW16" s="89">
        <v>65</v>
      </c>
      <c r="AX16" s="399">
        <v>0</v>
      </c>
      <c r="AY16" s="88">
        <v>26</v>
      </c>
      <c r="AZ16" s="88">
        <v>32</v>
      </c>
      <c r="BA16" s="88">
        <v>14</v>
      </c>
      <c r="BB16" s="88">
        <v>14</v>
      </c>
      <c r="BC16" s="88">
        <v>5</v>
      </c>
      <c r="BD16" s="89">
        <v>91</v>
      </c>
      <c r="BE16" s="90">
        <v>156</v>
      </c>
      <c r="BF16" s="93">
        <v>62</v>
      </c>
      <c r="BG16" s="88">
        <v>58</v>
      </c>
      <c r="BH16" s="89">
        <v>120</v>
      </c>
      <c r="BI16" s="399">
        <v>0</v>
      </c>
      <c r="BJ16" s="88">
        <v>72</v>
      </c>
      <c r="BK16" s="88">
        <v>39</v>
      </c>
      <c r="BL16" s="88">
        <v>25</v>
      </c>
      <c r="BM16" s="88">
        <v>19</v>
      </c>
      <c r="BN16" s="88">
        <v>9</v>
      </c>
      <c r="BO16" s="89">
        <v>164</v>
      </c>
      <c r="BP16" s="90">
        <v>284</v>
      </c>
      <c r="BQ16" s="87">
        <v>49</v>
      </c>
      <c r="BR16" s="88">
        <v>52</v>
      </c>
      <c r="BS16" s="89">
        <v>101</v>
      </c>
      <c r="BT16" s="399">
        <v>0</v>
      </c>
      <c r="BU16" s="88">
        <v>57</v>
      </c>
      <c r="BV16" s="88">
        <v>67</v>
      </c>
      <c r="BW16" s="88">
        <v>35</v>
      </c>
      <c r="BX16" s="88">
        <v>42</v>
      </c>
      <c r="BY16" s="88">
        <v>10</v>
      </c>
      <c r="BZ16" s="89">
        <v>211</v>
      </c>
      <c r="CA16" s="90">
        <v>312</v>
      </c>
      <c r="CB16" s="87">
        <v>0</v>
      </c>
      <c r="CC16" s="88">
        <v>0</v>
      </c>
      <c r="CD16" s="89">
        <v>0</v>
      </c>
      <c r="CE16" s="399">
        <v>0</v>
      </c>
      <c r="CF16" s="88">
        <v>0</v>
      </c>
      <c r="CG16" s="88">
        <v>0</v>
      </c>
      <c r="CH16" s="88">
        <v>0</v>
      </c>
      <c r="CI16" s="88">
        <v>0</v>
      </c>
      <c r="CJ16" s="88">
        <v>0</v>
      </c>
      <c r="CK16" s="89">
        <v>0</v>
      </c>
      <c r="CL16" s="90">
        <v>0</v>
      </c>
      <c r="CM16" s="87">
        <v>174</v>
      </c>
      <c r="CN16" s="88">
        <v>163</v>
      </c>
      <c r="CO16" s="89">
        <v>337</v>
      </c>
      <c r="CP16" s="399">
        <v>0</v>
      </c>
      <c r="CQ16" s="88">
        <v>174</v>
      </c>
      <c r="CR16" s="88">
        <v>158</v>
      </c>
      <c r="CS16" s="88">
        <v>91</v>
      </c>
      <c r="CT16" s="88">
        <v>86</v>
      </c>
      <c r="CU16" s="88">
        <v>28</v>
      </c>
      <c r="CV16" s="89">
        <v>537</v>
      </c>
      <c r="CW16" s="90">
        <v>874</v>
      </c>
      <c r="CX16" s="91">
        <v>24</v>
      </c>
      <c r="CY16" s="83">
        <v>21</v>
      </c>
      <c r="CZ16" s="84">
        <v>45</v>
      </c>
      <c r="DA16" s="399">
        <v>0</v>
      </c>
      <c r="DB16" s="83">
        <v>21</v>
      </c>
      <c r="DC16" s="83">
        <v>20</v>
      </c>
      <c r="DD16" s="83">
        <v>13</v>
      </c>
      <c r="DE16" s="83">
        <v>13</v>
      </c>
      <c r="DF16" s="83">
        <v>10</v>
      </c>
      <c r="DG16" s="85">
        <v>77</v>
      </c>
      <c r="DH16" s="86">
        <v>122</v>
      </c>
      <c r="DI16" s="93">
        <v>0</v>
      </c>
      <c r="DJ16" s="88">
        <v>0</v>
      </c>
      <c r="DK16" s="89">
        <v>0</v>
      </c>
      <c r="DL16" s="399">
        <v>0</v>
      </c>
      <c r="DM16" s="88">
        <v>0</v>
      </c>
      <c r="DN16" s="88">
        <v>0</v>
      </c>
      <c r="DO16" s="88">
        <v>1</v>
      </c>
      <c r="DP16" s="88">
        <v>1</v>
      </c>
      <c r="DQ16" s="88">
        <v>0</v>
      </c>
      <c r="DR16" s="89">
        <v>2</v>
      </c>
      <c r="DS16" s="90">
        <v>2</v>
      </c>
      <c r="DT16" s="87">
        <v>1</v>
      </c>
      <c r="DU16" s="88">
        <v>1</v>
      </c>
      <c r="DV16" s="89">
        <v>2</v>
      </c>
      <c r="DW16" s="399">
        <v>0</v>
      </c>
      <c r="DX16" s="88">
        <v>1</v>
      </c>
      <c r="DY16" s="88">
        <v>2</v>
      </c>
      <c r="DZ16" s="88">
        <v>0</v>
      </c>
      <c r="EA16" s="88">
        <v>0</v>
      </c>
      <c r="EB16" s="88">
        <v>0</v>
      </c>
      <c r="EC16" s="89">
        <v>3</v>
      </c>
      <c r="ED16" s="90">
        <v>5</v>
      </c>
      <c r="EE16" s="93">
        <v>2</v>
      </c>
      <c r="EF16" s="88">
        <v>4</v>
      </c>
      <c r="EG16" s="89">
        <v>6</v>
      </c>
      <c r="EH16" s="399">
        <v>0</v>
      </c>
      <c r="EI16" s="88">
        <v>1</v>
      </c>
      <c r="EJ16" s="88">
        <v>2</v>
      </c>
      <c r="EK16" s="88">
        <v>0</v>
      </c>
      <c r="EL16" s="88">
        <v>2</v>
      </c>
      <c r="EM16" s="88">
        <v>0</v>
      </c>
      <c r="EN16" s="89">
        <v>5</v>
      </c>
      <c r="EO16" s="90">
        <v>11</v>
      </c>
      <c r="EP16" s="87">
        <v>5</v>
      </c>
      <c r="EQ16" s="88">
        <v>2</v>
      </c>
      <c r="ER16" s="89">
        <v>7</v>
      </c>
      <c r="ES16" s="399">
        <v>0</v>
      </c>
      <c r="ET16" s="88">
        <v>5</v>
      </c>
      <c r="EU16" s="88">
        <v>1</v>
      </c>
      <c r="EV16" s="88">
        <v>1</v>
      </c>
      <c r="EW16" s="88">
        <v>0</v>
      </c>
      <c r="EX16" s="88">
        <v>0</v>
      </c>
      <c r="EY16" s="89">
        <v>7</v>
      </c>
      <c r="EZ16" s="90">
        <v>14</v>
      </c>
      <c r="FA16" s="93">
        <v>6</v>
      </c>
      <c r="FB16" s="88">
        <v>10</v>
      </c>
      <c r="FC16" s="89">
        <v>16</v>
      </c>
      <c r="FD16" s="399">
        <v>0</v>
      </c>
      <c r="FE16" s="88">
        <v>9</v>
      </c>
      <c r="FF16" s="88">
        <v>5</v>
      </c>
      <c r="FG16" s="88">
        <v>1</v>
      </c>
      <c r="FH16" s="88">
        <v>4</v>
      </c>
      <c r="FI16" s="88">
        <v>4</v>
      </c>
      <c r="FJ16" s="89">
        <v>23</v>
      </c>
      <c r="FK16" s="90">
        <v>39</v>
      </c>
      <c r="FL16" s="87">
        <v>10</v>
      </c>
      <c r="FM16" s="88">
        <v>4</v>
      </c>
      <c r="FN16" s="89">
        <v>14</v>
      </c>
      <c r="FO16" s="399">
        <v>0</v>
      </c>
      <c r="FP16" s="88">
        <v>5</v>
      </c>
      <c r="FQ16" s="88">
        <v>10</v>
      </c>
      <c r="FR16" s="88">
        <v>10</v>
      </c>
      <c r="FS16" s="88">
        <v>6</v>
      </c>
      <c r="FT16" s="88">
        <v>6</v>
      </c>
      <c r="FU16" s="89">
        <v>37</v>
      </c>
      <c r="FV16" s="90">
        <v>51</v>
      </c>
      <c r="FW16" s="87">
        <v>0</v>
      </c>
      <c r="FX16" s="88">
        <v>0</v>
      </c>
      <c r="FY16" s="89">
        <v>0</v>
      </c>
      <c r="FZ16" s="399">
        <v>0</v>
      </c>
      <c r="GA16" s="88">
        <v>0</v>
      </c>
      <c r="GB16" s="88">
        <v>0</v>
      </c>
      <c r="GC16" s="88">
        <v>0</v>
      </c>
      <c r="GD16" s="88">
        <v>0</v>
      </c>
      <c r="GE16" s="88">
        <v>0</v>
      </c>
      <c r="GF16" s="89">
        <v>0</v>
      </c>
      <c r="GG16" s="90">
        <v>0</v>
      </c>
      <c r="GH16" s="87">
        <v>24</v>
      </c>
      <c r="GI16" s="88">
        <v>21</v>
      </c>
      <c r="GJ16" s="89">
        <v>45</v>
      </c>
      <c r="GK16" s="399">
        <v>0</v>
      </c>
      <c r="GL16" s="88">
        <v>21</v>
      </c>
      <c r="GM16" s="88">
        <v>20</v>
      </c>
      <c r="GN16" s="88">
        <v>13</v>
      </c>
      <c r="GO16" s="88">
        <v>13</v>
      </c>
      <c r="GP16" s="88">
        <v>10</v>
      </c>
      <c r="GQ16" s="89">
        <v>77</v>
      </c>
      <c r="GR16" s="90">
        <v>122</v>
      </c>
      <c r="GS16" s="91">
        <v>198</v>
      </c>
      <c r="GT16" s="83">
        <v>184</v>
      </c>
      <c r="GU16" s="84">
        <v>382</v>
      </c>
      <c r="GV16" s="399">
        <v>0</v>
      </c>
      <c r="GW16" s="83">
        <v>195</v>
      </c>
      <c r="GX16" s="83">
        <v>178</v>
      </c>
      <c r="GY16" s="83">
        <v>104</v>
      </c>
      <c r="GZ16" s="83">
        <v>99</v>
      </c>
      <c r="HA16" s="83">
        <v>38</v>
      </c>
      <c r="HB16" s="85">
        <v>614</v>
      </c>
      <c r="HC16" s="86">
        <v>996</v>
      </c>
      <c r="HD16" s="93">
        <v>7</v>
      </c>
      <c r="HE16" s="88">
        <v>1</v>
      </c>
      <c r="HF16" s="89">
        <v>8</v>
      </c>
      <c r="HG16" s="399">
        <v>0</v>
      </c>
      <c r="HH16" s="88">
        <v>0</v>
      </c>
      <c r="HI16" s="88">
        <v>5</v>
      </c>
      <c r="HJ16" s="88">
        <v>2</v>
      </c>
      <c r="HK16" s="88">
        <v>3</v>
      </c>
      <c r="HL16" s="88">
        <v>1</v>
      </c>
      <c r="HM16" s="89">
        <v>11</v>
      </c>
      <c r="HN16" s="90">
        <v>19</v>
      </c>
      <c r="HO16" s="87">
        <v>12</v>
      </c>
      <c r="HP16" s="88">
        <v>9</v>
      </c>
      <c r="HQ16" s="89">
        <v>21</v>
      </c>
      <c r="HR16" s="399">
        <v>0</v>
      </c>
      <c r="HS16" s="88">
        <v>4</v>
      </c>
      <c r="HT16" s="88">
        <v>6</v>
      </c>
      <c r="HU16" s="88">
        <v>6</v>
      </c>
      <c r="HV16" s="88">
        <v>1</v>
      </c>
      <c r="HW16" s="88">
        <v>0</v>
      </c>
      <c r="HX16" s="89">
        <v>17</v>
      </c>
      <c r="HY16" s="90">
        <v>38</v>
      </c>
      <c r="HZ16" s="93">
        <v>13</v>
      </c>
      <c r="IA16" s="88">
        <v>17</v>
      </c>
      <c r="IB16" s="89">
        <v>30</v>
      </c>
      <c r="IC16" s="399">
        <v>0</v>
      </c>
      <c r="ID16" s="88">
        <v>17</v>
      </c>
      <c r="IE16" s="88">
        <v>13</v>
      </c>
      <c r="IF16" s="88">
        <v>10</v>
      </c>
      <c r="IG16" s="88">
        <v>10</v>
      </c>
      <c r="IH16" s="88">
        <v>3</v>
      </c>
      <c r="II16" s="89">
        <v>53</v>
      </c>
      <c r="IJ16" s="90">
        <v>83</v>
      </c>
      <c r="IK16" s="87">
        <v>39</v>
      </c>
      <c r="IL16" s="88">
        <v>33</v>
      </c>
      <c r="IM16" s="89">
        <v>72</v>
      </c>
      <c r="IN16" s="399">
        <v>0</v>
      </c>
      <c r="IO16" s="88">
        <v>31</v>
      </c>
      <c r="IP16" s="88">
        <v>33</v>
      </c>
      <c r="IQ16" s="88">
        <v>15</v>
      </c>
      <c r="IR16" s="88">
        <v>14</v>
      </c>
      <c r="IS16" s="88">
        <v>5</v>
      </c>
      <c r="IT16" s="89">
        <v>98</v>
      </c>
      <c r="IU16" s="90">
        <v>170</v>
      </c>
      <c r="IV16" s="93">
        <v>68</v>
      </c>
      <c r="IW16" s="88">
        <v>68</v>
      </c>
      <c r="IX16" s="89">
        <v>136</v>
      </c>
      <c r="IY16" s="399">
        <v>0</v>
      </c>
      <c r="IZ16" s="88">
        <v>81</v>
      </c>
      <c r="JA16" s="88">
        <v>44</v>
      </c>
      <c r="JB16" s="88">
        <v>26</v>
      </c>
      <c r="JC16" s="88">
        <v>23</v>
      </c>
      <c r="JD16" s="88">
        <v>13</v>
      </c>
      <c r="JE16" s="89">
        <v>187</v>
      </c>
      <c r="JF16" s="90">
        <v>323</v>
      </c>
      <c r="JG16" s="87">
        <v>59</v>
      </c>
      <c r="JH16" s="88">
        <v>56</v>
      </c>
      <c r="JI16" s="89">
        <v>115</v>
      </c>
      <c r="JJ16" s="399">
        <v>0</v>
      </c>
      <c r="JK16" s="88">
        <v>62</v>
      </c>
      <c r="JL16" s="88">
        <v>77</v>
      </c>
      <c r="JM16" s="88">
        <v>45</v>
      </c>
      <c r="JN16" s="88">
        <v>48</v>
      </c>
      <c r="JO16" s="88">
        <v>16</v>
      </c>
      <c r="JP16" s="89">
        <v>248</v>
      </c>
      <c r="JQ16" s="90">
        <v>363</v>
      </c>
      <c r="JR16" s="87">
        <v>0</v>
      </c>
      <c r="JS16" s="88">
        <v>0</v>
      </c>
      <c r="JT16" s="89">
        <v>0</v>
      </c>
      <c r="JU16" s="399">
        <v>0</v>
      </c>
      <c r="JV16" s="88">
        <v>0</v>
      </c>
      <c r="JW16" s="88">
        <v>0</v>
      </c>
      <c r="JX16" s="88">
        <v>0</v>
      </c>
      <c r="JY16" s="88">
        <v>0</v>
      </c>
      <c r="JZ16" s="88">
        <v>0</v>
      </c>
      <c r="KA16" s="89">
        <v>0</v>
      </c>
      <c r="KB16" s="90">
        <v>0</v>
      </c>
      <c r="KC16" s="87">
        <v>198</v>
      </c>
      <c r="KD16" s="88">
        <v>184</v>
      </c>
      <c r="KE16" s="89">
        <v>382</v>
      </c>
      <c r="KF16" s="399">
        <v>0</v>
      </c>
      <c r="KG16" s="88">
        <v>195</v>
      </c>
      <c r="KH16" s="88">
        <v>178</v>
      </c>
      <c r="KI16" s="88">
        <v>104</v>
      </c>
      <c r="KJ16" s="88">
        <v>99</v>
      </c>
      <c r="KK16" s="88">
        <v>38</v>
      </c>
      <c r="KL16" s="89">
        <v>614</v>
      </c>
      <c r="KM16" s="90">
        <v>996</v>
      </c>
    </row>
    <row r="17" spans="2:299" s="56" customFormat="1" ht="21" customHeight="1" x14ac:dyDescent="0.2">
      <c r="B17" s="92" t="s">
        <v>13</v>
      </c>
      <c r="C17" s="82">
        <v>49</v>
      </c>
      <c r="D17" s="83">
        <v>37</v>
      </c>
      <c r="E17" s="84">
        <v>86</v>
      </c>
      <c r="F17" s="399">
        <v>0</v>
      </c>
      <c r="G17" s="83">
        <v>71</v>
      </c>
      <c r="H17" s="83">
        <v>69</v>
      </c>
      <c r="I17" s="83">
        <v>40</v>
      </c>
      <c r="J17" s="83">
        <v>33</v>
      </c>
      <c r="K17" s="83">
        <v>20</v>
      </c>
      <c r="L17" s="85">
        <v>233</v>
      </c>
      <c r="M17" s="86">
        <v>319</v>
      </c>
      <c r="N17" s="87">
        <v>0</v>
      </c>
      <c r="O17" s="88">
        <v>0</v>
      </c>
      <c r="P17" s="89">
        <v>0</v>
      </c>
      <c r="Q17" s="399">
        <v>0</v>
      </c>
      <c r="R17" s="88">
        <v>2</v>
      </c>
      <c r="S17" s="88">
        <v>1</v>
      </c>
      <c r="T17" s="88">
        <v>0</v>
      </c>
      <c r="U17" s="88">
        <v>0</v>
      </c>
      <c r="V17" s="88">
        <v>0</v>
      </c>
      <c r="W17" s="89">
        <v>3</v>
      </c>
      <c r="X17" s="90">
        <v>3</v>
      </c>
      <c r="Y17" s="87">
        <v>0</v>
      </c>
      <c r="Z17" s="88">
        <v>0</v>
      </c>
      <c r="AA17" s="89">
        <v>0</v>
      </c>
      <c r="AB17" s="399">
        <v>0</v>
      </c>
      <c r="AC17" s="88">
        <v>1</v>
      </c>
      <c r="AD17" s="88">
        <v>0</v>
      </c>
      <c r="AE17" s="88">
        <v>1</v>
      </c>
      <c r="AF17" s="88">
        <v>2</v>
      </c>
      <c r="AG17" s="88">
        <v>1</v>
      </c>
      <c r="AH17" s="89">
        <v>5</v>
      </c>
      <c r="AI17" s="90">
        <v>5</v>
      </c>
      <c r="AJ17" s="87">
        <v>4</v>
      </c>
      <c r="AK17" s="88">
        <v>2</v>
      </c>
      <c r="AL17" s="89">
        <v>6</v>
      </c>
      <c r="AM17" s="399">
        <v>0</v>
      </c>
      <c r="AN17" s="88">
        <v>2</v>
      </c>
      <c r="AO17" s="88">
        <v>3</v>
      </c>
      <c r="AP17" s="88">
        <v>2</v>
      </c>
      <c r="AQ17" s="88">
        <v>1</v>
      </c>
      <c r="AR17" s="88">
        <v>0</v>
      </c>
      <c r="AS17" s="89">
        <v>8</v>
      </c>
      <c r="AT17" s="90">
        <v>14</v>
      </c>
      <c r="AU17" s="87">
        <v>9</v>
      </c>
      <c r="AV17" s="88">
        <v>6</v>
      </c>
      <c r="AW17" s="89">
        <v>15</v>
      </c>
      <c r="AX17" s="399">
        <v>0</v>
      </c>
      <c r="AY17" s="88">
        <v>11</v>
      </c>
      <c r="AZ17" s="88">
        <v>12</v>
      </c>
      <c r="BA17" s="88">
        <v>5</v>
      </c>
      <c r="BB17" s="88">
        <v>7</v>
      </c>
      <c r="BC17" s="88">
        <v>2</v>
      </c>
      <c r="BD17" s="89">
        <v>37</v>
      </c>
      <c r="BE17" s="90">
        <v>52</v>
      </c>
      <c r="BF17" s="87">
        <v>19</v>
      </c>
      <c r="BG17" s="88">
        <v>14</v>
      </c>
      <c r="BH17" s="89">
        <v>33</v>
      </c>
      <c r="BI17" s="399">
        <v>0</v>
      </c>
      <c r="BJ17" s="88">
        <v>21</v>
      </c>
      <c r="BK17" s="88">
        <v>23</v>
      </c>
      <c r="BL17" s="88">
        <v>13</v>
      </c>
      <c r="BM17" s="88">
        <v>10</v>
      </c>
      <c r="BN17" s="88">
        <v>6</v>
      </c>
      <c r="BO17" s="89">
        <v>73</v>
      </c>
      <c r="BP17" s="90">
        <v>106</v>
      </c>
      <c r="BQ17" s="87">
        <v>17</v>
      </c>
      <c r="BR17" s="88">
        <v>15</v>
      </c>
      <c r="BS17" s="89">
        <v>32</v>
      </c>
      <c r="BT17" s="399">
        <v>0</v>
      </c>
      <c r="BU17" s="88">
        <v>34</v>
      </c>
      <c r="BV17" s="88">
        <v>30</v>
      </c>
      <c r="BW17" s="88">
        <v>19</v>
      </c>
      <c r="BX17" s="88">
        <v>13</v>
      </c>
      <c r="BY17" s="88">
        <v>11</v>
      </c>
      <c r="BZ17" s="89">
        <v>107</v>
      </c>
      <c r="CA17" s="90">
        <v>139</v>
      </c>
      <c r="CB17" s="87">
        <v>0</v>
      </c>
      <c r="CC17" s="88">
        <v>0</v>
      </c>
      <c r="CD17" s="89">
        <v>0</v>
      </c>
      <c r="CE17" s="399">
        <v>0</v>
      </c>
      <c r="CF17" s="88">
        <v>0</v>
      </c>
      <c r="CG17" s="88">
        <v>0</v>
      </c>
      <c r="CH17" s="88">
        <v>0</v>
      </c>
      <c r="CI17" s="88">
        <v>0</v>
      </c>
      <c r="CJ17" s="88">
        <v>0</v>
      </c>
      <c r="CK17" s="89">
        <v>0</v>
      </c>
      <c r="CL17" s="90">
        <v>0</v>
      </c>
      <c r="CM17" s="87">
        <v>49</v>
      </c>
      <c r="CN17" s="88">
        <v>37</v>
      </c>
      <c r="CO17" s="89">
        <v>86</v>
      </c>
      <c r="CP17" s="399">
        <v>0</v>
      </c>
      <c r="CQ17" s="88">
        <v>71</v>
      </c>
      <c r="CR17" s="88">
        <v>69</v>
      </c>
      <c r="CS17" s="88">
        <v>40</v>
      </c>
      <c r="CT17" s="88">
        <v>33</v>
      </c>
      <c r="CU17" s="88">
        <v>20</v>
      </c>
      <c r="CV17" s="89">
        <v>233</v>
      </c>
      <c r="CW17" s="90">
        <v>319</v>
      </c>
      <c r="CX17" s="91">
        <v>7</v>
      </c>
      <c r="CY17" s="83">
        <v>6</v>
      </c>
      <c r="CZ17" s="84">
        <v>13</v>
      </c>
      <c r="DA17" s="399">
        <v>0</v>
      </c>
      <c r="DB17" s="83">
        <v>18</v>
      </c>
      <c r="DC17" s="83">
        <v>11</v>
      </c>
      <c r="DD17" s="83">
        <v>3</v>
      </c>
      <c r="DE17" s="83">
        <v>12</v>
      </c>
      <c r="DF17" s="83">
        <v>3</v>
      </c>
      <c r="DG17" s="85">
        <v>47</v>
      </c>
      <c r="DH17" s="86">
        <v>60</v>
      </c>
      <c r="DI17" s="87">
        <v>0</v>
      </c>
      <c r="DJ17" s="88">
        <v>0</v>
      </c>
      <c r="DK17" s="89">
        <v>0</v>
      </c>
      <c r="DL17" s="399">
        <v>0</v>
      </c>
      <c r="DM17" s="88">
        <v>0</v>
      </c>
      <c r="DN17" s="88">
        <v>0</v>
      </c>
      <c r="DO17" s="88">
        <v>0</v>
      </c>
      <c r="DP17" s="88">
        <v>0</v>
      </c>
      <c r="DQ17" s="88">
        <v>0</v>
      </c>
      <c r="DR17" s="89">
        <v>0</v>
      </c>
      <c r="DS17" s="90">
        <v>0</v>
      </c>
      <c r="DT17" s="87">
        <v>1</v>
      </c>
      <c r="DU17" s="88">
        <v>0</v>
      </c>
      <c r="DV17" s="89">
        <v>1</v>
      </c>
      <c r="DW17" s="399">
        <v>0</v>
      </c>
      <c r="DX17" s="88">
        <v>0</v>
      </c>
      <c r="DY17" s="88">
        <v>0</v>
      </c>
      <c r="DZ17" s="88">
        <v>0</v>
      </c>
      <c r="EA17" s="88">
        <v>0</v>
      </c>
      <c r="EB17" s="88">
        <v>0</v>
      </c>
      <c r="EC17" s="89">
        <v>0</v>
      </c>
      <c r="ED17" s="90">
        <v>1</v>
      </c>
      <c r="EE17" s="87">
        <v>0</v>
      </c>
      <c r="EF17" s="88">
        <v>1</v>
      </c>
      <c r="EG17" s="89">
        <v>1</v>
      </c>
      <c r="EH17" s="399">
        <v>0</v>
      </c>
      <c r="EI17" s="88">
        <v>1</v>
      </c>
      <c r="EJ17" s="88">
        <v>0</v>
      </c>
      <c r="EK17" s="88">
        <v>0</v>
      </c>
      <c r="EL17" s="88">
        <v>0</v>
      </c>
      <c r="EM17" s="88">
        <v>0</v>
      </c>
      <c r="EN17" s="89">
        <v>1</v>
      </c>
      <c r="EO17" s="90">
        <v>2</v>
      </c>
      <c r="EP17" s="87">
        <v>1</v>
      </c>
      <c r="EQ17" s="88">
        <v>2</v>
      </c>
      <c r="ER17" s="89">
        <v>3</v>
      </c>
      <c r="ES17" s="399">
        <v>0</v>
      </c>
      <c r="ET17" s="88">
        <v>3</v>
      </c>
      <c r="EU17" s="88">
        <v>3</v>
      </c>
      <c r="EV17" s="88">
        <v>2</v>
      </c>
      <c r="EW17" s="88">
        <v>2</v>
      </c>
      <c r="EX17" s="88">
        <v>1</v>
      </c>
      <c r="EY17" s="89">
        <v>11</v>
      </c>
      <c r="EZ17" s="90">
        <v>14</v>
      </c>
      <c r="FA17" s="87">
        <v>2</v>
      </c>
      <c r="FB17" s="88">
        <v>3</v>
      </c>
      <c r="FC17" s="89">
        <v>5</v>
      </c>
      <c r="FD17" s="399">
        <v>0</v>
      </c>
      <c r="FE17" s="88">
        <v>5</v>
      </c>
      <c r="FF17" s="88">
        <v>4</v>
      </c>
      <c r="FG17" s="88">
        <v>0</v>
      </c>
      <c r="FH17" s="88">
        <v>2</v>
      </c>
      <c r="FI17" s="88">
        <v>0</v>
      </c>
      <c r="FJ17" s="89">
        <v>11</v>
      </c>
      <c r="FK17" s="90">
        <v>16</v>
      </c>
      <c r="FL17" s="87">
        <v>3</v>
      </c>
      <c r="FM17" s="88">
        <v>0</v>
      </c>
      <c r="FN17" s="89">
        <v>3</v>
      </c>
      <c r="FO17" s="399">
        <v>0</v>
      </c>
      <c r="FP17" s="88">
        <v>9</v>
      </c>
      <c r="FQ17" s="88">
        <v>4</v>
      </c>
      <c r="FR17" s="88">
        <v>1</v>
      </c>
      <c r="FS17" s="88">
        <v>8</v>
      </c>
      <c r="FT17" s="88">
        <v>2</v>
      </c>
      <c r="FU17" s="89">
        <v>24</v>
      </c>
      <c r="FV17" s="90">
        <v>27</v>
      </c>
      <c r="FW17" s="87">
        <v>0</v>
      </c>
      <c r="FX17" s="88">
        <v>0</v>
      </c>
      <c r="FY17" s="89">
        <v>0</v>
      </c>
      <c r="FZ17" s="399">
        <v>0</v>
      </c>
      <c r="GA17" s="88">
        <v>0</v>
      </c>
      <c r="GB17" s="88">
        <v>0</v>
      </c>
      <c r="GC17" s="88">
        <v>0</v>
      </c>
      <c r="GD17" s="88">
        <v>0</v>
      </c>
      <c r="GE17" s="88">
        <v>0</v>
      </c>
      <c r="GF17" s="89">
        <v>0</v>
      </c>
      <c r="GG17" s="90">
        <v>0</v>
      </c>
      <c r="GH17" s="87">
        <v>7</v>
      </c>
      <c r="GI17" s="88">
        <v>6</v>
      </c>
      <c r="GJ17" s="89">
        <v>13</v>
      </c>
      <c r="GK17" s="399">
        <v>0</v>
      </c>
      <c r="GL17" s="88">
        <v>18</v>
      </c>
      <c r="GM17" s="88">
        <v>11</v>
      </c>
      <c r="GN17" s="88">
        <v>3</v>
      </c>
      <c r="GO17" s="88">
        <v>12</v>
      </c>
      <c r="GP17" s="88">
        <v>3</v>
      </c>
      <c r="GQ17" s="89">
        <v>47</v>
      </c>
      <c r="GR17" s="90">
        <v>60</v>
      </c>
      <c r="GS17" s="91">
        <v>56</v>
      </c>
      <c r="GT17" s="83">
        <v>43</v>
      </c>
      <c r="GU17" s="84">
        <v>99</v>
      </c>
      <c r="GV17" s="399">
        <v>0</v>
      </c>
      <c r="GW17" s="83">
        <v>89</v>
      </c>
      <c r="GX17" s="83">
        <v>80</v>
      </c>
      <c r="GY17" s="83">
        <v>43</v>
      </c>
      <c r="GZ17" s="83">
        <v>45</v>
      </c>
      <c r="HA17" s="83">
        <v>23</v>
      </c>
      <c r="HB17" s="85">
        <v>280</v>
      </c>
      <c r="HC17" s="86">
        <v>379</v>
      </c>
      <c r="HD17" s="87">
        <v>0</v>
      </c>
      <c r="HE17" s="88">
        <v>0</v>
      </c>
      <c r="HF17" s="89">
        <v>0</v>
      </c>
      <c r="HG17" s="399">
        <v>0</v>
      </c>
      <c r="HH17" s="88">
        <v>2</v>
      </c>
      <c r="HI17" s="88">
        <v>1</v>
      </c>
      <c r="HJ17" s="88">
        <v>0</v>
      </c>
      <c r="HK17" s="88">
        <v>0</v>
      </c>
      <c r="HL17" s="88">
        <v>0</v>
      </c>
      <c r="HM17" s="89">
        <v>3</v>
      </c>
      <c r="HN17" s="90">
        <v>3</v>
      </c>
      <c r="HO17" s="87">
        <v>1</v>
      </c>
      <c r="HP17" s="88">
        <v>0</v>
      </c>
      <c r="HQ17" s="89">
        <v>1</v>
      </c>
      <c r="HR17" s="399">
        <v>0</v>
      </c>
      <c r="HS17" s="88">
        <v>1</v>
      </c>
      <c r="HT17" s="88">
        <v>0</v>
      </c>
      <c r="HU17" s="88">
        <v>1</v>
      </c>
      <c r="HV17" s="88">
        <v>2</v>
      </c>
      <c r="HW17" s="88">
        <v>1</v>
      </c>
      <c r="HX17" s="89">
        <v>5</v>
      </c>
      <c r="HY17" s="90">
        <v>6</v>
      </c>
      <c r="HZ17" s="87">
        <v>4</v>
      </c>
      <c r="IA17" s="88">
        <v>3</v>
      </c>
      <c r="IB17" s="89">
        <v>7</v>
      </c>
      <c r="IC17" s="399">
        <v>0</v>
      </c>
      <c r="ID17" s="88">
        <v>3</v>
      </c>
      <c r="IE17" s="88">
        <v>3</v>
      </c>
      <c r="IF17" s="88">
        <v>2</v>
      </c>
      <c r="IG17" s="88">
        <v>1</v>
      </c>
      <c r="IH17" s="88">
        <v>0</v>
      </c>
      <c r="II17" s="89">
        <v>9</v>
      </c>
      <c r="IJ17" s="90">
        <v>16</v>
      </c>
      <c r="IK17" s="87">
        <v>10</v>
      </c>
      <c r="IL17" s="88">
        <v>8</v>
      </c>
      <c r="IM17" s="89">
        <v>18</v>
      </c>
      <c r="IN17" s="399">
        <v>0</v>
      </c>
      <c r="IO17" s="88">
        <v>14</v>
      </c>
      <c r="IP17" s="88">
        <v>15</v>
      </c>
      <c r="IQ17" s="88">
        <v>7</v>
      </c>
      <c r="IR17" s="88">
        <v>9</v>
      </c>
      <c r="IS17" s="88">
        <v>3</v>
      </c>
      <c r="IT17" s="89">
        <v>48</v>
      </c>
      <c r="IU17" s="90">
        <v>66</v>
      </c>
      <c r="IV17" s="87">
        <v>21</v>
      </c>
      <c r="IW17" s="88">
        <v>17</v>
      </c>
      <c r="IX17" s="89">
        <v>38</v>
      </c>
      <c r="IY17" s="399">
        <v>0</v>
      </c>
      <c r="IZ17" s="88">
        <v>26</v>
      </c>
      <c r="JA17" s="88">
        <v>27</v>
      </c>
      <c r="JB17" s="88">
        <v>13</v>
      </c>
      <c r="JC17" s="88">
        <v>12</v>
      </c>
      <c r="JD17" s="88">
        <v>6</v>
      </c>
      <c r="JE17" s="89">
        <v>84</v>
      </c>
      <c r="JF17" s="90">
        <v>122</v>
      </c>
      <c r="JG17" s="87">
        <v>20</v>
      </c>
      <c r="JH17" s="88">
        <v>15</v>
      </c>
      <c r="JI17" s="89">
        <v>35</v>
      </c>
      <c r="JJ17" s="399">
        <v>0</v>
      </c>
      <c r="JK17" s="88">
        <v>43</v>
      </c>
      <c r="JL17" s="88">
        <v>34</v>
      </c>
      <c r="JM17" s="88">
        <v>20</v>
      </c>
      <c r="JN17" s="88">
        <v>21</v>
      </c>
      <c r="JO17" s="88">
        <v>13</v>
      </c>
      <c r="JP17" s="89">
        <v>131</v>
      </c>
      <c r="JQ17" s="90">
        <v>166</v>
      </c>
      <c r="JR17" s="87">
        <v>0</v>
      </c>
      <c r="JS17" s="88">
        <v>0</v>
      </c>
      <c r="JT17" s="89">
        <v>0</v>
      </c>
      <c r="JU17" s="399">
        <v>0</v>
      </c>
      <c r="JV17" s="88">
        <v>0</v>
      </c>
      <c r="JW17" s="88">
        <v>0</v>
      </c>
      <c r="JX17" s="88">
        <v>0</v>
      </c>
      <c r="JY17" s="88">
        <v>0</v>
      </c>
      <c r="JZ17" s="88">
        <v>0</v>
      </c>
      <c r="KA17" s="89">
        <v>0</v>
      </c>
      <c r="KB17" s="90">
        <v>0</v>
      </c>
      <c r="KC17" s="87">
        <v>56</v>
      </c>
      <c r="KD17" s="88">
        <v>43</v>
      </c>
      <c r="KE17" s="89">
        <v>99</v>
      </c>
      <c r="KF17" s="399">
        <v>0</v>
      </c>
      <c r="KG17" s="88">
        <v>89</v>
      </c>
      <c r="KH17" s="88">
        <v>80</v>
      </c>
      <c r="KI17" s="88">
        <v>43</v>
      </c>
      <c r="KJ17" s="88">
        <v>45</v>
      </c>
      <c r="KK17" s="88">
        <v>23</v>
      </c>
      <c r="KL17" s="89">
        <v>280</v>
      </c>
      <c r="KM17" s="90">
        <v>379</v>
      </c>
    </row>
    <row r="18" spans="2:299" s="56" customFormat="1" ht="21" customHeight="1" x14ac:dyDescent="0.2">
      <c r="B18" s="92" t="s">
        <v>15</v>
      </c>
      <c r="C18" s="82">
        <v>14</v>
      </c>
      <c r="D18" s="83">
        <v>19</v>
      </c>
      <c r="E18" s="84">
        <v>33</v>
      </c>
      <c r="F18" s="399">
        <v>0</v>
      </c>
      <c r="G18" s="83">
        <v>39</v>
      </c>
      <c r="H18" s="83">
        <v>33</v>
      </c>
      <c r="I18" s="83">
        <v>15</v>
      </c>
      <c r="J18" s="83">
        <v>29</v>
      </c>
      <c r="K18" s="83">
        <v>8</v>
      </c>
      <c r="L18" s="85">
        <v>124</v>
      </c>
      <c r="M18" s="86">
        <v>157</v>
      </c>
      <c r="N18" s="87">
        <v>0</v>
      </c>
      <c r="O18" s="88">
        <v>0</v>
      </c>
      <c r="P18" s="89">
        <v>0</v>
      </c>
      <c r="Q18" s="399">
        <v>0</v>
      </c>
      <c r="R18" s="88">
        <v>1</v>
      </c>
      <c r="S18" s="88">
        <v>0</v>
      </c>
      <c r="T18" s="88">
        <v>0</v>
      </c>
      <c r="U18" s="88">
        <v>0</v>
      </c>
      <c r="V18" s="88">
        <v>0</v>
      </c>
      <c r="W18" s="89">
        <v>1</v>
      </c>
      <c r="X18" s="90">
        <v>1</v>
      </c>
      <c r="Y18" s="87">
        <v>0</v>
      </c>
      <c r="Z18" s="88">
        <v>2</v>
      </c>
      <c r="AA18" s="89">
        <v>2</v>
      </c>
      <c r="AB18" s="399">
        <v>0</v>
      </c>
      <c r="AC18" s="88">
        <v>2</v>
      </c>
      <c r="AD18" s="88">
        <v>1</v>
      </c>
      <c r="AE18" s="88">
        <v>1</v>
      </c>
      <c r="AF18" s="88">
        <v>2</v>
      </c>
      <c r="AG18" s="88">
        <v>1</v>
      </c>
      <c r="AH18" s="89">
        <v>7</v>
      </c>
      <c r="AI18" s="90">
        <v>9</v>
      </c>
      <c r="AJ18" s="87">
        <v>4</v>
      </c>
      <c r="AK18" s="88">
        <v>2</v>
      </c>
      <c r="AL18" s="89">
        <v>6</v>
      </c>
      <c r="AM18" s="399">
        <v>0</v>
      </c>
      <c r="AN18" s="88">
        <v>5</v>
      </c>
      <c r="AO18" s="88">
        <v>6</v>
      </c>
      <c r="AP18" s="88">
        <v>0</v>
      </c>
      <c r="AQ18" s="88">
        <v>5</v>
      </c>
      <c r="AR18" s="88">
        <v>2</v>
      </c>
      <c r="AS18" s="89">
        <v>18</v>
      </c>
      <c r="AT18" s="90">
        <v>24</v>
      </c>
      <c r="AU18" s="87">
        <v>4</v>
      </c>
      <c r="AV18" s="88">
        <v>4</v>
      </c>
      <c r="AW18" s="89">
        <v>8</v>
      </c>
      <c r="AX18" s="399">
        <v>0</v>
      </c>
      <c r="AY18" s="88">
        <v>12</v>
      </c>
      <c r="AZ18" s="88">
        <v>3</v>
      </c>
      <c r="BA18" s="88">
        <v>3</v>
      </c>
      <c r="BB18" s="88">
        <v>4</v>
      </c>
      <c r="BC18" s="88">
        <v>1</v>
      </c>
      <c r="BD18" s="89">
        <v>23</v>
      </c>
      <c r="BE18" s="90">
        <v>31</v>
      </c>
      <c r="BF18" s="87">
        <v>5</v>
      </c>
      <c r="BG18" s="88">
        <v>5</v>
      </c>
      <c r="BH18" s="89">
        <v>10</v>
      </c>
      <c r="BI18" s="399">
        <v>0</v>
      </c>
      <c r="BJ18" s="88">
        <v>9</v>
      </c>
      <c r="BK18" s="88">
        <v>9</v>
      </c>
      <c r="BL18" s="88">
        <v>6</v>
      </c>
      <c r="BM18" s="88">
        <v>8</v>
      </c>
      <c r="BN18" s="88">
        <v>0</v>
      </c>
      <c r="BO18" s="89">
        <v>32</v>
      </c>
      <c r="BP18" s="90">
        <v>42</v>
      </c>
      <c r="BQ18" s="87">
        <v>1</v>
      </c>
      <c r="BR18" s="88">
        <v>6</v>
      </c>
      <c r="BS18" s="89">
        <v>7</v>
      </c>
      <c r="BT18" s="399">
        <v>0</v>
      </c>
      <c r="BU18" s="88">
        <v>10</v>
      </c>
      <c r="BV18" s="88">
        <v>14</v>
      </c>
      <c r="BW18" s="88">
        <v>5</v>
      </c>
      <c r="BX18" s="88">
        <v>10</v>
      </c>
      <c r="BY18" s="88">
        <v>4</v>
      </c>
      <c r="BZ18" s="89">
        <v>43</v>
      </c>
      <c r="CA18" s="90">
        <v>50</v>
      </c>
      <c r="CB18" s="87">
        <v>0</v>
      </c>
      <c r="CC18" s="88">
        <v>0</v>
      </c>
      <c r="CD18" s="89">
        <v>0</v>
      </c>
      <c r="CE18" s="399">
        <v>0</v>
      </c>
      <c r="CF18" s="88">
        <v>0</v>
      </c>
      <c r="CG18" s="88">
        <v>0</v>
      </c>
      <c r="CH18" s="88">
        <v>0</v>
      </c>
      <c r="CI18" s="88">
        <v>0</v>
      </c>
      <c r="CJ18" s="88">
        <v>0</v>
      </c>
      <c r="CK18" s="89">
        <v>0</v>
      </c>
      <c r="CL18" s="90">
        <v>0</v>
      </c>
      <c r="CM18" s="87">
        <v>14</v>
      </c>
      <c r="CN18" s="88">
        <v>19</v>
      </c>
      <c r="CO18" s="89">
        <v>33</v>
      </c>
      <c r="CP18" s="399">
        <v>0</v>
      </c>
      <c r="CQ18" s="88">
        <v>39</v>
      </c>
      <c r="CR18" s="88">
        <v>33</v>
      </c>
      <c r="CS18" s="88">
        <v>15</v>
      </c>
      <c r="CT18" s="88">
        <v>29</v>
      </c>
      <c r="CU18" s="88">
        <v>8</v>
      </c>
      <c r="CV18" s="89">
        <v>124</v>
      </c>
      <c r="CW18" s="90">
        <v>157</v>
      </c>
      <c r="CX18" s="91">
        <v>0</v>
      </c>
      <c r="CY18" s="83">
        <v>8</v>
      </c>
      <c r="CZ18" s="84">
        <v>8</v>
      </c>
      <c r="DA18" s="399">
        <v>0</v>
      </c>
      <c r="DB18" s="83">
        <v>9</v>
      </c>
      <c r="DC18" s="83">
        <v>8</v>
      </c>
      <c r="DD18" s="83">
        <v>3</v>
      </c>
      <c r="DE18" s="83">
        <v>1</v>
      </c>
      <c r="DF18" s="83">
        <v>4</v>
      </c>
      <c r="DG18" s="85">
        <v>25</v>
      </c>
      <c r="DH18" s="86">
        <v>33</v>
      </c>
      <c r="DI18" s="87">
        <v>0</v>
      </c>
      <c r="DJ18" s="88">
        <v>1</v>
      </c>
      <c r="DK18" s="89">
        <v>1</v>
      </c>
      <c r="DL18" s="399">
        <v>0</v>
      </c>
      <c r="DM18" s="88">
        <v>1</v>
      </c>
      <c r="DN18" s="88">
        <v>0</v>
      </c>
      <c r="DO18" s="88">
        <v>0</v>
      </c>
      <c r="DP18" s="88">
        <v>0</v>
      </c>
      <c r="DQ18" s="88">
        <v>0</v>
      </c>
      <c r="DR18" s="89">
        <v>1</v>
      </c>
      <c r="DS18" s="90">
        <v>2</v>
      </c>
      <c r="DT18" s="87">
        <v>0</v>
      </c>
      <c r="DU18" s="88">
        <v>0</v>
      </c>
      <c r="DV18" s="89">
        <v>0</v>
      </c>
      <c r="DW18" s="399">
        <v>0</v>
      </c>
      <c r="DX18" s="88">
        <v>2</v>
      </c>
      <c r="DY18" s="88">
        <v>0</v>
      </c>
      <c r="DZ18" s="88">
        <v>0</v>
      </c>
      <c r="EA18" s="88">
        <v>0</v>
      </c>
      <c r="EB18" s="88">
        <v>0</v>
      </c>
      <c r="EC18" s="89">
        <v>2</v>
      </c>
      <c r="ED18" s="90">
        <v>2</v>
      </c>
      <c r="EE18" s="87">
        <v>0</v>
      </c>
      <c r="EF18" s="88">
        <v>2</v>
      </c>
      <c r="EG18" s="89">
        <v>2</v>
      </c>
      <c r="EH18" s="399">
        <v>0</v>
      </c>
      <c r="EI18" s="88">
        <v>0</v>
      </c>
      <c r="EJ18" s="88">
        <v>0</v>
      </c>
      <c r="EK18" s="88">
        <v>0</v>
      </c>
      <c r="EL18" s="88">
        <v>0</v>
      </c>
      <c r="EM18" s="88">
        <v>1</v>
      </c>
      <c r="EN18" s="89">
        <v>1</v>
      </c>
      <c r="EO18" s="90">
        <v>3</v>
      </c>
      <c r="EP18" s="87">
        <v>0</v>
      </c>
      <c r="EQ18" s="88">
        <v>3</v>
      </c>
      <c r="ER18" s="89">
        <v>3</v>
      </c>
      <c r="ES18" s="399">
        <v>0</v>
      </c>
      <c r="ET18" s="88">
        <v>1</v>
      </c>
      <c r="EU18" s="88">
        <v>1</v>
      </c>
      <c r="EV18" s="88">
        <v>1</v>
      </c>
      <c r="EW18" s="88">
        <v>0</v>
      </c>
      <c r="EX18" s="88">
        <v>0</v>
      </c>
      <c r="EY18" s="89">
        <v>3</v>
      </c>
      <c r="EZ18" s="90">
        <v>6</v>
      </c>
      <c r="FA18" s="87">
        <v>0</v>
      </c>
      <c r="FB18" s="88">
        <v>1</v>
      </c>
      <c r="FC18" s="89">
        <v>1</v>
      </c>
      <c r="FD18" s="399">
        <v>0</v>
      </c>
      <c r="FE18" s="88">
        <v>2</v>
      </c>
      <c r="FF18" s="88">
        <v>2</v>
      </c>
      <c r="FG18" s="88">
        <v>0</v>
      </c>
      <c r="FH18" s="88">
        <v>0</v>
      </c>
      <c r="FI18" s="88">
        <v>1</v>
      </c>
      <c r="FJ18" s="89">
        <v>5</v>
      </c>
      <c r="FK18" s="90">
        <v>6</v>
      </c>
      <c r="FL18" s="87">
        <v>0</v>
      </c>
      <c r="FM18" s="88">
        <v>1</v>
      </c>
      <c r="FN18" s="89">
        <v>1</v>
      </c>
      <c r="FO18" s="399">
        <v>0</v>
      </c>
      <c r="FP18" s="88">
        <v>3</v>
      </c>
      <c r="FQ18" s="88">
        <v>5</v>
      </c>
      <c r="FR18" s="88">
        <v>2</v>
      </c>
      <c r="FS18" s="88">
        <v>1</v>
      </c>
      <c r="FT18" s="88">
        <v>2</v>
      </c>
      <c r="FU18" s="89">
        <v>13</v>
      </c>
      <c r="FV18" s="90">
        <v>14</v>
      </c>
      <c r="FW18" s="87">
        <v>0</v>
      </c>
      <c r="FX18" s="88">
        <v>0</v>
      </c>
      <c r="FY18" s="89">
        <v>0</v>
      </c>
      <c r="FZ18" s="399">
        <v>0</v>
      </c>
      <c r="GA18" s="88">
        <v>0</v>
      </c>
      <c r="GB18" s="88">
        <v>0</v>
      </c>
      <c r="GC18" s="88">
        <v>0</v>
      </c>
      <c r="GD18" s="88">
        <v>0</v>
      </c>
      <c r="GE18" s="88">
        <v>0</v>
      </c>
      <c r="GF18" s="89">
        <v>0</v>
      </c>
      <c r="GG18" s="90">
        <v>0</v>
      </c>
      <c r="GH18" s="87">
        <v>0</v>
      </c>
      <c r="GI18" s="88">
        <v>8</v>
      </c>
      <c r="GJ18" s="89">
        <v>8</v>
      </c>
      <c r="GK18" s="399">
        <v>0</v>
      </c>
      <c r="GL18" s="88">
        <v>9</v>
      </c>
      <c r="GM18" s="88">
        <v>8</v>
      </c>
      <c r="GN18" s="88">
        <v>3</v>
      </c>
      <c r="GO18" s="88">
        <v>1</v>
      </c>
      <c r="GP18" s="88">
        <v>4</v>
      </c>
      <c r="GQ18" s="89">
        <v>25</v>
      </c>
      <c r="GR18" s="90">
        <v>33</v>
      </c>
      <c r="GS18" s="91">
        <v>14</v>
      </c>
      <c r="GT18" s="83">
        <v>27</v>
      </c>
      <c r="GU18" s="84">
        <v>41</v>
      </c>
      <c r="GV18" s="399">
        <v>0</v>
      </c>
      <c r="GW18" s="83">
        <v>48</v>
      </c>
      <c r="GX18" s="83">
        <v>41</v>
      </c>
      <c r="GY18" s="83">
        <v>18</v>
      </c>
      <c r="GZ18" s="83">
        <v>30</v>
      </c>
      <c r="HA18" s="83">
        <v>12</v>
      </c>
      <c r="HB18" s="85">
        <v>149</v>
      </c>
      <c r="HC18" s="86">
        <v>190</v>
      </c>
      <c r="HD18" s="87">
        <v>0</v>
      </c>
      <c r="HE18" s="88">
        <v>1</v>
      </c>
      <c r="HF18" s="89">
        <v>1</v>
      </c>
      <c r="HG18" s="399">
        <v>0</v>
      </c>
      <c r="HH18" s="88">
        <v>2</v>
      </c>
      <c r="HI18" s="88">
        <v>0</v>
      </c>
      <c r="HJ18" s="88">
        <v>0</v>
      </c>
      <c r="HK18" s="88">
        <v>0</v>
      </c>
      <c r="HL18" s="88">
        <v>0</v>
      </c>
      <c r="HM18" s="89">
        <v>2</v>
      </c>
      <c r="HN18" s="90">
        <v>3</v>
      </c>
      <c r="HO18" s="87">
        <v>0</v>
      </c>
      <c r="HP18" s="88">
        <v>2</v>
      </c>
      <c r="HQ18" s="89">
        <v>2</v>
      </c>
      <c r="HR18" s="399">
        <v>0</v>
      </c>
      <c r="HS18" s="88">
        <v>4</v>
      </c>
      <c r="HT18" s="88">
        <v>1</v>
      </c>
      <c r="HU18" s="88">
        <v>1</v>
      </c>
      <c r="HV18" s="88">
        <v>2</v>
      </c>
      <c r="HW18" s="88">
        <v>1</v>
      </c>
      <c r="HX18" s="89">
        <v>9</v>
      </c>
      <c r="HY18" s="90">
        <v>11</v>
      </c>
      <c r="HZ18" s="87">
        <v>4</v>
      </c>
      <c r="IA18" s="88">
        <v>4</v>
      </c>
      <c r="IB18" s="89">
        <v>8</v>
      </c>
      <c r="IC18" s="399">
        <v>0</v>
      </c>
      <c r="ID18" s="88">
        <v>5</v>
      </c>
      <c r="IE18" s="88">
        <v>6</v>
      </c>
      <c r="IF18" s="88">
        <v>0</v>
      </c>
      <c r="IG18" s="88">
        <v>5</v>
      </c>
      <c r="IH18" s="88">
        <v>3</v>
      </c>
      <c r="II18" s="89">
        <v>19</v>
      </c>
      <c r="IJ18" s="90">
        <v>27</v>
      </c>
      <c r="IK18" s="87">
        <v>4</v>
      </c>
      <c r="IL18" s="88">
        <v>7</v>
      </c>
      <c r="IM18" s="89">
        <v>11</v>
      </c>
      <c r="IN18" s="399">
        <v>0</v>
      </c>
      <c r="IO18" s="88">
        <v>13</v>
      </c>
      <c r="IP18" s="88">
        <v>4</v>
      </c>
      <c r="IQ18" s="88">
        <v>4</v>
      </c>
      <c r="IR18" s="88">
        <v>4</v>
      </c>
      <c r="IS18" s="88">
        <v>1</v>
      </c>
      <c r="IT18" s="89">
        <v>26</v>
      </c>
      <c r="IU18" s="90">
        <v>37</v>
      </c>
      <c r="IV18" s="87">
        <v>5</v>
      </c>
      <c r="IW18" s="88">
        <v>6</v>
      </c>
      <c r="IX18" s="89">
        <v>11</v>
      </c>
      <c r="IY18" s="399">
        <v>0</v>
      </c>
      <c r="IZ18" s="88">
        <v>11</v>
      </c>
      <c r="JA18" s="88">
        <v>11</v>
      </c>
      <c r="JB18" s="88">
        <v>6</v>
      </c>
      <c r="JC18" s="88">
        <v>8</v>
      </c>
      <c r="JD18" s="88">
        <v>1</v>
      </c>
      <c r="JE18" s="89">
        <v>37</v>
      </c>
      <c r="JF18" s="90">
        <v>48</v>
      </c>
      <c r="JG18" s="87">
        <v>1</v>
      </c>
      <c r="JH18" s="88">
        <v>7</v>
      </c>
      <c r="JI18" s="89">
        <v>8</v>
      </c>
      <c r="JJ18" s="399">
        <v>0</v>
      </c>
      <c r="JK18" s="88">
        <v>13</v>
      </c>
      <c r="JL18" s="88">
        <v>19</v>
      </c>
      <c r="JM18" s="88">
        <v>7</v>
      </c>
      <c r="JN18" s="88">
        <v>11</v>
      </c>
      <c r="JO18" s="88">
        <v>6</v>
      </c>
      <c r="JP18" s="89">
        <v>56</v>
      </c>
      <c r="JQ18" s="90">
        <v>64</v>
      </c>
      <c r="JR18" s="87">
        <v>0</v>
      </c>
      <c r="JS18" s="88">
        <v>0</v>
      </c>
      <c r="JT18" s="89">
        <v>0</v>
      </c>
      <c r="JU18" s="399">
        <v>0</v>
      </c>
      <c r="JV18" s="88">
        <v>0</v>
      </c>
      <c r="JW18" s="88">
        <v>0</v>
      </c>
      <c r="JX18" s="88">
        <v>0</v>
      </c>
      <c r="JY18" s="88">
        <v>0</v>
      </c>
      <c r="JZ18" s="88">
        <v>0</v>
      </c>
      <c r="KA18" s="89">
        <v>0</v>
      </c>
      <c r="KB18" s="90">
        <v>0</v>
      </c>
      <c r="KC18" s="87">
        <v>14</v>
      </c>
      <c r="KD18" s="88">
        <v>27</v>
      </c>
      <c r="KE18" s="89">
        <v>41</v>
      </c>
      <c r="KF18" s="399">
        <v>0</v>
      </c>
      <c r="KG18" s="88">
        <v>48</v>
      </c>
      <c r="KH18" s="88">
        <v>41</v>
      </c>
      <c r="KI18" s="88">
        <v>18</v>
      </c>
      <c r="KJ18" s="88">
        <v>30</v>
      </c>
      <c r="KK18" s="88">
        <v>12</v>
      </c>
      <c r="KL18" s="89">
        <v>149</v>
      </c>
      <c r="KM18" s="90">
        <v>190</v>
      </c>
    </row>
    <row r="19" spans="2:299" s="56" customFormat="1" ht="21" customHeight="1" x14ac:dyDescent="0.2">
      <c r="B19" s="92" t="s">
        <v>16</v>
      </c>
      <c r="C19" s="82">
        <v>40</v>
      </c>
      <c r="D19" s="83">
        <v>50</v>
      </c>
      <c r="E19" s="84">
        <v>90</v>
      </c>
      <c r="F19" s="399">
        <v>0</v>
      </c>
      <c r="G19" s="83">
        <v>85</v>
      </c>
      <c r="H19" s="83">
        <v>107</v>
      </c>
      <c r="I19" s="83">
        <v>53</v>
      </c>
      <c r="J19" s="83">
        <v>45</v>
      </c>
      <c r="K19" s="83">
        <v>17</v>
      </c>
      <c r="L19" s="85">
        <v>307</v>
      </c>
      <c r="M19" s="86">
        <v>397</v>
      </c>
      <c r="N19" s="87">
        <v>0</v>
      </c>
      <c r="O19" s="88">
        <v>2</v>
      </c>
      <c r="P19" s="89">
        <v>2</v>
      </c>
      <c r="Q19" s="399">
        <v>0</v>
      </c>
      <c r="R19" s="88">
        <v>0</v>
      </c>
      <c r="S19" s="88">
        <v>1</v>
      </c>
      <c r="T19" s="88">
        <v>0</v>
      </c>
      <c r="U19" s="88">
        <v>2</v>
      </c>
      <c r="V19" s="88">
        <v>0</v>
      </c>
      <c r="W19" s="89">
        <v>3</v>
      </c>
      <c r="X19" s="90">
        <v>5</v>
      </c>
      <c r="Y19" s="87">
        <v>2</v>
      </c>
      <c r="Z19" s="88">
        <v>4</v>
      </c>
      <c r="AA19" s="89">
        <v>6</v>
      </c>
      <c r="AB19" s="399">
        <v>0</v>
      </c>
      <c r="AC19" s="88">
        <v>2</v>
      </c>
      <c r="AD19" s="88">
        <v>8</v>
      </c>
      <c r="AE19" s="88">
        <v>6</v>
      </c>
      <c r="AF19" s="88">
        <v>1</v>
      </c>
      <c r="AG19" s="88">
        <v>3</v>
      </c>
      <c r="AH19" s="89">
        <v>20</v>
      </c>
      <c r="AI19" s="90">
        <v>26</v>
      </c>
      <c r="AJ19" s="87">
        <v>4</v>
      </c>
      <c r="AK19" s="88">
        <v>7</v>
      </c>
      <c r="AL19" s="89">
        <v>11</v>
      </c>
      <c r="AM19" s="399">
        <v>0</v>
      </c>
      <c r="AN19" s="88">
        <v>9</v>
      </c>
      <c r="AO19" s="88">
        <v>5</v>
      </c>
      <c r="AP19" s="88">
        <v>7</v>
      </c>
      <c r="AQ19" s="88">
        <v>3</v>
      </c>
      <c r="AR19" s="88">
        <v>4</v>
      </c>
      <c r="AS19" s="89">
        <v>28</v>
      </c>
      <c r="AT19" s="90">
        <v>39</v>
      </c>
      <c r="AU19" s="87">
        <v>13</v>
      </c>
      <c r="AV19" s="88">
        <v>12</v>
      </c>
      <c r="AW19" s="89">
        <v>25</v>
      </c>
      <c r="AX19" s="399">
        <v>0</v>
      </c>
      <c r="AY19" s="88">
        <v>25</v>
      </c>
      <c r="AZ19" s="88">
        <v>22</v>
      </c>
      <c r="BA19" s="88">
        <v>10</v>
      </c>
      <c r="BB19" s="88">
        <v>6</v>
      </c>
      <c r="BC19" s="88">
        <v>4</v>
      </c>
      <c r="BD19" s="89">
        <v>67</v>
      </c>
      <c r="BE19" s="90">
        <v>92</v>
      </c>
      <c r="BF19" s="87">
        <v>9</v>
      </c>
      <c r="BG19" s="88">
        <v>17</v>
      </c>
      <c r="BH19" s="89">
        <v>26</v>
      </c>
      <c r="BI19" s="399">
        <v>0</v>
      </c>
      <c r="BJ19" s="88">
        <v>24</v>
      </c>
      <c r="BK19" s="88">
        <v>29</v>
      </c>
      <c r="BL19" s="88">
        <v>15</v>
      </c>
      <c r="BM19" s="88">
        <v>9</v>
      </c>
      <c r="BN19" s="88">
        <v>0</v>
      </c>
      <c r="BO19" s="89">
        <v>77</v>
      </c>
      <c r="BP19" s="90">
        <v>103</v>
      </c>
      <c r="BQ19" s="87">
        <v>12</v>
      </c>
      <c r="BR19" s="88">
        <v>8</v>
      </c>
      <c r="BS19" s="89">
        <v>20</v>
      </c>
      <c r="BT19" s="399">
        <v>0</v>
      </c>
      <c r="BU19" s="88">
        <v>25</v>
      </c>
      <c r="BV19" s="88">
        <v>42</v>
      </c>
      <c r="BW19" s="88">
        <v>15</v>
      </c>
      <c r="BX19" s="88">
        <v>24</v>
      </c>
      <c r="BY19" s="88">
        <v>6</v>
      </c>
      <c r="BZ19" s="89">
        <v>112</v>
      </c>
      <c r="CA19" s="90">
        <v>132</v>
      </c>
      <c r="CB19" s="87">
        <v>0</v>
      </c>
      <c r="CC19" s="88">
        <v>0</v>
      </c>
      <c r="CD19" s="89">
        <v>0</v>
      </c>
      <c r="CE19" s="399">
        <v>0</v>
      </c>
      <c r="CF19" s="88">
        <v>0</v>
      </c>
      <c r="CG19" s="88">
        <v>0</v>
      </c>
      <c r="CH19" s="88">
        <v>0</v>
      </c>
      <c r="CI19" s="88">
        <v>0</v>
      </c>
      <c r="CJ19" s="88">
        <v>0</v>
      </c>
      <c r="CK19" s="89">
        <v>0</v>
      </c>
      <c r="CL19" s="90">
        <v>0</v>
      </c>
      <c r="CM19" s="87">
        <v>40</v>
      </c>
      <c r="CN19" s="88">
        <v>50</v>
      </c>
      <c r="CO19" s="89">
        <v>90</v>
      </c>
      <c r="CP19" s="399">
        <v>0</v>
      </c>
      <c r="CQ19" s="88">
        <v>85</v>
      </c>
      <c r="CR19" s="88">
        <v>107</v>
      </c>
      <c r="CS19" s="88">
        <v>53</v>
      </c>
      <c r="CT19" s="88">
        <v>45</v>
      </c>
      <c r="CU19" s="88">
        <v>17</v>
      </c>
      <c r="CV19" s="89">
        <v>307</v>
      </c>
      <c r="CW19" s="90">
        <v>397</v>
      </c>
      <c r="CX19" s="91">
        <v>10</v>
      </c>
      <c r="CY19" s="83">
        <v>14</v>
      </c>
      <c r="CZ19" s="84">
        <v>24</v>
      </c>
      <c r="DA19" s="399">
        <v>0</v>
      </c>
      <c r="DB19" s="83">
        <v>6</v>
      </c>
      <c r="DC19" s="83">
        <v>5</v>
      </c>
      <c r="DD19" s="83">
        <v>9</v>
      </c>
      <c r="DE19" s="83">
        <v>8</v>
      </c>
      <c r="DF19" s="83">
        <v>8</v>
      </c>
      <c r="DG19" s="85">
        <v>36</v>
      </c>
      <c r="DH19" s="86">
        <v>60</v>
      </c>
      <c r="DI19" s="87">
        <v>2</v>
      </c>
      <c r="DJ19" s="88">
        <v>1</v>
      </c>
      <c r="DK19" s="89">
        <v>3</v>
      </c>
      <c r="DL19" s="399">
        <v>0</v>
      </c>
      <c r="DM19" s="88">
        <v>0</v>
      </c>
      <c r="DN19" s="88">
        <v>0</v>
      </c>
      <c r="DO19" s="88">
        <v>1</v>
      </c>
      <c r="DP19" s="88">
        <v>0</v>
      </c>
      <c r="DQ19" s="88">
        <v>0</v>
      </c>
      <c r="DR19" s="89">
        <v>1</v>
      </c>
      <c r="DS19" s="90">
        <v>4</v>
      </c>
      <c r="DT19" s="87">
        <v>0</v>
      </c>
      <c r="DU19" s="88">
        <v>0</v>
      </c>
      <c r="DV19" s="89">
        <v>0</v>
      </c>
      <c r="DW19" s="399">
        <v>0</v>
      </c>
      <c r="DX19" s="88">
        <v>0</v>
      </c>
      <c r="DY19" s="88">
        <v>1</v>
      </c>
      <c r="DZ19" s="88">
        <v>0</v>
      </c>
      <c r="EA19" s="88">
        <v>0</v>
      </c>
      <c r="EB19" s="88">
        <v>0</v>
      </c>
      <c r="EC19" s="89">
        <v>1</v>
      </c>
      <c r="ED19" s="90">
        <v>1</v>
      </c>
      <c r="EE19" s="87">
        <v>1</v>
      </c>
      <c r="EF19" s="88">
        <v>3</v>
      </c>
      <c r="EG19" s="89">
        <v>4</v>
      </c>
      <c r="EH19" s="399">
        <v>0</v>
      </c>
      <c r="EI19" s="88">
        <v>1</v>
      </c>
      <c r="EJ19" s="88">
        <v>0</v>
      </c>
      <c r="EK19" s="88">
        <v>0</v>
      </c>
      <c r="EL19" s="88">
        <v>0</v>
      </c>
      <c r="EM19" s="88">
        <v>2</v>
      </c>
      <c r="EN19" s="89">
        <v>3</v>
      </c>
      <c r="EO19" s="90">
        <v>7</v>
      </c>
      <c r="EP19" s="87">
        <v>4</v>
      </c>
      <c r="EQ19" s="88">
        <v>4</v>
      </c>
      <c r="ER19" s="89">
        <v>8</v>
      </c>
      <c r="ES19" s="399">
        <v>0</v>
      </c>
      <c r="ET19" s="88">
        <v>3</v>
      </c>
      <c r="EU19" s="88">
        <v>0</v>
      </c>
      <c r="EV19" s="88">
        <v>3</v>
      </c>
      <c r="EW19" s="88">
        <v>0</v>
      </c>
      <c r="EX19" s="88">
        <v>1</v>
      </c>
      <c r="EY19" s="89">
        <v>7</v>
      </c>
      <c r="EZ19" s="90">
        <v>15</v>
      </c>
      <c r="FA19" s="87">
        <v>3</v>
      </c>
      <c r="FB19" s="88">
        <v>3</v>
      </c>
      <c r="FC19" s="89">
        <v>6</v>
      </c>
      <c r="FD19" s="399">
        <v>0</v>
      </c>
      <c r="FE19" s="88">
        <v>0</v>
      </c>
      <c r="FF19" s="88">
        <v>2</v>
      </c>
      <c r="FG19" s="88">
        <v>3</v>
      </c>
      <c r="FH19" s="88">
        <v>2</v>
      </c>
      <c r="FI19" s="88">
        <v>1</v>
      </c>
      <c r="FJ19" s="89">
        <v>8</v>
      </c>
      <c r="FK19" s="90">
        <v>14</v>
      </c>
      <c r="FL19" s="87">
        <v>0</v>
      </c>
      <c r="FM19" s="88">
        <v>3</v>
      </c>
      <c r="FN19" s="89">
        <v>3</v>
      </c>
      <c r="FO19" s="399">
        <v>0</v>
      </c>
      <c r="FP19" s="88">
        <v>2</v>
      </c>
      <c r="FQ19" s="88">
        <v>2</v>
      </c>
      <c r="FR19" s="88">
        <v>2</v>
      </c>
      <c r="FS19" s="88">
        <v>6</v>
      </c>
      <c r="FT19" s="88">
        <v>4</v>
      </c>
      <c r="FU19" s="89">
        <v>16</v>
      </c>
      <c r="FV19" s="90">
        <v>19</v>
      </c>
      <c r="FW19" s="87">
        <v>0</v>
      </c>
      <c r="FX19" s="88">
        <v>0</v>
      </c>
      <c r="FY19" s="89">
        <v>0</v>
      </c>
      <c r="FZ19" s="399">
        <v>0</v>
      </c>
      <c r="GA19" s="88">
        <v>0</v>
      </c>
      <c r="GB19" s="88">
        <v>0</v>
      </c>
      <c r="GC19" s="88">
        <v>0</v>
      </c>
      <c r="GD19" s="88">
        <v>0</v>
      </c>
      <c r="GE19" s="88">
        <v>0</v>
      </c>
      <c r="GF19" s="89">
        <v>0</v>
      </c>
      <c r="GG19" s="90">
        <v>0</v>
      </c>
      <c r="GH19" s="87">
        <v>10</v>
      </c>
      <c r="GI19" s="88">
        <v>14</v>
      </c>
      <c r="GJ19" s="89">
        <v>24</v>
      </c>
      <c r="GK19" s="399">
        <v>0</v>
      </c>
      <c r="GL19" s="88">
        <v>6</v>
      </c>
      <c r="GM19" s="88">
        <v>5</v>
      </c>
      <c r="GN19" s="88">
        <v>9</v>
      </c>
      <c r="GO19" s="88">
        <v>8</v>
      </c>
      <c r="GP19" s="88">
        <v>8</v>
      </c>
      <c r="GQ19" s="89">
        <v>36</v>
      </c>
      <c r="GR19" s="90">
        <v>60</v>
      </c>
      <c r="GS19" s="91">
        <v>50</v>
      </c>
      <c r="GT19" s="83">
        <v>64</v>
      </c>
      <c r="GU19" s="84">
        <v>114</v>
      </c>
      <c r="GV19" s="399">
        <v>0</v>
      </c>
      <c r="GW19" s="83">
        <v>91</v>
      </c>
      <c r="GX19" s="83">
        <v>112</v>
      </c>
      <c r="GY19" s="83">
        <v>62</v>
      </c>
      <c r="GZ19" s="83">
        <v>53</v>
      </c>
      <c r="HA19" s="83">
        <v>25</v>
      </c>
      <c r="HB19" s="85">
        <v>343</v>
      </c>
      <c r="HC19" s="86">
        <v>457</v>
      </c>
      <c r="HD19" s="87">
        <v>2</v>
      </c>
      <c r="HE19" s="88">
        <v>3</v>
      </c>
      <c r="HF19" s="89">
        <v>5</v>
      </c>
      <c r="HG19" s="399">
        <v>0</v>
      </c>
      <c r="HH19" s="88">
        <v>0</v>
      </c>
      <c r="HI19" s="88">
        <v>1</v>
      </c>
      <c r="HJ19" s="88">
        <v>1</v>
      </c>
      <c r="HK19" s="88">
        <v>2</v>
      </c>
      <c r="HL19" s="88">
        <v>0</v>
      </c>
      <c r="HM19" s="89">
        <v>4</v>
      </c>
      <c r="HN19" s="90">
        <v>9</v>
      </c>
      <c r="HO19" s="87">
        <v>2</v>
      </c>
      <c r="HP19" s="88">
        <v>4</v>
      </c>
      <c r="HQ19" s="89">
        <v>6</v>
      </c>
      <c r="HR19" s="399">
        <v>0</v>
      </c>
      <c r="HS19" s="88">
        <v>2</v>
      </c>
      <c r="HT19" s="88">
        <v>9</v>
      </c>
      <c r="HU19" s="88">
        <v>6</v>
      </c>
      <c r="HV19" s="88">
        <v>1</v>
      </c>
      <c r="HW19" s="88">
        <v>3</v>
      </c>
      <c r="HX19" s="89">
        <v>21</v>
      </c>
      <c r="HY19" s="90">
        <v>27</v>
      </c>
      <c r="HZ19" s="87">
        <v>5</v>
      </c>
      <c r="IA19" s="88">
        <v>10</v>
      </c>
      <c r="IB19" s="89">
        <v>15</v>
      </c>
      <c r="IC19" s="399">
        <v>0</v>
      </c>
      <c r="ID19" s="88">
        <v>10</v>
      </c>
      <c r="IE19" s="88">
        <v>5</v>
      </c>
      <c r="IF19" s="88">
        <v>7</v>
      </c>
      <c r="IG19" s="88">
        <v>3</v>
      </c>
      <c r="IH19" s="88">
        <v>6</v>
      </c>
      <c r="II19" s="89">
        <v>31</v>
      </c>
      <c r="IJ19" s="90">
        <v>46</v>
      </c>
      <c r="IK19" s="87">
        <v>17</v>
      </c>
      <c r="IL19" s="88">
        <v>16</v>
      </c>
      <c r="IM19" s="89">
        <v>33</v>
      </c>
      <c r="IN19" s="399">
        <v>0</v>
      </c>
      <c r="IO19" s="88">
        <v>28</v>
      </c>
      <c r="IP19" s="88">
        <v>22</v>
      </c>
      <c r="IQ19" s="88">
        <v>13</v>
      </c>
      <c r="IR19" s="88">
        <v>6</v>
      </c>
      <c r="IS19" s="88">
        <v>5</v>
      </c>
      <c r="IT19" s="89">
        <v>74</v>
      </c>
      <c r="IU19" s="90">
        <v>107</v>
      </c>
      <c r="IV19" s="87">
        <v>12</v>
      </c>
      <c r="IW19" s="88">
        <v>20</v>
      </c>
      <c r="IX19" s="89">
        <v>32</v>
      </c>
      <c r="IY19" s="399">
        <v>0</v>
      </c>
      <c r="IZ19" s="88">
        <v>24</v>
      </c>
      <c r="JA19" s="88">
        <v>31</v>
      </c>
      <c r="JB19" s="88">
        <v>18</v>
      </c>
      <c r="JC19" s="88">
        <v>11</v>
      </c>
      <c r="JD19" s="88">
        <v>1</v>
      </c>
      <c r="JE19" s="89">
        <v>85</v>
      </c>
      <c r="JF19" s="90">
        <v>117</v>
      </c>
      <c r="JG19" s="87">
        <v>12</v>
      </c>
      <c r="JH19" s="88">
        <v>11</v>
      </c>
      <c r="JI19" s="89">
        <v>23</v>
      </c>
      <c r="JJ19" s="399">
        <v>0</v>
      </c>
      <c r="JK19" s="88">
        <v>27</v>
      </c>
      <c r="JL19" s="88">
        <v>44</v>
      </c>
      <c r="JM19" s="88">
        <v>17</v>
      </c>
      <c r="JN19" s="88">
        <v>30</v>
      </c>
      <c r="JO19" s="88">
        <v>10</v>
      </c>
      <c r="JP19" s="89">
        <v>128</v>
      </c>
      <c r="JQ19" s="90">
        <v>151</v>
      </c>
      <c r="JR19" s="87">
        <v>0</v>
      </c>
      <c r="JS19" s="88">
        <v>0</v>
      </c>
      <c r="JT19" s="89">
        <v>0</v>
      </c>
      <c r="JU19" s="399">
        <v>0</v>
      </c>
      <c r="JV19" s="88">
        <v>0</v>
      </c>
      <c r="JW19" s="88">
        <v>0</v>
      </c>
      <c r="JX19" s="88">
        <v>0</v>
      </c>
      <c r="JY19" s="88">
        <v>0</v>
      </c>
      <c r="JZ19" s="88">
        <v>0</v>
      </c>
      <c r="KA19" s="89">
        <v>0</v>
      </c>
      <c r="KB19" s="90">
        <v>0</v>
      </c>
      <c r="KC19" s="87">
        <v>50</v>
      </c>
      <c r="KD19" s="88">
        <v>64</v>
      </c>
      <c r="KE19" s="89">
        <v>114</v>
      </c>
      <c r="KF19" s="399">
        <v>0</v>
      </c>
      <c r="KG19" s="88">
        <v>91</v>
      </c>
      <c r="KH19" s="88">
        <v>112</v>
      </c>
      <c r="KI19" s="88">
        <v>62</v>
      </c>
      <c r="KJ19" s="88">
        <v>53</v>
      </c>
      <c r="KK19" s="88">
        <v>25</v>
      </c>
      <c r="KL19" s="89">
        <v>343</v>
      </c>
      <c r="KM19" s="90">
        <v>457</v>
      </c>
    </row>
    <row r="20" spans="2:299" s="56" customFormat="1" ht="21" customHeight="1" x14ac:dyDescent="0.2">
      <c r="B20" s="92" t="s">
        <v>17</v>
      </c>
      <c r="C20" s="82">
        <v>72</v>
      </c>
      <c r="D20" s="83">
        <v>63</v>
      </c>
      <c r="E20" s="84">
        <v>135</v>
      </c>
      <c r="F20" s="399">
        <v>0</v>
      </c>
      <c r="G20" s="83">
        <v>107</v>
      </c>
      <c r="H20" s="83">
        <v>121</v>
      </c>
      <c r="I20" s="83">
        <v>71</v>
      </c>
      <c r="J20" s="83">
        <v>37</v>
      </c>
      <c r="K20" s="83">
        <v>27</v>
      </c>
      <c r="L20" s="85">
        <v>363</v>
      </c>
      <c r="M20" s="86">
        <v>498</v>
      </c>
      <c r="N20" s="87">
        <v>2</v>
      </c>
      <c r="O20" s="88">
        <v>2</v>
      </c>
      <c r="P20" s="89">
        <v>4</v>
      </c>
      <c r="Q20" s="399">
        <v>0</v>
      </c>
      <c r="R20" s="88">
        <v>0</v>
      </c>
      <c r="S20" s="88">
        <v>0</v>
      </c>
      <c r="T20" s="88">
        <v>2</v>
      </c>
      <c r="U20" s="88">
        <v>0</v>
      </c>
      <c r="V20" s="88">
        <v>0</v>
      </c>
      <c r="W20" s="89">
        <v>2</v>
      </c>
      <c r="X20" s="90">
        <v>6</v>
      </c>
      <c r="Y20" s="87">
        <v>3</v>
      </c>
      <c r="Z20" s="88">
        <v>2</v>
      </c>
      <c r="AA20" s="89">
        <v>5</v>
      </c>
      <c r="AB20" s="399">
        <v>0</v>
      </c>
      <c r="AC20" s="88">
        <v>2</v>
      </c>
      <c r="AD20" s="88">
        <v>5</v>
      </c>
      <c r="AE20" s="88">
        <v>2</v>
      </c>
      <c r="AF20" s="88">
        <v>1</v>
      </c>
      <c r="AG20" s="88">
        <v>1</v>
      </c>
      <c r="AH20" s="89">
        <v>11</v>
      </c>
      <c r="AI20" s="90">
        <v>16</v>
      </c>
      <c r="AJ20" s="87">
        <v>5</v>
      </c>
      <c r="AK20" s="88">
        <v>12</v>
      </c>
      <c r="AL20" s="89">
        <v>17</v>
      </c>
      <c r="AM20" s="399">
        <v>0</v>
      </c>
      <c r="AN20" s="88">
        <v>13</v>
      </c>
      <c r="AO20" s="88">
        <v>11</v>
      </c>
      <c r="AP20" s="88">
        <v>6</v>
      </c>
      <c r="AQ20" s="88">
        <v>1</v>
      </c>
      <c r="AR20" s="88">
        <v>4</v>
      </c>
      <c r="AS20" s="89">
        <v>35</v>
      </c>
      <c r="AT20" s="90">
        <v>52</v>
      </c>
      <c r="AU20" s="87">
        <v>19</v>
      </c>
      <c r="AV20" s="88">
        <v>17</v>
      </c>
      <c r="AW20" s="89">
        <v>36</v>
      </c>
      <c r="AX20" s="399">
        <v>0</v>
      </c>
      <c r="AY20" s="88">
        <v>27</v>
      </c>
      <c r="AZ20" s="88">
        <v>32</v>
      </c>
      <c r="BA20" s="88">
        <v>12</v>
      </c>
      <c r="BB20" s="88">
        <v>8</v>
      </c>
      <c r="BC20" s="88">
        <v>2</v>
      </c>
      <c r="BD20" s="89">
        <v>81</v>
      </c>
      <c r="BE20" s="90">
        <v>117</v>
      </c>
      <c r="BF20" s="87">
        <v>26</v>
      </c>
      <c r="BG20" s="88">
        <v>14</v>
      </c>
      <c r="BH20" s="89">
        <v>40</v>
      </c>
      <c r="BI20" s="399">
        <v>0</v>
      </c>
      <c r="BJ20" s="88">
        <v>37</v>
      </c>
      <c r="BK20" s="88">
        <v>37</v>
      </c>
      <c r="BL20" s="88">
        <v>23</v>
      </c>
      <c r="BM20" s="88">
        <v>16</v>
      </c>
      <c r="BN20" s="88">
        <v>6</v>
      </c>
      <c r="BO20" s="89">
        <v>119</v>
      </c>
      <c r="BP20" s="90">
        <v>159</v>
      </c>
      <c r="BQ20" s="87">
        <v>17</v>
      </c>
      <c r="BR20" s="88">
        <v>16</v>
      </c>
      <c r="BS20" s="89">
        <v>33</v>
      </c>
      <c r="BT20" s="399">
        <v>0</v>
      </c>
      <c r="BU20" s="88">
        <v>28</v>
      </c>
      <c r="BV20" s="88">
        <v>36</v>
      </c>
      <c r="BW20" s="88">
        <v>26</v>
      </c>
      <c r="BX20" s="88">
        <v>11</v>
      </c>
      <c r="BY20" s="88">
        <v>14</v>
      </c>
      <c r="BZ20" s="89">
        <v>115</v>
      </c>
      <c r="CA20" s="90">
        <v>148</v>
      </c>
      <c r="CB20" s="87">
        <v>0</v>
      </c>
      <c r="CC20" s="88">
        <v>0</v>
      </c>
      <c r="CD20" s="89">
        <v>0</v>
      </c>
      <c r="CE20" s="399">
        <v>0</v>
      </c>
      <c r="CF20" s="88">
        <v>0</v>
      </c>
      <c r="CG20" s="88">
        <v>0</v>
      </c>
      <c r="CH20" s="88">
        <v>0</v>
      </c>
      <c r="CI20" s="88">
        <v>0</v>
      </c>
      <c r="CJ20" s="88">
        <v>0</v>
      </c>
      <c r="CK20" s="89">
        <v>0</v>
      </c>
      <c r="CL20" s="90">
        <v>0</v>
      </c>
      <c r="CM20" s="87">
        <v>72</v>
      </c>
      <c r="CN20" s="88">
        <v>63</v>
      </c>
      <c r="CO20" s="89">
        <v>135</v>
      </c>
      <c r="CP20" s="399">
        <v>0</v>
      </c>
      <c r="CQ20" s="88">
        <v>107</v>
      </c>
      <c r="CR20" s="88">
        <v>121</v>
      </c>
      <c r="CS20" s="88">
        <v>71</v>
      </c>
      <c r="CT20" s="88">
        <v>37</v>
      </c>
      <c r="CU20" s="88">
        <v>27</v>
      </c>
      <c r="CV20" s="89">
        <v>363</v>
      </c>
      <c r="CW20" s="90">
        <v>498</v>
      </c>
      <c r="CX20" s="91">
        <v>8</v>
      </c>
      <c r="CY20" s="83">
        <v>11</v>
      </c>
      <c r="CZ20" s="84">
        <v>19</v>
      </c>
      <c r="DA20" s="399">
        <v>0</v>
      </c>
      <c r="DB20" s="83">
        <v>10</v>
      </c>
      <c r="DC20" s="83">
        <v>23</v>
      </c>
      <c r="DD20" s="83">
        <v>8</v>
      </c>
      <c r="DE20" s="83">
        <v>6</v>
      </c>
      <c r="DF20" s="83">
        <v>7</v>
      </c>
      <c r="DG20" s="85">
        <v>54</v>
      </c>
      <c r="DH20" s="86">
        <v>73</v>
      </c>
      <c r="DI20" s="87">
        <v>0</v>
      </c>
      <c r="DJ20" s="88">
        <v>0</v>
      </c>
      <c r="DK20" s="89">
        <v>0</v>
      </c>
      <c r="DL20" s="399">
        <v>0</v>
      </c>
      <c r="DM20" s="88">
        <v>0</v>
      </c>
      <c r="DN20" s="88">
        <v>1</v>
      </c>
      <c r="DO20" s="88">
        <v>1</v>
      </c>
      <c r="DP20" s="88">
        <v>1</v>
      </c>
      <c r="DQ20" s="88">
        <v>0</v>
      </c>
      <c r="DR20" s="89">
        <v>3</v>
      </c>
      <c r="DS20" s="90">
        <v>3</v>
      </c>
      <c r="DT20" s="87">
        <v>0</v>
      </c>
      <c r="DU20" s="88">
        <v>0</v>
      </c>
      <c r="DV20" s="89">
        <v>0</v>
      </c>
      <c r="DW20" s="399">
        <v>0</v>
      </c>
      <c r="DX20" s="88">
        <v>0</v>
      </c>
      <c r="DY20" s="88">
        <v>0</v>
      </c>
      <c r="DZ20" s="88">
        <v>0</v>
      </c>
      <c r="EA20" s="88">
        <v>0</v>
      </c>
      <c r="EB20" s="88">
        <v>0</v>
      </c>
      <c r="EC20" s="89">
        <v>0</v>
      </c>
      <c r="ED20" s="90">
        <v>0</v>
      </c>
      <c r="EE20" s="87">
        <v>4</v>
      </c>
      <c r="EF20" s="88">
        <v>1</v>
      </c>
      <c r="EG20" s="89">
        <v>5</v>
      </c>
      <c r="EH20" s="399">
        <v>0</v>
      </c>
      <c r="EI20" s="88">
        <v>2</v>
      </c>
      <c r="EJ20" s="88">
        <v>2</v>
      </c>
      <c r="EK20" s="88">
        <v>0</v>
      </c>
      <c r="EL20" s="88">
        <v>0</v>
      </c>
      <c r="EM20" s="88">
        <v>2</v>
      </c>
      <c r="EN20" s="89">
        <v>6</v>
      </c>
      <c r="EO20" s="90">
        <v>11</v>
      </c>
      <c r="EP20" s="87">
        <v>3</v>
      </c>
      <c r="EQ20" s="88">
        <v>5</v>
      </c>
      <c r="ER20" s="89">
        <v>8</v>
      </c>
      <c r="ES20" s="399">
        <v>0</v>
      </c>
      <c r="ET20" s="88">
        <v>3</v>
      </c>
      <c r="EU20" s="88">
        <v>5</v>
      </c>
      <c r="EV20" s="88">
        <v>0</v>
      </c>
      <c r="EW20" s="88">
        <v>0</v>
      </c>
      <c r="EX20" s="88">
        <v>0</v>
      </c>
      <c r="EY20" s="89">
        <v>8</v>
      </c>
      <c r="EZ20" s="90">
        <v>16</v>
      </c>
      <c r="FA20" s="87">
        <v>1</v>
      </c>
      <c r="FB20" s="88">
        <v>3</v>
      </c>
      <c r="FC20" s="89">
        <v>4</v>
      </c>
      <c r="FD20" s="399">
        <v>0</v>
      </c>
      <c r="FE20" s="88">
        <v>3</v>
      </c>
      <c r="FF20" s="88">
        <v>8</v>
      </c>
      <c r="FG20" s="88">
        <v>3</v>
      </c>
      <c r="FH20" s="88">
        <v>3</v>
      </c>
      <c r="FI20" s="88">
        <v>0</v>
      </c>
      <c r="FJ20" s="89">
        <v>17</v>
      </c>
      <c r="FK20" s="90">
        <v>21</v>
      </c>
      <c r="FL20" s="87">
        <v>0</v>
      </c>
      <c r="FM20" s="88">
        <v>2</v>
      </c>
      <c r="FN20" s="89">
        <v>2</v>
      </c>
      <c r="FO20" s="399">
        <v>0</v>
      </c>
      <c r="FP20" s="88">
        <v>2</v>
      </c>
      <c r="FQ20" s="88">
        <v>7</v>
      </c>
      <c r="FR20" s="88">
        <v>4</v>
      </c>
      <c r="FS20" s="88">
        <v>2</v>
      </c>
      <c r="FT20" s="88">
        <v>5</v>
      </c>
      <c r="FU20" s="89">
        <v>20</v>
      </c>
      <c r="FV20" s="90">
        <v>22</v>
      </c>
      <c r="FW20" s="87">
        <v>0</v>
      </c>
      <c r="FX20" s="88">
        <v>0</v>
      </c>
      <c r="FY20" s="89">
        <v>0</v>
      </c>
      <c r="FZ20" s="399">
        <v>0</v>
      </c>
      <c r="GA20" s="88">
        <v>0</v>
      </c>
      <c r="GB20" s="88">
        <v>0</v>
      </c>
      <c r="GC20" s="88">
        <v>0</v>
      </c>
      <c r="GD20" s="88">
        <v>0</v>
      </c>
      <c r="GE20" s="88">
        <v>0</v>
      </c>
      <c r="GF20" s="89">
        <v>0</v>
      </c>
      <c r="GG20" s="90">
        <v>0</v>
      </c>
      <c r="GH20" s="87">
        <v>8</v>
      </c>
      <c r="GI20" s="88">
        <v>11</v>
      </c>
      <c r="GJ20" s="89">
        <v>19</v>
      </c>
      <c r="GK20" s="399">
        <v>0</v>
      </c>
      <c r="GL20" s="88">
        <v>10</v>
      </c>
      <c r="GM20" s="88">
        <v>23</v>
      </c>
      <c r="GN20" s="88">
        <v>8</v>
      </c>
      <c r="GO20" s="88">
        <v>6</v>
      </c>
      <c r="GP20" s="88">
        <v>7</v>
      </c>
      <c r="GQ20" s="89">
        <v>54</v>
      </c>
      <c r="GR20" s="90">
        <v>73</v>
      </c>
      <c r="GS20" s="91">
        <v>80</v>
      </c>
      <c r="GT20" s="83">
        <v>74</v>
      </c>
      <c r="GU20" s="84">
        <v>154</v>
      </c>
      <c r="GV20" s="399">
        <v>0</v>
      </c>
      <c r="GW20" s="83">
        <v>117</v>
      </c>
      <c r="GX20" s="83">
        <v>144</v>
      </c>
      <c r="GY20" s="83">
        <v>79</v>
      </c>
      <c r="GZ20" s="83">
        <v>43</v>
      </c>
      <c r="HA20" s="83">
        <v>34</v>
      </c>
      <c r="HB20" s="85">
        <v>417</v>
      </c>
      <c r="HC20" s="86">
        <v>571</v>
      </c>
      <c r="HD20" s="87">
        <v>2</v>
      </c>
      <c r="HE20" s="88">
        <v>2</v>
      </c>
      <c r="HF20" s="89">
        <v>4</v>
      </c>
      <c r="HG20" s="399">
        <v>0</v>
      </c>
      <c r="HH20" s="88">
        <v>0</v>
      </c>
      <c r="HI20" s="88">
        <v>1</v>
      </c>
      <c r="HJ20" s="88">
        <v>3</v>
      </c>
      <c r="HK20" s="88">
        <v>1</v>
      </c>
      <c r="HL20" s="88">
        <v>0</v>
      </c>
      <c r="HM20" s="89">
        <v>5</v>
      </c>
      <c r="HN20" s="90">
        <v>9</v>
      </c>
      <c r="HO20" s="87">
        <v>3</v>
      </c>
      <c r="HP20" s="88">
        <v>2</v>
      </c>
      <c r="HQ20" s="89">
        <v>5</v>
      </c>
      <c r="HR20" s="399">
        <v>0</v>
      </c>
      <c r="HS20" s="88">
        <v>2</v>
      </c>
      <c r="HT20" s="88">
        <v>5</v>
      </c>
      <c r="HU20" s="88">
        <v>2</v>
      </c>
      <c r="HV20" s="88">
        <v>1</v>
      </c>
      <c r="HW20" s="88">
        <v>1</v>
      </c>
      <c r="HX20" s="89">
        <v>11</v>
      </c>
      <c r="HY20" s="90">
        <v>16</v>
      </c>
      <c r="HZ20" s="87">
        <v>9</v>
      </c>
      <c r="IA20" s="88">
        <v>13</v>
      </c>
      <c r="IB20" s="89">
        <v>22</v>
      </c>
      <c r="IC20" s="399">
        <v>0</v>
      </c>
      <c r="ID20" s="88">
        <v>15</v>
      </c>
      <c r="IE20" s="88">
        <v>13</v>
      </c>
      <c r="IF20" s="88">
        <v>6</v>
      </c>
      <c r="IG20" s="88">
        <v>1</v>
      </c>
      <c r="IH20" s="88">
        <v>6</v>
      </c>
      <c r="II20" s="89">
        <v>41</v>
      </c>
      <c r="IJ20" s="90">
        <v>63</v>
      </c>
      <c r="IK20" s="87">
        <v>22</v>
      </c>
      <c r="IL20" s="88">
        <v>22</v>
      </c>
      <c r="IM20" s="89">
        <v>44</v>
      </c>
      <c r="IN20" s="399">
        <v>0</v>
      </c>
      <c r="IO20" s="88">
        <v>30</v>
      </c>
      <c r="IP20" s="88">
        <v>37</v>
      </c>
      <c r="IQ20" s="88">
        <v>12</v>
      </c>
      <c r="IR20" s="88">
        <v>8</v>
      </c>
      <c r="IS20" s="88">
        <v>2</v>
      </c>
      <c r="IT20" s="89">
        <v>89</v>
      </c>
      <c r="IU20" s="90">
        <v>133</v>
      </c>
      <c r="IV20" s="87">
        <v>27</v>
      </c>
      <c r="IW20" s="88">
        <v>17</v>
      </c>
      <c r="IX20" s="89">
        <v>44</v>
      </c>
      <c r="IY20" s="399">
        <v>0</v>
      </c>
      <c r="IZ20" s="88">
        <v>40</v>
      </c>
      <c r="JA20" s="88">
        <v>45</v>
      </c>
      <c r="JB20" s="88">
        <v>26</v>
      </c>
      <c r="JC20" s="88">
        <v>19</v>
      </c>
      <c r="JD20" s="88">
        <v>6</v>
      </c>
      <c r="JE20" s="89">
        <v>136</v>
      </c>
      <c r="JF20" s="90">
        <v>180</v>
      </c>
      <c r="JG20" s="87">
        <v>17</v>
      </c>
      <c r="JH20" s="88">
        <v>18</v>
      </c>
      <c r="JI20" s="89">
        <v>35</v>
      </c>
      <c r="JJ20" s="399">
        <v>0</v>
      </c>
      <c r="JK20" s="88">
        <v>30</v>
      </c>
      <c r="JL20" s="88">
        <v>43</v>
      </c>
      <c r="JM20" s="88">
        <v>30</v>
      </c>
      <c r="JN20" s="88">
        <v>13</v>
      </c>
      <c r="JO20" s="88">
        <v>19</v>
      </c>
      <c r="JP20" s="89">
        <v>135</v>
      </c>
      <c r="JQ20" s="90">
        <v>170</v>
      </c>
      <c r="JR20" s="87">
        <v>0</v>
      </c>
      <c r="JS20" s="88">
        <v>0</v>
      </c>
      <c r="JT20" s="89">
        <v>0</v>
      </c>
      <c r="JU20" s="399">
        <v>0</v>
      </c>
      <c r="JV20" s="88">
        <v>0</v>
      </c>
      <c r="JW20" s="88">
        <v>0</v>
      </c>
      <c r="JX20" s="88">
        <v>0</v>
      </c>
      <c r="JY20" s="88">
        <v>0</v>
      </c>
      <c r="JZ20" s="88">
        <v>0</v>
      </c>
      <c r="KA20" s="89">
        <v>0</v>
      </c>
      <c r="KB20" s="90">
        <v>0</v>
      </c>
      <c r="KC20" s="87">
        <v>80</v>
      </c>
      <c r="KD20" s="88">
        <v>74</v>
      </c>
      <c r="KE20" s="89">
        <v>154</v>
      </c>
      <c r="KF20" s="399">
        <v>0</v>
      </c>
      <c r="KG20" s="88">
        <v>117</v>
      </c>
      <c r="KH20" s="88">
        <v>144</v>
      </c>
      <c r="KI20" s="88">
        <v>79</v>
      </c>
      <c r="KJ20" s="88">
        <v>43</v>
      </c>
      <c r="KK20" s="88">
        <v>34</v>
      </c>
      <c r="KL20" s="89">
        <v>417</v>
      </c>
      <c r="KM20" s="90">
        <v>571</v>
      </c>
    </row>
    <row r="21" spans="2:299" s="56" customFormat="1" ht="21" customHeight="1" x14ac:dyDescent="0.2">
      <c r="B21" s="92" t="s">
        <v>18</v>
      </c>
      <c r="C21" s="82">
        <v>78</v>
      </c>
      <c r="D21" s="83">
        <v>69</v>
      </c>
      <c r="E21" s="84">
        <v>147</v>
      </c>
      <c r="F21" s="399">
        <v>0</v>
      </c>
      <c r="G21" s="83">
        <v>162</v>
      </c>
      <c r="H21" s="83">
        <v>114</v>
      </c>
      <c r="I21" s="83">
        <v>92</v>
      </c>
      <c r="J21" s="83">
        <v>57</v>
      </c>
      <c r="K21" s="83">
        <v>34</v>
      </c>
      <c r="L21" s="85">
        <v>459</v>
      </c>
      <c r="M21" s="86">
        <v>606</v>
      </c>
      <c r="N21" s="87">
        <v>3</v>
      </c>
      <c r="O21" s="88">
        <v>1</v>
      </c>
      <c r="P21" s="89">
        <v>4</v>
      </c>
      <c r="Q21" s="399">
        <v>0</v>
      </c>
      <c r="R21" s="88">
        <v>4</v>
      </c>
      <c r="S21" s="88">
        <v>0</v>
      </c>
      <c r="T21" s="88">
        <v>1</v>
      </c>
      <c r="U21" s="88">
        <v>2</v>
      </c>
      <c r="V21" s="88">
        <v>2</v>
      </c>
      <c r="W21" s="89">
        <v>9</v>
      </c>
      <c r="X21" s="90">
        <v>13</v>
      </c>
      <c r="Y21" s="87">
        <v>5</v>
      </c>
      <c r="Z21" s="88">
        <v>4</v>
      </c>
      <c r="AA21" s="89">
        <v>9</v>
      </c>
      <c r="AB21" s="399">
        <v>0</v>
      </c>
      <c r="AC21" s="88">
        <v>8</v>
      </c>
      <c r="AD21" s="88">
        <v>8</v>
      </c>
      <c r="AE21" s="88">
        <v>3</v>
      </c>
      <c r="AF21" s="88">
        <v>2</v>
      </c>
      <c r="AG21" s="88">
        <v>5</v>
      </c>
      <c r="AH21" s="89">
        <v>26</v>
      </c>
      <c r="AI21" s="90">
        <v>35</v>
      </c>
      <c r="AJ21" s="87">
        <v>7</v>
      </c>
      <c r="AK21" s="88">
        <v>11</v>
      </c>
      <c r="AL21" s="89">
        <v>18</v>
      </c>
      <c r="AM21" s="399">
        <v>0</v>
      </c>
      <c r="AN21" s="88">
        <v>15</v>
      </c>
      <c r="AO21" s="88">
        <v>8</v>
      </c>
      <c r="AP21" s="88">
        <v>8</v>
      </c>
      <c r="AQ21" s="88">
        <v>3</v>
      </c>
      <c r="AR21" s="88">
        <v>2</v>
      </c>
      <c r="AS21" s="89">
        <v>36</v>
      </c>
      <c r="AT21" s="90">
        <v>54</v>
      </c>
      <c r="AU21" s="87">
        <v>15</v>
      </c>
      <c r="AV21" s="88">
        <v>7</v>
      </c>
      <c r="AW21" s="89">
        <v>22</v>
      </c>
      <c r="AX21" s="399">
        <v>0</v>
      </c>
      <c r="AY21" s="88">
        <v>35</v>
      </c>
      <c r="AZ21" s="88">
        <v>20</v>
      </c>
      <c r="BA21" s="88">
        <v>12</v>
      </c>
      <c r="BB21" s="88">
        <v>9</v>
      </c>
      <c r="BC21" s="88">
        <v>6</v>
      </c>
      <c r="BD21" s="89">
        <v>82</v>
      </c>
      <c r="BE21" s="90">
        <v>104</v>
      </c>
      <c r="BF21" s="87">
        <v>32</v>
      </c>
      <c r="BG21" s="88">
        <v>23</v>
      </c>
      <c r="BH21" s="89">
        <v>55</v>
      </c>
      <c r="BI21" s="399">
        <v>0</v>
      </c>
      <c r="BJ21" s="88">
        <v>55</v>
      </c>
      <c r="BK21" s="88">
        <v>32</v>
      </c>
      <c r="BL21" s="88">
        <v>35</v>
      </c>
      <c r="BM21" s="88">
        <v>22</v>
      </c>
      <c r="BN21" s="88">
        <v>7</v>
      </c>
      <c r="BO21" s="89">
        <v>151</v>
      </c>
      <c r="BP21" s="90">
        <v>206</v>
      </c>
      <c r="BQ21" s="87">
        <v>16</v>
      </c>
      <c r="BR21" s="88">
        <v>23</v>
      </c>
      <c r="BS21" s="89">
        <v>39</v>
      </c>
      <c r="BT21" s="399">
        <v>0</v>
      </c>
      <c r="BU21" s="88">
        <v>45</v>
      </c>
      <c r="BV21" s="88">
        <v>46</v>
      </c>
      <c r="BW21" s="88">
        <v>33</v>
      </c>
      <c r="BX21" s="88">
        <v>19</v>
      </c>
      <c r="BY21" s="88">
        <v>12</v>
      </c>
      <c r="BZ21" s="89">
        <v>155</v>
      </c>
      <c r="CA21" s="90">
        <v>194</v>
      </c>
      <c r="CB21" s="87">
        <v>0</v>
      </c>
      <c r="CC21" s="88">
        <v>0</v>
      </c>
      <c r="CD21" s="89">
        <v>0</v>
      </c>
      <c r="CE21" s="399">
        <v>0</v>
      </c>
      <c r="CF21" s="88">
        <v>0</v>
      </c>
      <c r="CG21" s="88">
        <v>0</v>
      </c>
      <c r="CH21" s="88">
        <v>0</v>
      </c>
      <c r="CI21" s="88">
        <v>0</v>
      </c>
      <c r="CJ21" s="88">
        <v>0</v>
      </c>
      <c r="CK21" s="89">
        <v>0</v>
      </c>
      <c r="CL21" s="90">
        <v>0</v>
      </c>
      <c r="CM21" s="87">
        <v>78</v>
      </c>
      <c r="CN21" s="88">
        <v>69</v>
      </c>
      <c r="CO21" s="89">
        <v>147</v>
      </c>
      <c r="CP21" s="399">
        <v>0</v>
      </c>
      <c r="CQ21" s="88">
        <v>162</v>
      </c>
      <c r="CR21" s="88">
        <v>114</v>
      </c>
      <c r="CS21" s="88">
        <v>92</v>
      </c>
      <c r="CT21" s="88">
        <v>57</v>
      </c>
      <c r="CU21" s="88">
        <v>34</v>
      </c>
      <c r="CV21" s="89">
        <v>459</v>
      </c>
      <c r="CW21" s="90">
        <v>606</v>
      </c>
      <c r="CX21" s="91">
        <v>9</v>
      </c>
      <c r="CY21" s="83">
        <v>23</v>
      </c>
      <c r="CZ21" s="84">
        <v>32</v>
      </c>
      <c r="DA21" s="399">
        <v>0</v>
      </c>
      <c r="DB21" s="83">
        <v>22</v>
      </c>
      <c r="DC21" s="83">
        <v>16</v>
      </c>
      <c r="DD21" s="83">
        <v>12</v>
      </c>
      <c r="DE21" s="83">
        <v>10</v>
      </c>
      <c r="DF21" s="83">
        <v>8</v>
      </c>
      <c r="DG21" s="85">
        <v>68</v>
      </c>
      <c r="DH21" s="86">
        <v>100</v>
      </c>
      <c r="DI21" s="87">
        <v>1</v>
      </c>
      <c r="DJ21" s="88">
        <v>0</v>
      </c>
      <c r="DK21" s="89">
        <v>1</v>
      </c>
      <c r="DL21" s="399">
        <v>0</v>
      </c>
      <c r="DM21" s="88">
        <v>0</v>
      </c>
      <c r="DN21" s="88">
        <v>0</v>
      </c>
      <c r="DO21" s="88">
        <v>1</v>
      </c>
      <c r="DP21" s="88">
        <v>0</v>
      </c>
      <c r="DQ21" s="88">
        <v>1</v>
      </c>
      <c r="DR21" s="89">
        <v>2</v>
      </c>
      <c r="DS21" s="90">
        <v>3</v>
      </c>
      <c r="DT21" s="87">
        <v>0</v>
      </c>
      <c r="DU21" s="88">
        <v>3</v>
      </c>
      <c r="DV21" s="89">
        <v>3</v>
      </c>
      <c r="DW21" s="399">
        <v>0</v>
      </c>
      <c r="DX21" s="88">
        <v>2</v>
      </c>
      <c r="DY21" s="88">
        <v>1</v>
      </c>
      <c r="DZ21" s="88">
        <v>1</v>
      </c>
      <c r="EA21" s="88">
        <v>0</v>
      </c>
      <c r="EB21" s="88">
        <v>0</v>
      </c>
      <c r="EC21" s="89">
        <v>4</v>
      </c>
      <c r="ED21" s="90">
        <v>7</v>
      </c>
      <c r="EE21" s="87">
        <v>1</v>
      </c>
      <c r="EF21" s="88">
        <v>8</v>
      </c>
      <c r="EG21" s="89">
        <v>9</v>
      </c>
      <c r="EH21" s="399">
        <v>0</v>
      </c>
      <c r="EI21" s="88">
        <v>2</v>
      </c>
      <c r="EJ21" s="88">
        <v>1</v>
      </c>
      <c r="EK21" s="88">
        <v>0</v>
      </c>
      <c r="EL21" s="88">
        <v>0</v>
      </c>
      <c r="EM21" s="88">
        <v>0</v>
      </c>
      <c r="EN21" s="89">
        <v>3</v>
      </c>
      <c r="EO21" s="90">
        <v>12</v>
      </c>
      <c r="EP21" s="87">
        <v>2</v>
      </c>
      <c r="EQ21" s="88">
        <v>4</v>
      </c>
      <c r="ER21" s="89">
        <v>6</v>
      </c>
      <c r="ES21" s="399">
        <v>0</v>
      </c>
      <c r="ET21" s="88">
        <v>9</v>
      </c>
      <c r="EU21" s="88">
        <v>2</v>
      </c>
      <c r="EV21" s="88">
        <v>3</v>
      </c>
      <c r="EW21" s="88">
        <v>1</v>
      </c>
      <c r="EX21" s="88">
        <v>1</v>
      </c>
      <c r="EY21" s="89">
        <v>16</v>
      </c>
      <c r="EZ21" s="90">
        <v>22</v>
      </c>
      <c r="FA21" s="87">
        <v>2</v>
      </c>
      <c r="FB21" s="88">
        <v>5</v>
      </c>
      <c r="FC21" s="89">
        <v>7</v>
      </c>
      <c r="FD21" s="399">
        <v>0</v>
      </c>
      <c r="FE21" s="88">
        <v>1</v>
      </c>
      <c r="FF21" s="88">
        <v>9</v>
      </c>
      <c r="FG21" s="88">
        <v>2</v>
      </c>
      <c r="FH21" s="88">
        <v>2</v>
      </c>
      <c r="FI21" s="88">
        <v>1</v>
      </c>
      <c r="FJ21" s="89">
        <v>15</v>
      </c>
      <c r="FK21" s="90">
        <v>22</v>
      </c>
      <c r="FL21" s="87">
        <v>3</v>
      </c>
      <c r="FM21" s="88">
        <v>3</v>
      </c>
      <c r="FN21" s="89">
        <v>6</v>
      </c>
      <c r="FO21" s="399">
        <v>0</v>
      </c>
      <c r="FP21" s="88">
        <v>8</v>
      </c>
      <c r="FQ21" s="88">
        <v>3</v>
      </c>
      <c r="FR21" s="88">
        <v>5</v>
      </c>
      <c r="FS21" s="88">
        <v>7</v>
      </c>
      <c r="FT21" s="88">
        <v>5</v>
      </c>
      <c r="FU21" s="89">
        <v>28</v>
      </c>
      <c r="FV21" s="90">
        <v>34</v>
      </c>
      <c r="FW21" s="87">
        <v>0</v>
      </c>
      <c r="FX21" s="88">
        <v>0</v>
      </c>
      <c r="FY21" s="89">
        <v>0</v>
      </c>
      <c r="FZ21" s="399">
        <v>0</v>
      </c>
      <c r="GA21" s="88">
        <v>0</v>
      </c>
      <c r="GB21" s="88">
        <v>0</v>
      </c>
      <c r="GC21" s="88">
        <v>0</v>
      </c>
      <c r="GD21" s="88">
        <v>0</v>
      </c>
      <c r="GE21" s="88">
        <v>0</v>
      </c>
      <c r="GF21" s="89">
        <v>0</v>
      </c>
      <c r="GG21" s="90">
        <v>0</v>
      </c>
      <c r="GH21" s="87">
        <v>9</v>
      </c>
      <c r="GI21" s="88">
        <v>23</v>
      </c>
      <c r="GJ21" s="89">
        <v>32</v>
      </c>
      <c r="GK21" s="399">
        <v>0</v>
      </c>
      <c r="GL21" s="88">
        <v>22</v>
      </c>
      <c r="GM21" s="88">
        <v>16</v>
      </c>
      <c r="GN21" s="88">
        <v>12</v>
      </c>
      <c r="GO21" s="88">
        <v>10</v>
      </c>
      <c r="GP21" s="88">
        <v>8</v>
      </c>
      <c r="GQ21" s="89">
        <v>68</v>
      </c>
      <c r="GR21" s="90">
        <v>100</v>
      </c>
      <c r="GS21" s="91">
        <v>87</v>
      </c>
      <c r="GT21" s="83">
        <v>92</v>
      </c>
      <c r="GU21" s="84">
        <v>179</v>
      </c>
      <c r="GV21" s="399">
        <v>0</v>
      </c>
      <c r="GW21" s="83">
        <v>184</v>
      </c>
      <c r="GX21" s="83">
        <v>130</v>
      </c>
      <c r="GY21" s="83">
        <v>104</v>
      </c>
      <c r="GZ21" s="83">
        <v>67</v>
      </c>
      <c r="HA21" s="83">
        <v>42</v>
      </c>
      <c r="HB21" s="85">
        <v>527</v>
      </c>
      <c r="HC21" s="86">
        <v>706</v>
      </c>
      <c r="HD21" s="87">
        <v>4</v>
      </c>
      <c r="HE21" s="88">
        <v>1</v>
      </c>
      <c r="HF21" s="89">
        <v>5</v>
      </c>
      <c r="HG21" s="399">
        <v>0</v>
      </c>
      <c r="HH21" s="88">
        <v>4</v>
      </c>
      <c r="HI21" s="88">
        <v>0</v>
      </c>
      <c r="HJ21" s="88">
        <v>2</v>
      </c>
      <c r="HK21" s="88">
        <v>2</v>
      </c>
      <c r="HL21" s="88">
        <v>3</v>
      </c>
      <c r="HM21" s="89">
        <v>11</v>
      </c>
      <c r="HN21" s="90">
        <v>16</v>
      </c>
      <c r="HO21" s="87">
        <v>5</v>
      </c>
      <c r="HP21" s="88">
        <v>7</v>
      </c>
      <c r="HQ21" s="89">
        <v>12</v>
      </c>
      <c r="HR21" s="399">
        <v>0</v>
      </c>
      <c r="HS21" s="88">
        <v>10</v>
      </c>
      <c r="HT21" s="88">
        <v>9</v>
      </c>
      <c r="HU21" s="88">
        <v>4</v>
      </c>
      <c r="HV21" s="88">
        <v>2</v>
      </c>
      <c r="HW21" s="88">
        <v>5</v>
      </c>
      <c r="HX21" s="89">
        <v>30</v>
      </c>
      <c r="HY21" s="90">
        <v>42</v>
      </c>
      <c r="HZ21" s="87">
        <v>8</v>
      </c>
      <c r="IA21" s="88">
        <v>19</v>
      </c>
      <c r="IB21" s="89">
        <v>27</v>
      </c>
      <c r="IC21" s="399">
        <v>0</v>
      </c>
      <c r="ID21" s="88">
        <v>17</v>
      </c>
      <c r="IE21" s="88">
        <v>9</v>
      </c>
      <c r="IF21" s="88">
        <v>8</v>
      </c>
      <c r="IG21" s="88">
        <v>3</v>
      </c>
      <c r="IH21" s="88">
        <v>2</v>
      </c>
      <c r="II21" s="89">
        <v>39</v>
      </c>
      <c r="IJ21" s="90">
        <v>66</v>
      </c>
      <c r="IK21" s="87">
        <v>17</v>
      </c>
      <c r="IL21" s="88">
        <v>11</v>
      </c>
      <c r="IM21" s="89">
        <v>28</v>
      </c>
      <c r="IN21" s="399">
        <v>0</v>
      </c>
      <c r="IO21" s="88">
        <v>44</v>
      </c>
      <c r="IP21" s="88">
        <v>22</v>
      </c>
      <c r="IQ21" s="88">
        <v>15</v>
      </c>
      <c r="IR21" s="88">
        <v>10</v>
      </c>
      <c r="IS21" s="88">
        <v>7</v>
      </c>
      <c r="IT21" s="89">
        <v>98</v>
      </c>
      <c r="IU21" s="90">
        <v>126</v>
      </c>
      <c r="IV21" s="87">
        <v>34</v>
      </c>
      <c r="IW21" s="88">
        <v>28</v>
      </c>
      <c r="IX21" s="89">
        <v>62</v>
      </c>
      <c r="IY21" s="399">
        <v>0</v>
      </c>
      <c r="IZ21" s="88">
        <v>56</v>
      </c>
      <c r="JA21" s="88">
        <v>41</v>
      </c>
      <c r="JB21" s="88">
        <v>37</v>
      </c>
      <c r="JC21" s="88">
        <v>24</v>
      </c>
      <c r="JD21" s="88">
        <v>8</v>
      </c>
      <c r="JE21" s="89">
        <v>166</v>
      </c>
      <c r="JF21" s="90">
        <v>228</v>
      </c>
      <c r="JG21" s="87">
        <v>19</v>
      </c>
      <c r="JH21" s="88">
        <v>26</v>
      </c>
      <c r="JI21" s="89">
        <v>45</v>
      </c>
      <c r="JJ21" s="399">
        <v>0</v>
      </c>
      <c r="JK21" s="88">
        <v>53</v>
      </c>
      <c r="JL21" s="88">
        <v>49</v>
      </c>
      <c r="JM21" s="88">
        <v>38</v>
      </c>
      <c r="JN21" s="88">
        <v>26</v>
      </c>
      <c r="JO21" s="88">
        <v>17</v>
      </c>
      <c r="JP21" s="89">
        <v>183</v>
      </c>
      <c r="JQ21" s="90">
        <v>228</v>
      </c>
      <c r="JR21" s="87">
        <v>0</v>
      </c>
      <c r="JS21" s="88">
        <v>0</v>
      </c>
      <c r="JT21" s="89">
        <v>0</v>
      </c>
      <c r="JU21" s="399">
        <v>0</v>
      </c>
      <c r="JV21" s="88">
        <v>0</v>
      </c>
      <c r="JW21" s="88">
        <v>0</v>
      </c>
      <c r="JX21" s="88">
        <v>0</v>
      </c>
      <c r="JY21" s="88">
        <v>0</v>
      </c>
      <c r="JZ21" s="88">
        <v>0</v>
      </c>
      <c r="KA21" s="89">
        <v>0</v>
      </c>
      <c r="KB21" s="90">
        <v>0</v>
      </c>
      <c r="KC21" s="87">
        <v>87</v>
      </c>
      <c r="KD21" s="88">
        <v>92</v>
      </c>
      <c r="KE21" s="89">
        <v>179</v>
      </c>
      <c r="KF21" s="399">
        <v>0</v>
      </c>
      <c r="KG21" s="88">
        <v>184</v>
      </c>
      <c r="KH21" s="88">
        <v>130</v>
      </c>
      <c r="KI21" s="88">
        <v>104</v>
      </c>
      <c r="KJ21" s="88">
        <v>67</v>
      </c>
      <c r="KK21" s="88">
        <v>42</v>
      </c>
      <c r="KL21" s="89">
        <v>527</v>
      </c>
      <c r="KM21" s="90">
        <v>706</v>
      </c>
    </row>
    <row r="22" spans="2:299" s="56" customFormat="1" ht="21" customHeight="1" x14ac:dyDescent="0.2">
      <c r="B22" s="92" t="s">
        <v>19</v>
      </c>
      <c r="C22" s="82">
        <v>45</v>
      </c>
      <c r="D22" s="83">
        <v>40</v>
      </c>
      <c r="E22" s="84">
        <v>85</v>
      </c>
      <c r="F22" s="399">
        <v>0</v>
      </c>
      <c r="G22" s="83">
        <v>75</v>
      </c>
      <c r="H22" s="83">
        <v>53</v>
      </c>
      <c r="I22" s="83">
        <v>23</v>
      </c>
      <c r="J22" s="83">
        <v>17</v>
      </c>
      <c r="K22" s="83">
        <v>23</v>
      </c>
      <c r="L22" s="85">
        <v>191</v>
      </c>
      <c r="M22" s="86">
        <v>276</v>
      </c>
      <c r="N22" s="93">
        <v>0</v>
      </c>
      <c r="O22" s="88">
        <v>0</v>
      </c>
      <c r="P22" s="89">
        <v>0</v>
      </c>
      <c r="Q22" s="399">
        <v>0</v>
      </c>
      <c r="R22" s="88">
        <v>1</v>
      </c>
      <c r="S22" s="88">
        <v>1</v>
      </c>
      <c r="T22" s="88">
        <v>2</v>
      </c>
      <c r="U22" s="88">
        <v>0</v>
      </c>
      <c r="V22" s="88">
        <v>0</v>
      </c>
      <c r="W22" s="89">
        <v>4</v>
      </c>
      <c r="X22" s="90">
        <v>4</v>
      </c>
      <c r="Y22" s="87">
        <v>2</v>
      </c>
      <c r="Z22" s="88">
        <v>2</v>
      </c>
      <c r="AA22" s="89">
        <v>4</v>
      </c>
      <c r="AB22" s="399">
        <v>0</v>
      </c>
      <c r="AC22" s="88">
        <v>1</v>
      </c>
      <c r="AD22" s="88">
        <v>3</v>
      </c>
      <c r="AE22" s="88">
        <v>1</v>
      </c>
      <c r="AF22" s="88">
        <v>0</v>
      </c>
      <c r="AG22" s="88">
        <v>2</v>
      </c>
      <c r="AH22" s="89">
        <v>7</v>
      </c>
      <c r="AI22" s="90">
        <v>11</v>
      </c>
      <c r="AJ22" s="93">
        <v>4</v>
      </c>
      <c r="AK22" s="88">
        <v>3</v>
      </c>
      <c r="AL22" s="89">
        <v>7</v>
      </c>
      <c r="AM22" s="399">
        <v>0</v>
      </c>
      <c r="AN22" s="88">
        <v>5</v>
      </c>
      <c r="AO22" s="88">
        <v>5</v>
      </c>
      <c r="AP22" s="88">
        <v>1</v>
      </c>
      <c r="AQ22" s="88">
        <v>0</v>
      </c>
      <c r="AR22" s="88">
        <v>1</v>
      </c>
      <c r="AS22" s="89">
        <v>12</v>
      </c>
      <c r="AT22" s="90">
        <v>19</v>
      </c>
      <c r="AU22" s="87">
        <v>9</v>
      </c>
      <c r="AV22" s="88">
        <v>6</v>
      </c>
      <c r="AW22" s="89">
        <v>15</v>
      </c>
      <c r="AX22" s="399">
        <v>0</v>
      </c>
      <c r="AY22" s="88">
        <v>17</v>
      </c>
      <c r="AZ22" s="88">
        <v>8</v>
      </c>
      <c r="BA22" s="88">
        <v>3</v>
      </c>
      <c r="BB22" s="88">
        <v>6</v>
      </c>
      <c r="BC22" s="88">
        <v>5</v>
      </c>
      <c r="BD22" s="89">
        <v>39</v>
      </c>
      <c r="BE22" s="90">
        <v>54</v>
      </c>
      <c r="BF22" s="93">
        <v>11</v>
      </c>
      <c r="BG22" s="88">
        <v>14</v>
      </c>
      <c r="BH22" s="89">
        <v>25</v>
      </c>
      <c r="BI22" s="399">
        <v>0</v>
      </c>
      <c r="BJ22" s="88">
        <v>26</v>
      </c>
      <c r="BK22" s="88">
        <v>13</v>
      </c>
      <c r="BL22" s="88">
        <v>9</v>
      </c>
      <c r="BM22" s="88">
        <v>8</v>
      </c>
      <c r="BN22" s="88">
        <v>10</v>
      </c>
      <c r="BO22" s="89">
        <v>66</v>
      </c>
      <c r="BP22" s="90">
        <v>91</v>
      </c>
      <c r="BQ22" s="87">
        <v>19</v>
      </c>
      <c r="BR22" s="88">
        <v>15</v>
      </c>
      <c r="BS22" s="89">
        <v>34</v>
      </c>
      <c r="BT22" s="399">
        <v>0</v>
      </c>
      <c r="BU22" s="88">
        <v>25</v>
      </c>
      <c r="BV22" s="88">
        <v>23</v>
      </c>
      <c r="BW22" s="88">
        <v>7</v>
      </c>
      <c r="BX22" s="88">
        <v>3</v>
      </c>
      <c r="BY22" s="88">
        <v>5</v>
      </c>
      <c r="BZ22" s="89">
        <v>63</v>
      </c>
      <c r="CA22" s="90">
        <v>97</v>
      </c>
      <c r="CB22" s="87">
        <v>0</v>
      </c>
      <c r="CC22" s="88">
        <v>0</v>
      </c>
      <c r="CD22" s="89">
        <v>0</v>
      </c>
      <c r="CE22" s="399">
        <v>0</v>
      </c>
      <c r="CF22" s="88">
        <v>0</v>
      </c>
      <c r="CG22" s="88">
        <v>0</v>
      </c>
      <c r="CH22" s="88">
        <v>0</v>
      </c>
      <c r="CI22" s="88">
        <v>0</v>
      </c>
      <c r="CJ22" s="88">
        <v>0</v>
      </c>
      <c r="CK22" s="89">
        <v>0</v>
      </c>
      <c r="CL22" s="90">
        <v>0</v>
      </c>
      <c r="CM22" s="87">
        <v>45</v>
      </c>
      <c r="CN22" s="88">
        <v>40</v>
      </c>
      <c r="CO22" s="89">
        <v>85</v>
      </c>
      <c r="CP22" s="399">
        <v>0</v>
      </c>
      <c r="CQ22" s="88">
        <v>75</v>
      </c>
      <c r="CR22" s="88">
        <v>53</v>
      </c>
      <c r="CS22" s="88">
        <v>23</v>
      </c>
      <c r="CT22" s="88">
        <v>17</v>
      </c>
      <c r="CU22" s="88">
        <v>23</v>
      </c>
      <c r="CV22" s="89">
        <v>191</v>
      </c>
      <c r="CW22" s="90">
        <v>276</v>
      </c>
      <c r="CX22" s="91">
        <v>6</v>
      </c>
      <c r="CY22" s="83">
        <v>3</v>
      </c>
      <c r="CZ22" s="84">
        <v>9</v>
      </c>
      <c r="DA22" s="399">
        <v>0</v>
      </c>
      <c r="DB22" s="83">
        <v>13</v>
      </c>
      <c r="DC22" s="83">
        <v>3</v>
      </c>
      <c r="DD22" s="83">
        <v>6</v>
      </c>
      <c r="DE22" s="83">
        <v>6</v>
      </c>
      <c r="DF22" s="83">
        <v>2</v>
      </c>
      <c r="DG22" s="85">
        <v>30</v>
      </c>
      <c r="DH22" s="86">
        <v>39</v>
      </c>
      <c r="DI22" s="93">
        <v>1</v>
      </c>
      <c r="DJ22" s="88">
        <v>0</v>
      </c>
      <c r="DK22" s="89">
        <v>1</v>
      </c>
      <c r="DL22" s="399">
        <v>0</v>
      </c>
      <c r="DM22" s="88">
        <v>0</v>
      </c>
      <c r="DN22" s="88">
        <v>0</v>
      </c>
      <c r="DO22" s="88">
        <v>0</v>
      </c>
      <c r="DP22" s="88">
        <v>0</v>
      </c>
      <c r="DQ22" s="88">
        <v>0</v>
      </c>
      <c r="DR22" s="89">
        <v>0</v>
      </c>
      <c r="DS22" s="90">
        <v>1</v>
      </c>
      <c r="DT22" s="87">
        <v>0</v>
      </c>
      <c r="DU22" s="88">
        <v>1</v>
      </c>
      <c r="DV22" s="89">
        <v>1</v>
      </c>
      <c r="DW22" s="399">
        <v>0</v>
      </c>
      <c r="DX22" s="88">
        <v>1</v>
      </c>
      <c r="DY22" s="88">
        <v>0</v>
      </c>
      <c r="DZ22" s="88">
        <v>1</v>
      </c>
      <c r="EA22" s="88">
        <v>0</v>
      </c>
      <c r="EB22" s="88">
        <v>0</v>
      </c>
      <c r="EC22" s="89">
        <v>2</v>
      </c>
      <c r="ED22" s="90">
        <v>3</v>
      </c>
      <c r="EE22" s="93">
        <v>1</v>
      </c>
      <c r="EF22" s="88">
        <v>0</v>
      </c>
      <c r="EG22" s="89">
        <v>1</v>
      </c>
      <c r="EH22" s="399">
        <v>0</v>
      </c>
      <c r="EI22" s="88">
        <v>0</v>
      </c>
      <c r="EJ22" s="88">
        <v>0</v>
      </c>
      <c r="EK22" s="88">
        <v>1</v>
      </c>
      <c r="EL22" s="88">
        <v>0</v>
      </c>
      <c r="EM22" s="88">
        <v>0</v>
      </c>
      <c r="EN22" s="89">
        <v>1</v>
      </c>
      <c r="EO22" s="90">
        <v>2</v>
      </c>
      <c r="EP22" s="87">
        <v>2</v>
      </c>
      <c r="EQ22" s="88">
        <v>1</v>
      </c>
      <c r="ER22" s="89">
        <v>3</v>
      </c>
      <c r="ES22" s="399">
        <v>0</v>
      </c>
      <c r="ET22" s="88">
        <v>4</v>
      </c>
      <c r="EU22" s="88">
        <v>2</v>
      </c>
      <c r="EV22" s="88">
        <v>1</v>
      </c>
      <c r="EW22" s="88">
        <v>1</v>
      </c>
      <c r="EX22" s="88">
        <v>0</v>
      </c>
      <c r="EY22" s="89">
        <v>8</v>
      </c>
      <c r="EZ22" s="90">
        <v>11</v>
      </c>
      <c r="FA22" s="93">
        <v>2</v>
      </c>
      <c r="FB22" s="88">
        <v>1</v>
      </c>
      <c r="FC22" s="89">
        <v>3</v>
      </c>
      <c r="FD22" s="399">
        <v>0</v>
      </c>
      <c r="FE22" s="88">
        <v>5</v>
      </c>
      <c r="FF22" s="88">
        <v>0</v>
      </c>
      <c r="FG22" s="88">
        <v>1</v>
      </c>
      <c r="FH22" s="88">
        <v>3</v>
      </c>
      <c r="FI22" s="88">
        <v>1</v>
      </c>
      <c r="FJ22" s="89">
        <v>10</v>
      </c>
      <c r="FK22" s="90">
        <v>13</v>
      </c>
      <c r="FL22" s="87">
        <v>0</v>
      </c>
      <c r="FM22" s="88">
        <v>0</v>
      </c>
      <c r="FN22" s="89">
        <v>0</v>
      </c>
      <c r="FO22" s="399">
        <v>0</v>
      </c>
      <c r="FP22" s="88">
        <v>3</v>
      </c>
      <c r="FQ22" s="88">
        <v>1</v>
      </c>
      <c r="FR22" s="88">
        <v>2</v>
      </c>
      <c r="FS22" s="88">
        <v>2</v>
      </c>
      <c r="FT22" s="88">
        <v>1</v>
      </c>
      <c r="FU22" s="89">
        <v>9</v>
      </c>
      <c r="FV22" s="90">
        <v>9</v>
      </c>
      <c r="FW22" s="87">
        <v>0</v>
      </c>
      <c r="FX22" s="88">
        <v>0</v>
      </c>
      <c r="FY22" s="89">
        <v>0</v>
      </c>
      <c r="FZ22" s="399">
        <v>0</v>
      </c>
      <c r="GA22" s="88">
        <v>0</v>
      </c>
      <c r="GB22" s="88">
        <v>0</v>
      </c>
      <c r="GC22" s="88">
        <v>0</v>
      </c>
      <c r="GD22" s="88">
        <v>0</v>
      </c>
      <c r="GE22" s="88">
        <v>0</v>
      </c>
      <c r="GF22" s="89">
        <v>0</v>
      </c>
      <c r="GG22" s="90">
        <v>0</v>
      </c>
      <c r="GH22" s="87">
        <v>6</v>
      </c>
      <c r="GI22" s="88">
        <v>3</v>
      </c>
      <c r="GJ22" s="89">
        <v>9</v>
      </c>
      <c r="GK22" s="399">
        <v>0</v>
      </c>
      <c r="GL22" s="88">
        <v>13</v>
      </c>
      <c r="GM22" s="88">
        <v>3</v>
      </c>
      <c r="GN22" s="88">
        <v>6</v>
      </c>
      <c r="GO22" s="88">
        <v>6</v>
      </c>
      <c r="GP22" s="88">
        <v>2</v>
      </c>
      <c r="GQ22" s="89">
        <v>30</v>
      </c>
      <c r="GR22" s="90">
        <v>39</v>
      </c>
      <c r="GS22" s="91">
        <v>51</v>
      </c>
      <c r="GT22" s="83">
        <v>43</v>
      </c>
      <c r="GU22" s="84">
        <v>94</v>
      </c>
      <c r="GV22" s="399">
        <v>0</v>
      </c>
      <c r="GW22" s="83">
        <v>88</v>
      </c>
      <c r="GX22" s="83">
        <v>56</v>
      </c>
      <c r="GY22" s="83">
        <v>29</v>
      </c>
      <c r="GZ22" s="83">
        <v>23</v>
      </c>
      <c r="HA22" s="83">
        <v>25</v>
      </c>
      <c r="HB22" s="85">
        <v>221</v>
      </c>
      <c r="HC22" s="86">
        <v>315</v>
      </c>
      <c r="HD22" s="93">
        <v>1</v>
      </c>
      <c r="HE22" s="88">
        <v>0</v>
      </c>
      <c r="HF22" s="89">
        <v>1</v>
      </c>
      <c r="HG22" s="399">
        <v>0</v>
      </c>
      <c r="HH22" s="88">
        <v>1</v>
      </c>
      <c r="HI22" s="88">
        <v>1</v>
      </c>
      <c r="HJ22" s="88">
        <v>2</v>
      </c>
      <c r="HK22" s="88">
        <v>0</v>
      </c>
      <c r="HL22" s="88">
        <v>0</v>
      </c>
      <c r="HM22" s="89">
        <v>4</v>
      </c>
      <c r="HN22" s="90">
        <v>5</v>
      </c>
      <c r="HO22" s="87">
        <v>2</v>
      </c>
      <c r="HP22" s="88">
        <v>3</v>
      </c>
      <c r="HQ22" s="89">
        <v>5</v>
      </c>
      <c r="HR22" s="399">
        <v>0</v>
      </c>
      <c r="HS22" s="88">
        <v>2</v>
      </c>
      <c r="HT22" s="88">
        <v>3</v>
      </c>
      <c r="HU22" s="88">
        <v>2</v>
      </c>
      <c r="HV22" s="88">
        <v>0</v>
      </c>
      <c r="HW22" s="88">
        <v>2</v>
      </c>
      <c r="HX22" s="89">
        <v>9</v>
      </c>
      <c r="HY22" s="90">
        <v>14</v>
      </c>
      <c r="HZ22" s="93">
        <v>5</v>
      </c>
      <c r="IA22" s="88">
        <v>3</v>
      </c>
      <c r="IB22" s="89">
        <v>8</v>
      </c>
      <c r="IC22" s="399">
        <v>0</v>
      </c>
      <c r="ID22" s="88">
        <v>5</v>
      </c>
      <c r="IE22" s="88">
        <v>5</v>
      </c>
      <c r="IF22" s="88">
        <v>2</v>
      </c>
      <c r="IG22" s="88">
        <v>0</v>
      </c>
      <c r="IH22" s="88">
        <v>1</v>
      </c>
      <c r="II22" s="89">
        <v>13</v>
      </c>
      <c r="IJ22" s="90">
        <v>21</v>
      </c>
      <c r="IK22" s="87">
        <v>11</v>
      </c>
      <c r="IL22" s="88">
        <v>7</v>
      </c>
      <c r="IM22" s="89">
        <v>18</v>
      </c>
      <c r="IN22" s="399">
        <v>0</v>
      </c>
      <c r="IO22" s="88">
        <v>21</v>
      </c>
      <c r="IP22" s="88">
        <v>10</v>
      </c>
      <c r="IQ22" s="88">
        <v>4</v>
      </c>
      <c r="IR22" s="88">
        <v>7</v>
      </c>
      <c r="IS22" s="88">
        <v>5</v>
      </c>
      <c r="IT22" s="89">
        <v>47</v>
      </c>
      <c r="IU22" s="90">
        <v>65</v>
      </c>
      <c r="IV22" s="93">
        <v>13</v>
      </c>
      <c r="IW22" s="88">
        <v>15</v>
      </c>
      <c r="IX22" s="89">
        <v>28</v>
      </c>
      <c r="IY22" s="399">
        <v>0</v>
      </c>
      <c r="IZ22" s="88">
        <v>31</v>
      </c>
      <c r="JA22" s="88">
        <v>13</v>
      </c>
      <c r="JB22" s="88">
        <v>10</v>
      </c>
      <c r="JC22" s="88">
        <v>11</v>
      </c>
      <c r="JD22" s="88">
        <v>11</v>
      </c>
      <c r="JE22" s="89">
        <v>76</v>
      </c>
      <c r="JF22" s="90">
        <v>104</v>
      </c>
      <c r="JG22" s="87">
        <v>19</v>
      </c>
      <c r="JH22" s="88">
        <v>15</v>
      </c>
      <c r="JI22" s="89">
        <v>34</v>
      </c>
      <c r="JJ22" s="399">
        <v>0</v>
      </c>
      <c r="JK22" s="88">
        <v>28</v>
      </c>
      <c r="JL22" s="88">
        <v>24</v>
      </c>
      <c r="JM22" s="88">
        <v>9</v>
      </c>
      <c r="JN22" s="88">
        <v>5</v>
      </c>
      <c r="JO22" s="88">
        <v>6</v>
      </c>
      <c r="JP22" s="89">
        <v>72</v>
      </c>
      <c r="JQ22" s="90">
        <v>106</v>
      </c>
      <c r="JR22" s="87">
        <v>0</v>
      </c>
      <c r="JS22" s="88">
        <v>0</v>
      </c>
      <c r="JT22" s="89">
        <v>0</v>
      </c>
      <c r="JU22" s="399">
        <v>0</v>
      </c>
      <c r="JV22" s="88">
        <v>0</v>
      </c>
      <c r="JW22" s="88">
        <v>0</v>
      </c>
      <c r="JX22" s="88">
        <v>0</v>
      </c>
      <c r="JY22" s="88">
        <v>0</v>
      </c>
      <c r="JZ22" s="88">
        <v>0</v>
      </c>
      <c r="KA22" s="89">
        <v>0</v>
      </c>
      <c r="KB22" s="90">
        <v>0</v>
      </c>
      <c r="KC22" s="87">
        <v>51</v>
      </c>
      <c r="KD22" s="88">
        <v>43</v>
      </c>
      <c r="KE22" s="89">
        <v>94</v>
      </c>
      <c r="KF22" s="399">
        <v>0</v>
      </c>
      <c r="KG22" s="88">
        <v>88</v>
      </c>
      <c r="KH22" s="88">
        <v>56</v>
      </c>
      <c r="KI22" s="88">
        <v>29</v>
      </c>
      <c r="KJ22" s="88">
        <v>23</v>
      </c>
      <c r="KK22" s="88">
        <v>25</v>
      </c>
      <c r="KL22" s="89">
        <v>221</v>
      </c>
      <c r="KM22" s="90">
        <v>315</v>
      </c>
    </row>
    <row r="23" spans="2:299" s="56" customFormat="1" ht="21" customHeight="1" x14ac:dyDescent="0.2">
      <c r="B23" s="92" t="s">
        <v>20</v>
      </c>
      <c r="C23" s="82">
        <v>70</v>
      </c>
      <c r="D23" s="83">
        <v>68</v>
      </c>
      <c r="E23" s="84">
        <v>138</v>
      </c>
      <c r="F23" s="399">
        <v>0</v>
      </c>
      <c r="G23" s="83">
        <v>133</v>
      </c>
      <c r="H23" s="83">
        <v>87</v>
      </c>
      <c r="I23" s="83">
        <v>52</v>
      </c>
      <c r="J23" s="83">
        <v>37</v>
      </c>
      <c r="K23" s="83">
        <v>18</v>
      </c>
      <c r="L23" s="85">
        <v>327</v>
      </c>
      <c r="M23" s="86">
        <v>465</v>
      </c>
      <c r="N23" s="87">
        <v>1</v>
      </c>
      <c r="O23" s="88">
        <v>1</v>
      </c>
      <c r="P23" s="89">
        <v>2</v>
      </c>
      <c r="Q23" s="399">
        <v>0</v>
      </c>
      <c r="R23" s="88">
        <v>4</v>
      </c>
      <c r="S23" s="88">
        <v>1</v>
      </c>
      <c r="T23" s="88">
        <v>4</v>
      </c>
      <c r="U23" s="88">
        <v>0</v>
      </c>
      <c r="V23" s="88">
        <v>0</v>
      </c>
      <c r="W23" s="89">
        <v>9</v>
      </c>
      <c r="X23" s="90">
        <v>11</v>
      </c>
      <c r="Y23" s="87">
        <v>3</v>
      </c>
      <c r="Z23" s="88">
        <v>3</v>
      </c>
      <c r="AA23" s="89">
        <v>6</v>
      </c>
      <c r="AB23" s="399">
        <v>0</v>
      </c>
      <c r="AC23" s="88">
        <v>5</v>
      </c>
      <c r="AD23" s="88">
        <v>1</v>
      </c>
      <c r="AE23" s="88">
        <v>0</v>
      </c>
      <c r="AF23" s="88">
        <v>6</v>
      </c>
      <c r="AG23" s="88">
        <v>1</v>
      </c>
      <c r="AH23" s="89">
        <v>13</v>
      </c>
      <c r="AI23" s="90">
        <v>19</v>
      </c>
      <c r="AJ23" s="87">
        <v>9</v>
      </c>
      <c r="AK23" s="88">
        <v>4</v>
      </c>
      <c r="AL23" s="89">
        <v>13</v>
      </c>
      <c r="AM23" s="399">
        <v>0</v>
      </c>
      <c r="AN23" s="88">
        <v>10</v>
      </c>
      <c r="AO23" s="88">
        <v>5</v>
      </c>
      <c r="AP23" s="88">
        <v>5</v>
      </c>
      <c r="AQ23" s="88">
        <v>4</v>
      </c>
      <c r="AR23" s="88">
        <v>1</v>
      </c>
      <c r="AS23" s="89">
        <v>25</v>
      </c>
      <c r="AT23" s="90">
        <v>38</v>
      </c>
      <c r="AU23" s="87">
        <v>13</v>
      </c>
      <c r="AV23" s="88">
        <v>17</v>
      </c>
      <c r="AW23" s="89">
        <v>30</v>
      </c>
      <c r="AX23" s="399">
        <v>0</v>
      </c>
      <c r="AY23" s="88">
        <v>37</v>
      </c>
      <c r="AZ23" s="88">
        <v>17</v>
      </c>
      <c r="BA23" s="88">
        <v>12</v>
      </c>
      <c r="BB23" s="88">
        <v>6</v>
      </c>
      <c r="BC23" s="88">
        <v>7</v>
      </c>
      <c r="BD23" s="89">
        <v>79</v>
      </c>
      <c r="BE23" s="90">
        <v>109</v>
      </c>
      <c r="BF23" s="87">
        <v>21</v>
      </c>
      <c r="BG23" s="88">
        <v>24</v>
      </c>
      <c r="BH23" s="89">
        <v>45</v>
      </c>
      <c r="BI23" s="399">
        <v>0</v>
      </c>
      <c r="BJ23" s="88">
        <v>47</v>
      </c>
      <c r="BK23" s="88">
        <v>30</v>
      </c>
      <c r="BL23" s="88">
        <v>17</v>
      </c>
      <c r="BM23" s="88">
        <v>11</v>
      </c>
      <c r="BN23" s="88">
        <v>3</v>
      </c>
      <c r="BO23" s="89">
        <v>108</v>
      </c>
      <c r="BP23" s="90">
        <v>153</v>
      </c>
      <c r="BQ23" s="87">
        <v>23</v>
      </c>
      <c r="BR23" s="88">
        <v>19</v>
      </c>
      <c r="BS23" s="89">
        <v>42</v>
      </c>
      <c r="BT23" s="399">
        <v>0</v>
      </c>
      <c r="BU23" s="88">
        <v>30</v>
      </c>
      <c r="BV23" s="88">
        <v>33</v>
      </c>
      <c r="BW23" s="88">
        <v>14</v>
      </c>
      <c r="BX23" s="88">
        <v>10</v>
      </c>
      <c r="BY23" s="88">
        <v>6</v>
      </c>
      <c r="BZ23" s="89">
        <v>93</v>
      </c>
      <c r="CA23" s="90">
        <v>135</v>
      </c>
      <c r="CB23" s="87">
        <v>0</v>
      </c>
      <c r="CC23" s="88">
        <v>0</v>
      </c>
      <c r="CD23" s="89">
        <v>0</v>
      </c>
      <c r="CE23" s="399">
        <v>0</v>
      </c>
      <c r="CF23" s="88">
        <v>0</v>
      </c>
      <c r="CG23" s="88">
        <v>0</v>
      </c>
      <c r="CH23" s="88">
        <v>0</v>
      </c>
      <c r="CI23" s="88">
        <v>0</v>
      </c>
      <c r="CJ23" s="88">
        <v>0</v>
      </c>
      <c r="CK23" s="89">
        <v>0</v>
      </c>
      <c r="CL23" s="90">
        <v>0</v>
      </c>
      <c r="CM23" s="87">
        <v>70</v>
      </c>
      <c r="CN23" s="88">
        <v>68</v>
      </c>
      <c r="CO23" s="89">
        <v>138</v>
      </c>
      <c r="CP23" s="399">
        <v>0</v>
      </c>
      <c r="CQ23" s="88">
        <v>133</v>
      </c>
      <c r="CR23" s="88">
        <v>87</v>
      </c>
      <c r="CS23" s="88">
        <v>52</v>
      </c>
      <c r="CT23" s="88">
        <v>37</v>
      </c>
      <c r="CU23" s="88">
        <v>18</v>
      </c>
      <c r="CV23" s="89">
        <v>327</v>
      </c>
      <c r="CW23" s="90">
        <v>465</v>
      </c>
      <c r="CX23" s="91">
        <v>9</v>
      </c>
      <c r="CY23" s="83">
        <v>7</v>
      </c>
      <c r="CZ23" s="84">
        <v>16</v>
      </c>
      <c r="DA23" s="399">
        <v>0</v>
      </c>
      <c r="DB23" s="83">
        <v>15</v>
      </c>
      <c r="DC23" s="83">
        <v>1</v>
      </c>
      <c r="DD23" s="83">
        <v>7</v>
      </c>
      <c r="DE23" s="83">
        <v>6</v>
      </c>
      <c r="DF23" s="83">
        <v>5</v>
      </c>
      <c r="DG23" s="85">
        <v>34</v>
      </c>
      <c r="DH23" s="86">
        <v>50</v>
      </c>
      <c r="DI23" s="87">
        <v>1</v>
      </c>
      <c r="DJ23" s="88">
        <v>0</v>
      </c>
      <c r="DK23" s="89">
        <v>1</v>
      </c>
      <c r="DL23" s="399">
        <v>0</v>
      </c>
      <c r="DM23" s="88">
        <v>0</v>
      </c>
      <c r="DN23" s="88">
        <v>0</v>
      </c>
      <c r="DO23" s="88">
        <v>0</v>
      </c>
      <c r="DP23" s="88">
        <v>0</v>
      </c>
      <c r="DQ23" s="88">
        <v>0</v>
      </c>
      <c r="DR23" s="89">
        <v>0</v>
      </c>
      <c r="DS23" s="90">
        <v>1</v>
      </c>
      <c r="DT23" s="87">
        <v>1</v>
      </c>
      <c r="DU23" s="88">
        <v>0</v>
      </c>
      <c r="DV23" s="89">
        <v>1</v>
      </c>
      <c r="DW23" s="399">
        <v>0</v>
      </c>
      <c r="DX23" s="88">
        <v>0</v>
      </c>
      <c r="DY23" s="88">
        <v>0</v>
      </c>
      <c r="DZ23" s="88">
        <v>0</v>
      </c>
      <c r="EA23" s="88">
        <v>0</v>
      </c>
      <c r="EB23" s="88">
        <v>0</v>
      </c>
      <c r="EC23" s="89">
        <v>0</v>
      </c>
      <c r="ED23" s="90">
        <v>1</v>
      </c>
      <c r="EE23" s="87">
        <v>3</v>
      </c>
      <c r="EF23" s="88">
        <v>0</v>
      </c>
      <c r="EG23" s="89">
        <v>3</v>
      </c>
      <c r="EH23" s="399">
        <v>0</v>
      </c>
      <c r="EI23" s="88">
        <v>3</v>
      </c>
      <c r="EJ23" s="88">
        <v>1</v>
      </c>
      <c r="EK23" s="88">
        <v>3</v>
      </c>
      <c r="EL23" s="88">
        <v>0</v>
      </c>
      <c r="EM23" s="88">
        <v>0</v>
      </c>
      <c r="EN23" s="89">
        <v>7</v>
      </c>
      <c r="EO23" s="90">
        <v>10</v>
      </c>
      <c r="EP23" s="87">
        <v>2</v>
      </c>
      <c r="EQ23" s="88">
        <v>3</v>
      </c>
      <c r="ER23" s="89">
        <v>5</v>
      </c>
      <c r="ES23" s="399">
        <v>0</v>
      </c>
      <c r="ET23" s="88">
        <v>2</v>
      </c>
      <c r="EU23" s="88">
        <v>0</v>
      </c>
      <c r="EV23" s="88">
        <v>2</v>
      </c>
      <c r="EW23" s="88">
        <v>2</v>
      </c>
      <c r="EX23" s="88">
        <v>0</v>
      </c>
      <c r="EY23" s="89">
        <v>6</v>
      </c>
      <c r="EZ23" s="90">
        <v>11</v>
      </c>
      <c r="FA23" s="87">
        <v>2</v>
      </c>
      <c r="FB23" s="88">
        <v>2</v>
      </c>
      <c r="FC23" s="89">
        <v>4</v>
      </c>
      <c r="FD23" s="399">
        <v>0</v>
      </c>
      <c r="FE23" s="88">
        <v>3</v>
      </c>
      <c r="FF23" s="88">
        <v>0</v>
      </c>
      <c r="FG23" s="88">
        <v>0</v>
      </c>
      <c r="FH23" s="88">
        <v>2</v>
      </c>
      <c r="FI23" s="88">
        <v>2</v>
      </c>
      <c r="FJ23" s="89">
        <v>7</v>
      </c>
      <c r="FK23" s="90">
        <v>11</v>
      </c>
      <c r="FL23" s="87">
        <v>0</v>
      </c>
      <c r="FM23" s="88">
        <v>2</v>
      </c>
      <c r="FN23" s="89">
        <v>2</v>
      </c>
      <c r="FO23" s="399">
        <v>0</v>
      </c>
      <c r="FP23" s="88">
        <v>7</v>
      </c>
      <c r="FQ23" s="88">
        <v>0</v>
      </c>
      <c r="FR23" s="88">
        <v>2</v>
      </c>
      <c r="FS23" s="88">
        <v>2</v>
      </c>
      <c r="FT23" s="88">
        <v>3</v>
      </c>
      <c r="FU23" s="89">
        <v>14</v>
      </c>
      <c r="FV23" s="90">
        <v>16</v>
      </c>
      <c r="FW23" s="87">
        <v>0</v>
      </c>
      <c r="FX23" s="88">
        <v>0</v>
      </c>
      <c r="FY23" s="89">
        <v>0</v>
      </c>
      <c r="FZ23" s="399">
        <v>0</v>
      </c>
      <c r="GA23" s="88">
        <v>0</v>
      </c>
      <c r="GB23" s="88">
        <v>0</v>
      </c>
      <c r="GC23" s="88">
        <v>0</v>
      </c>
      <c r="GD23" s="88">
        <v>0</v>
      </c>
      <c r="GE23" s="88">
        <v>0</v>
      </c>
      <c r="GF23" s="89">
        <v>0</v>
      </c>
      <c r="GG23" s="90">
        <v>0</v>
      </c>
      <c r="GH23" s="87">
        <v>9</v>
      </c>
      <c r="GI23" s="88">
        <v>7</v>
      </c>
      <c r="GJ23" s="89">
        <v>16</v>
      </c>
      <c r="GK23" s="399">
        <v>0</v>
      </c>
      <c r="GL23" s="88">
        <v>15</v>
      </c>
      <c r="GM23" s="88">
        <v>1</v>
      </c>
      <c r="GN23" s="88">
        <v>7</v>
      </c>
      <c r="GO23" s="88">
        <v>6</v>
      </c>
      <c r="GP23" s="88">
        <v>5</v>
      </c>
      <c r="GQ23" s="89">
        <v>34</v>
      </c>
      <c r="GR23" s="90">
        <v>50</v>
      </c>
      <c r="GS23" s="91">
        <v>79</v>
      </c>
      <c r="GT23" s="83">
        <v>75</v>
      </c>
      <c r="GU23" s="84">
        <v>154</v>
      </c>
      <c r="GV23" s="399">
        <v>0</v>
      </c>
      <c r="GW23" s="83">
        <v>148</v>
      </c>
      <c r="GX23" s="83">
        <v>88</v>
      </c>
      <c r="GY23" s="83">
        <v>59</v>
      </c>
      <c r="GZ23" s="83">
        <v>43</v>
      </c>
      <c r="HA23" s="83">
        <v>23</v>
      </c>
      <c r="HB23" s="85">
        <v>361</v>
      </c>
      <c r="HC23" s="86">
        <v>515</v>
      </c>
      <c r="HD23" s="87">
        <v>2</v>
      </c>
      <c r="HE23" s="88">
        <v>1</v>
      </c>
      <c r="HF23" s="89">
        <v>3</v>
      </c>
      <c r="HG23" s="399">
        <v>0</v>
      </c>
      <c r="HH23" s="88">
        <v>4</v>
      </c>
      <c r="HI23" s="88">
        <v>1</v>
      </c>
      <c r="HJ23" s="88">
        <v>4</v>
      </c>
      <c r="HK23" s="88">
        <v>0</v>
      </c>
      <c r="HL23" s="88">
        <v>0</v>
      </c>
      <c r="HM23" s="89">
        <v>9</v>
      </c>
      <c r="HN23" s="90">
        <v>12</v>
      </c>
      <c r="HO23" s="87">
        <v>4</v>
      </c>
      <c r="HP23" s="88">
        <v>3</v>
      </c>
      <c r="HQ23" s="89">
        <v>7</v>
      </c>
      <c r="HR23" s="399">
        <v>0</v>
      </c>
      <c r="HS23" s="88">
        <v>5</v>
      </c>
      <c r="HT23" s="88">
        <v>1</v>
      </c>
      <c r="HU23" s="88">
        <v>0</v>
      </c>
      <c r="HV23" s="88">
        <v>6</v>
      </c>
      <c r="HW23" s="88">
        <v>1</v>
      </c>
      <c r="HX23" s="89">
        <v>13</v>
      </c>
      <c r="HY23" s="90">
        <v>20</v>
      </c>
      <c r="HZ23" s="87">
        <v>12</v>
      </c>
      <c r="IA23" s="88">
        <v>4</v>
      </c>
      <c r="IB23" s="89">
        <v>16</v>
      </c>
      <c r="IC23" s="399">
        <v>0</v>
      </c>
      <c r="ID23" s="88">
        <v>13</v>
      </c>
      <c r="IE23" s="88">
        <v>6</v>
      </c>
      <c r="IF23" s="88">
        <v>8</v>
      </c>
      <c r="IG23" s="88">
        <v>4</v>
      </c>
      <c r="IH23" s="88">
        <v>1</v>
      </c>
      <c r="II23" s="89">
        <v>32</v>
      </c>
      <c r="IJ23" s="90">
        <v>48</v>
      </c>
      <c r="IK23" s="87">
        <v>15</v>
      </c>
      <c r="IL23" s="88">
        <v>20</v>
      </c>
      <c r="IM23" s="89">
        <v>35</v>
      </c>
      <c r="IN23" s="399">
        <v>0</v>
      </c>
      <c r="IO23" s="88">
        <v>39</v>
      </c>
      <c r="IP23" s="88">
        <v>17</v>
      </c>
      <c r="IQ23" s="88">
        <v>14</v>
      </c>
      <c r="IR23" s="88">
        <v>8</v>
      </c>
      <c r="IS23" s="88">
        <v>7</v>
      </c>
      <c r="IT23" s="89">
        <v>85</v>
      </c>
      <c r="IU23" s="90">
        <v>120</v>
      </c>
      <c r="IV23" s="87">
        <v>23</v>
      </c>
      <c r="IW23" s="88">
        <v>26</v>
      </c>
      <c r="IX23" s="89">
        <v>49</v>
      </c>
      <c r="IY23" s="399">
        <v>0</v>
      </c>
      <c r="IZ23" s="88">
        <v>50</v>
      </c>
      <c r="JA23" s="88">
        <v>30</v>
      </c>
      <c r="JB23" s="88">
        <v>17</v>
      </c>
      <c r="JC23" s="88">
        <v>13</v>
      </c>
      <c r="JD23" s="88">
        <v>5</v>
      </c>
      <c r="JE23" s="89">
        <v>115</v>
      </c>
      <c r="JF23" s="90">
        <v>164</v>
      </c>
      <c r="JG23" s="87">
        <v>23</v>
      </c>
      <c r="JH23" s="88">
        <v>21</v>
      </c>
      <c r="JI23" s="89">
        <v>44</v>
      </c>
      <c r="JJ23" s="399">
        <v>0</v>
      </c>
      <c r="JK23" s="88">
        <v>37</v>
      </c>
      <c r="JL23" s="88">
        <v>33</v>
      </c>
      <c r="JM23" s="88">
        <v>16</v>
      </c>
      <c r="JN23" s="88">
        <v>12</v>
      </c>
      <c r="JO23" s="88">
        <v>9</v>
      </c>
      <c r="JP23" s="89">
        <v>107</v>
      </c>
      <c r="JQ23" s="90">
        <v>151</v>
      </c>
      <c r="JR23" s="87">
        <v>0</v>
      </c>
      <c r="JS23" s="88">
        <v>0</v>
      </c>
      <c r="JT23" s="89">
        <v>0</v>
      </c>
      <c r="JU23" s="399">
        <v>0</v>
      </c>
      <c r="JV23" s="88">
        <v>0</v>
      </c>
      <c r="JW23" s="88">
        <v>0</v>
      </c>
      <c r="JX23" s="88">
        <v>0</v>
      </c>
      <c r="JY23" s="88">
        <v>0</v>
      </c>
      <c r="JZ23" s="88">
        <v>0</v>
      </c>
      <c r="KA23" s="89">
        <v>0</v>
      </c>
      <c r="KB23" s="90">
        <v>0</v>
      </c>
      <c r="KC23" s="87">
        <v>79</v>
      </c>
      <c r="KD23" s="88">
        <v>75</v>
      </c>
      <c r="KE23" s="89">
        <v>154</v>
      </c>
      <c r="KF23" s="399">
        <v>0</v>
      </c>
      <c r="KG23" s="88">
        <v>148</v>
      </c>
      <c r="KH23" s="88">
        <v>88</v>
      </c>
      <c r="KI23" s="88">
        <v>59</v>
      </c>
      <c r="KJ23" s="88">
        <v>43</v>
      </c>
      <c r="KK23" s="88">
        <v>23</v>
      </c>
      <c r="KL23" s="89">
        <v>361</v>
      </c>
      <c r="KM23" s="90">
        <v>515</v>
      </c>
    </row>
    <row r="24" spans="2:299" s="56" customFormat="1" ht="21" customHeight="1" x14ac:dyDescent="0.2">
      <c r="B24" s="92" t="s">
        <v>21</v>
      </c>
      <c r="C24" s="82">
        <v>66</v>
      </c>
      <c r="D24" s="83">
        <v>45</v>
      </c>
      <c r="E24" s="84">
        <v>111</v>
      </c>
      <c r="F24" s="399">
        <v>0</v>
      </c>
      <c r="G24" s="83">
        <v>67</v>
      </c>
      <c r="H24" s="83">
        <v>68</v>
      </c>
      <c r="I24" s="83">
        <v>43</v>
      </c>
      <c r="J24" s="83">
        <v>23</v>
      </c>
      <c r="K24" s="83">
        <v>10</v>
      </c>
      <c r="L24" s="85">
        <v>211</v>
      </c>
      <c r="M24" s="86">
        <v>322</v>
      </c>
      <c r="N24" s="87">
        <v>2</v>
      </c>
      <c r="O24" s="88">
        <v>0</v>
      </c>
      <c r="P24" s="89">
        <v>2</v>
      </c>
      <c r="Q24" s="399">
        <v>0</v>
      </c>
      <c r="R24" s="88">
        <v>0</v>
      </c>
      <c r="S24" s="88">
        <v>4</v>
      </c>
      <c r="T24" s="88">
        <v>2</v>
      </c>
      <c r="U24" s="88">
        <v>0</v>
      </c>
      <c r="V24" s="88">
        <v>1</v>
      </c>
      <c r="W24" s="89">
        <v>7</v>
      </c>
      <c r="X24" s="90">
        <v>9</v>
      </c>
      <c r="Y24" s="87">
        <v>5</v>
      </c>
      <c r="Z24" s="88">
        <v>2</v>
      </c>
      <c r="AA24" s="89">
        <v>7</v>
      </c>
      <c r="AB24" s="399">
        <v>0</v>
      </c>
      <c r="AC24" s="88">
        <v>1</v>
      </c>
      <c r="AD24" s="88">
        <v>1</v>
      </c>
      <c r="AE24" s="88">
        <v>1</v>
      </c>
      <c r="AF24" s="88">
        <v>0</v>
      </c>
      <c r="AG24" s="88">
        <v>0</v>
      </c>
      <c r="AH24" s="89">
        <v>3</v>
      </c>
      <c r="AI24" s="90">
        <v>10</v>
      </c>
      <c r="AJ24" s="87">
        <v>9</v>
      </c>
      <c r="AK24" s="88">
        <v>5</v>
      </c>
      <c r="AL24" s="89">
        <v>14</v>
      </c>
      <c r="AM24" s="399">
        <v>0</v>
      </c>
      <c r="AN24" s="88">
        <v>6</v>
      </c>
      <c r="AO24" s="88">
        <v>10</v>
      </c>
      <c r="AP24" s="88">
        <v>4</v>
      </c>
      <c r="AQ24" s="88">
        <v>2</v>
      </c>
      <c r="AR24" s="88">
        <v>0</v>
      </c>
      <c r="AS24" s="89">
        <v>22</v>
      </c>
      <c r="AT24" s="90">
        <v>36</v>
      </c>
      <c r="AU24" s="87">
        <v>12</v>
      </c>
      <c r="AV24" s="88">
        <v>11</v>
      </c>
      <c r="AW24" s="89">
        <v>23</v>
      </c>
      <c r="AX24" s="399">
        <v>0</v>
      </c>
      <c r="AY24" s="88">
        <v>14</v>
      </c>
      <c r="AZ24" s="88">
        <v>15</v>
      </c>
      <c r="BA24" s="88">
        <v>12</v>
      </c>
      <c r="BB24" s="88">
        <v>5</v>
      </c>
      <c r="BC24" s="88">
        <v>2</v>
      </c>
      <c r="BD24" s="89">
        <v>48</v>
      </c>
      <c r="BE24" s="90">
        <v>71</v>
      </c>
      <c r="BF24" s="87">
        <v>20</v>
      </c>
      <c r="BG24" s="88">
        <v>13</v>
      </c>
      <c r="BH24" s="89">
        <v>33</v>
      </c>
      <c r="BI24" s="399">
        <v>0</v>
      </c>
      <c r="BJ24" s="88">
        <v>24</v>
      </c>
      <c r="BK24" s="88">
        <v>19</v>
      </c>
      <c r="BL24" s="88">
        <v>12</v>
      </c>
      <c r="BM24" s="88">
        <v>7</v>
      </c>
      <c r="BN24" s="88">
        <v>1</v>
      </c>
      <c r="BO24" s="89">
        <v>63</v>
      </c>
      <c r="BP24" s="90">
        <v>96</v>
      </c>
      <c r="BQ24" s="87">
        <v>18</v>
      </c>
      <c r="BR24" s="88">
        <v>14</v>
      </c>
      <c r="BS24" s="89">
        <v>32</v>
      </c>
      <c r="BT24" s="399">
        <v>0</v>
      </c>
      <c r="BU24" s="88">
        <v>22</v>
      </c>
      <c r="BV24" s="88">
        <v>19</v>
      </c>
      <c r="BW24" s="88">
        <v>12</v>
      </c>
      <c r="BX24" s="88">
        <v>9</v>
      </c>
      <c r="BY24" s="88">
        <v>6</v>
      </c>
      <c r="BZ24" s="89">
        <v>68</v>
      </c>
      <c r="CA24" s="90">
        <v>100</v>
      </c>
      <c r="CB24" s="87">
        <v>0</v>
      </c>
      <c r="CC24" s="88">
        <v>0</v>
      </c>
      <c r="CD24" s="89">
        <v>0</v>
      </c>
      <c r="CE24" s="399">
        <v>0</v>
      </c>
      <c r="CF24" s="88">
        <v>0</v>
      </c>
      <c r="CG24" s="88">
        <v>0</v>
      </c>
      <c r="CH24" s="88">
        <v>0</v>
      </c>
      <c r="CI24" s="88">
        <v>0</v>
      </c>
      <c r="CJ24" s="88">
        <v>0</v>
      </c>
      <c r="CK24" s="89">
        <v>0</v>
      </c>
      <c r="CL24" s="90">
        <v>0</v>
      </c>
      <c r="CM24" s="87">
        <v>66</v>
      </c>
      <c r="CN24" s="88">
        <v>45</v>
      </c>
      <c r="CO24" s="89">
        <v>111</v>
      </c>
      <c r="CP24" s="399">
        <v>0</v>
      </c>
      <c r="CQ24" s="88">
        <v>67</v>
      </c>
      <c r="CR24" s="88">
        <v>68</v>
      </c>
      <c r="CS24" s="88">
        <v>43</v>
      </c>
      <c r="CT24" s="88">
        <v>23</v>
      </c>
      <c r="CU24" s="88">
        <v>10</v>
      </c>
      <c r="CV24" s="89">
        <v>211</v>
      </c>
      <c r="CW24" s="90">
        <v>322</v>
      </c>
      <c r="CX24" s="91">
        <v>6</v>
      </c>
      <c r="CY24" s="83">
        <v>5</v>
      </c>
      <c r="CZ24" s="84">
        <v>11</v>
      </c>
      <c r="DA24" s="399">
        <v>0</v>
      </c>
      <c r="DB24" s="83">
        <v>11</v>
      </c>
      <c r="DC24" s="83">
        <v>11</v>
      </c>
      <c r="DD24" s="83">
        <v>3</v>
      </c>
      <c r="DE24" s="83">
        <v>6</v>
      </c>
      <c r="DF24" s="83">
        <v>4</v>
      </c>
      <c r="DG24" s="85">
        <v>35</v>
      </c>
      <c r="DH24" s="86">
        <v>46</v>
      </c>
      <c r="DI24" s="87">
        <v>0</v>
      </c>
      <c r="DJ24" s="88">
        <v>0</v>
      </c>
      <c r="DK24" s="89">
        <v>0</v>
      </c>
      <c r="DL24" s="399">
        <v>0</v>
      </c>
      <c r="DM24" s="88">
        <v>0</v>
      </c>
      <c r="DN24" s="88">
        <v>0</v>
      </c>
      <c r="DO24" s="88">
        <v>0</v>
      </c>
      <c r="DP24" s="88">
        <v>0</v>
      </c>
      <c r="DQ24" s="88">
        <v>0</v>
      </c>
      <c r="DR24" s="89">
        <v>0</v>
      </c>
      <c r="DS24" s="90">
        <v>0</v>
      </c>
      <c r="DT24" s="87">
        <v>1</v>
      </c>
      <c r="DU24" s="88">
        <v>1</v>
      </c>
      <c r="DV24" s="89">
        <v>2</v>
      </c>
      <c r="DW24" s="399">
        <v>0</v>
      </c>
      <c r="DX24" s="88">
        <v>1</v>
      </c>
      <c r="DY24" s="88">
        <v>1</v>
      </c>
      <c r="DZ24" s="88">
        <v>0</v>
      </c>
      <c r="EA24" s="88">
        <v>0</v>
      </c>
      <c r="EB24" s="88">
        <v>0</v>
      </c>
      <c r="EC24" s="89">
        <v>2</v>
      </c>
      <c r="ED24" s="90">
        <v>4</v>
      </c>
      <c r="EE24" s="87">
        <v>0</v>
      </c>
      <c r="EF24" s="88">
        <v>0</v>
      </c>
      <c r="EG24" s="89">
        <v>0</v>
      </c>
      <c r="EH24" s="399">
        <v>0</v>
      </c>
      <c r="EI24" s="88">
        <v>0</v>
      </c>
      <c r="EJ24" s="88">
        <v>1</v>
      </c>
      <c r="EK24" s="88">
        <v>0</v>
      </c>
      <c r="EL24" s="88">
        <v>0</v>
      </c>
      <c r="EM24" s="88">
        <v>0</v>
      </c>
      <c r="EN24" s="89">
        <v>1</v>
      </c>
      <c r="EO24" s="90">
        <v>1</v>
      </c>
      <c r="EP24" s="87">
        <v>1</v>
      </c>
      <c r="EQ24" s="88">
        <v>2</v>
      </c>
      <c r="ER24" s="89">
        <v>3</v>
      </c>
      <c r="ES24" s="399">
        <v>0</v>
      </c>
      <c r="ET24" s="88">
        <v>1</v>
      </c>
      <c r="EU24" s="88">
        <v>1</v>
      </c>
      <c r="EV24" s="88">
        <v>1</v>
      </c>
      <c r="EW24" s="88">
        <v>0</v>
      </c>
      <c r="EX24" s="88">
        <v>1</v>
      </c>
      <c r="EY24" s="89">
        <v>4</v>
      </c>
      <c r="EZ24" s="90">
        <v>7</v>
      </c>
      <c r="FA24" s="87">
        <v>2</v>
      </c>
      <c r="FB24" s="88">
        <v>1</v>
      </c>
      <c r="FC24" s="89">
        <v>3</v>
      </c>
      <c r="FD24" s="399">
        <v>0</v>
      </c>
      <c r="FE24" s="88">
        <v>7</v>
      </c>
      <c r="FF24" s="88">
        <v>3</v>
      </c>
      <c r="FG24" s="88">
        <v>1</v>
      </c>
      <c r="FH24" s="88">
        <v>2</v>
      </c>
      <c r="FI24" s="88">
        <v>2</v>
      </c>
      <c r="FJ24" s="89">
        <v>15</v>
      </c>
      <c r="FK24" s="90">
        <v>18</v>
      </c>
      <c r="FL24" s="87">
        <v>2</v>
      </c>
      <c r="FM24" s="88">
        <v>1</v>
      </c>
      <c r="FN24" s="89">
        <v>3</v>
      </c>
      <c r="FO24" s="399">
        <v>0</v>
      </c>
      <c r="FP24" s="88">
        <v>2</v>
      </c>
      <c r="FQ24" s="88">
        <v>5</v>
      </c>
      <c r="FR24" s="88">
        <v>1</v>
      </c>
      <c r="FS24" s="88">
        <v>4</v>
      </c>
      <c r="FT24" s="88">
        <v>1</v>
      </c>
      <c r="FU24" s="89">
        <v>13</v>
      </c>
      <c r="FV24" s="90">
        <v>16</v>
      </c>
      <c r="FW24" s="87">
        <v>0</v>
      </c>
      <c r="FX24" s="88">
        <v>0</v>
      </c>
      <c r="FY24" s="89">
        <v>0</v>
      </c>
      <c r="FZ24" s="399">
        <v>0</v>
      </c>
      <c r="GA24" s="88">
        <v>0</v>
      </c>
      <c r="GB24" s="88">
        <v>0</v>
      </c>
      <c r="GC24" s="88">
        <v>0</v>
      </c>
      <c r="GD24" s="88">
        <v>0</v>
      </c>
      <c r="GE24" s="88">
        <v>0</v>
      </c>
      <c r="GF24" s="89">
        <v>0</v>
      </c>
      <c r="GG24" s="90">
        <v>0</v>
      </c>
      <c r="GH24" s="87">
        <v>6</v>
      </c>
      <c r="GI24" s="88">
        <v>5</v>
      </c>
      <c r="GJ24" s="89">
        <v>11</v>
      </c>
      <c r="GK24" s="399">
        <v>0</v>
      </c>
      <c r="GL24" s="88">
        <v>11</v>
      </c>
      <c r="GM24" s="88">
        <v>11</v>
      </c>
      <c r="GN24" s="88">
        <v>3</v>
      </c>
      <c r="GO24" s="88">
        <v>6</v>
      </c>
      <c r="GP24" s="88">
        <v>4</v>
      </c>
      <c r="GQ24" s="89">
        <v>35</v>
      </c>
      <c r="GR24" s="90">
        <v>46</v>
      </c>
      <c r="GS24" s="91">
        <v>72</v>
      </c>
      <c r="GT24" s="83">
        <v>50</v>
      </c>
      <c r="GU24" s="84">
        <v>122</v>
      </c>
      <c r="GV24" s="399">
        <v>0</v>
      </c>
      <c r="GW24" s="83">
        <v>78</v>
      </c>
      <c r="GX24" s="83">
        <v>79</v>
      </c>
      <c r="GY24" s="83">
        <v>46</v>
      </c>
      <c r="GZ24" s="83">
        <v>29</v>
      </c>
      <c r="HA24" s="83">
        <v>14</v>
      </c>
      <c r="HB24" s="85">
        <v>246</v>
      </c>
      <c r="HC24" s="86">
        <v>368</v>
      </c>
      <c r="HD24" s="87">
        <v>2</v>
      </c>
      <c r="HE24" s="88">
        <v>0</v>
      </c>
      <c r="HF24" s="89">
        <v>2</v>
      </c>
      <c r="HG24" s="399">
        <v>0</v>
      </c>
      <c r="HH24" s="88">
        <v>0</v>
      </c>
      <c r="HI24" s="88">
        <v>4</v>
      </c>
      <c r="HJ24" s="88">
        <v>2</v>
      </c>
      <c r="HK24" s="88">
        <v>0</v>
      </c>
      <c r="HL24" s="88">
        <v>1</v>
      </c>
      <c r="HM24" s="89">
        <v>7</v>
      </c>
      <c r="HN24" s="90">
        <v>9</v>
      </c>
      <c r="HO24" s="87">
        <v>6</v>
      </c>
      <c r="HP24" s="88">
        <v>3</v>
      </c>
      <c r="HQ24" s="89">
        <v>9</v>
      </c>
      <c r="HR24" s="399">
        <v>0</v>
      </c>
      <c r="HS24" s="88">
        <v>2</v>
      </c>
      <c r="HT24" s="88">
        <v>2</v>
      </c>
      <c r="HU24" s="88">
        <v>1</v>
      </c>
      <c r="HV24" s="88">
        <v>0</v>
      </c>
      <c r="HW24" s="88">
        <v>0</v>
      </c>
      <c r="HX24" s="89">
        <v>5</v>
      </c>
      <c r="HY24" s="90">
        <v>14</v>
      </c>
      <c r="HZ24" s="87">
        <v>9</v>
      </c>
      <c r="IA24" s="88">
        <v>5</v>
      </c>
      <c r="IB24" s="89">
        <v>14</v>
      </c>
      <c r="IC24" s="399">
        <v>0</v>
      </c>
      <c r="ID24" s="88">
        <v>6</v>
      </c>
      <c r="IE24" s="88">
        <v>11</v>
      </c>
      <c r="IF24" s="88">
        <v>4</v>
      </c>
      <c r="IG24" s="88">
        <v>2</v>
      </c>
      <c r="IH24" s="88">
        <v>0</v>
      </c>
      <c r="II24" s="89">
        <v>23</v>
      </c>
      <c r="IJ24" s="90">
        <v>37</v>
      </c>
      <c r="IK24" s="87">
        <v>13</v>
      </c>
      <c r="IL24" s="88">
        <v>13</v>
      </c>
      <c r="IM24" s="89">
        <v>26</v>
      </c>
      <c r="IN24" s="399">
        <v>0</v>
      </c>
      <c r="IO24" s="88">
        <v>15</v>
      </c>
      <c r="IP24" s="88">
        <v>16</v>
      </c>
      <c r="IQ24" s="88">
        <v>13</v>
      </c>
      <c r="IR24" s="88">
        <v>5</v>
      </c>
      <c r="IS24" s="88">
        <v>3</v>
      </c>
      <c r="IT24" s="89">
        <v>52</v>
      </c>
      <c r="IU24" s="90">
        <v>78</v>
      </c>
      <c r="IV24" s="87">
        <v>22</v>
      </c>
      <c r="IW24" s="88">
        <v>14</v>
      </c>
      <c r="IX24" s="89">
        <v>36</v>
      </c>
      <c r="IY24" s="399">
        <v>0</v>
      </c>
      <c r="IZ24" s="88">
        <v>31</v>
      </c>
      <c r="JA24" s="88">
        <v>22</v>
      </c>
      <c r="JB24" s="88">
        <v>13</v>
      </c>
      <c r="JC24" s="88">
        <v>9</v>
      </c>
      <c r="JD24" s="88">
        <v>3</v>
      </c>
      <c r="JE24" s="89">
        <v>78</v>
      </c>
      <c r="JF24" s="90">
        <v>114</v>
      </c>
      <c r="JG24" s="87">
        <v>20</v>
      </c>
      <c r="JH24" s="88">
        <v>15</v>
      </c>
      <c r="JI24" s="89">
        <v>35</v>
      </c>
      <c r="JJ24" s="399">
        <v>0</v>
      </c>
      <c r="JK24" s="88">
        <v>24</v>
      </c>
      <c r="JL24" s="88">
        <v>24</v>
      </c>
      <c r="JM24" s="88">
        <v>13</v>
      </c>
      <c r="JN24" s="88">
        <v>13</v>
      </c>
      <c r="JO24" s="88">
        <v>7</v>
      </c>
      <c r="JP24" s="89">
        <v>81</v>
      </c>
      <c r="JQ24" s="90">
        <v>116</v>
      </c>
      <c r="JR24" s="87">
        <v>0</v>
      </c>
      <c r="JS24" s="88">
        <v>0</v>
      </c>
      <c r="JT24" s="89">
        <v>0</v>
      </c>
      <c r="JU24" s="399">
        <v>0</v>
      </c>
      <c r="JV24" s="88">
        <v>0</v>
      </c>
      <c r="JW24" s="88">
        <v>0</v>
      </c>
      <c r="JX24" s="88">
        <v>0</v>
      </c>
      <c r="JY24" s="88">
        <v>0</v>
      </c>
      <c r="JZ24" s="88">
        <v>0</v>
      </c>
      <c r="KA24" s="89">
        <v>0</v>
      </c>
      <c r="KB24" s="90">
        <v>0</v>
      </c>
      <c r="KC24" s="87">
        <v>72</v>
      </c>
      <c r="KD24" s="88">
        <v>50</v>
      </c>
      <c r="KE24" s="89">
        <v>122</v>
      </c>
      <c r="KF24" s="399">
        <v>0</v>
      </c>
      <c r="KG24" s="88">
        <v>78</v>
      </c>
      <c r="KH24" s="88">
        <v>79</v>
      </c>
      <c r="KI24" s="88">
        <v>46</v>
      </c>
      <c r="KJ24" s="88">
        <v>29</v>
      </c>
      <c r="KK24" s="88">
        <v>14</v>
      </c>
      <c r="KL24" s="89">
        <v>246</v>
      </c>
      <c r="KM24" s="90">
        <v>368</v>
      </c>
    </row>
    <row r="25" spans="2:299" s="56" customFormat="1" ht="21" customHeight="1" x14ac:dyDescent="0.2">
      <c r="B25" s="92" t="s">
        <v>22</v>
      </c>
      <c r="C25" s="82">
        <v>18</v>
      </c>
      <c r="D25" s="83">
        <v>13</v>
      </c>
      <c r="E25" s="84">
        <v>31</v>
      </c>
      <c r="F25" s="399">
        <v>0</v>
      </c>
      <c r="G25" s="83">
        <v>46</v>
      </c>
      <c r="H25" s="83">
        <v>28</v>
      </c>
      <c r="I25" s="83">
        <v>19</v>
      </c>
      <c r="J25" s="83">
        <v>20</v>
      </c>
      <c r="K25" s="83">
        <v>7</v>
      </c>
      <c r="L25" s="85">
        <v>120</v>
      </c>
      <c r="M25" s="86">
        <v>151</v>
      </c>
      <c r="N25" s="87">
        <v>0</v>
      </c>
      <c r="O25" s="88">
        <v>0</v>
      </c>
      <c r="P25" s="89">
        <v>0</v>
      </c>
      <c r="Q25" s="399">
        <v>0</v>
      </c>
      <c r="R25" s="88">
        <v>0</v>
      </c>
      <c r="S25" s="88">
        <v>0</v>
      </c>
      <c r="T25" s="88">
        <v>0</v>
      </c>
      <c r="U25" s="88">
        <v>1</v>
      </c>
      <c r="V25" s="88">
        <v>0</v>
      </c>
      <c r="W25" s="89">
        <v>1</v>
      </c>
      <c r="X25" s="90">
        <v>1</v>
      </c>
      <c r="Y25" s="87">
        <v>0</v>
      </c>
      <c r="Z25" s="88">
        <v>1</v>
      </c>
      <c r="AA25" s="89">
        <v>1</v>
      </c>
      <c r="AB25" s="399">
        <v>0</v>
      </c>
      <c r="AC25" s="88">
        <v>0</v>
      </c>
      <c r="AD25" s="88">
        <v>0</v>
      </c>
      <c r="AE25" s="88">
        <v>0</v>
      </c>
      <c r="AF25" s="88">
        <v>0</v>
      </c>
      <c r="AG25" s="88">
        <v>0</v>
      </c>
      <c r="AH25" s="89">
        <v>0</v>
      </c>
      <c r="AI25" s="90">
        <v>1</v>
      </c>
      <c r="AJ25" s="87">
        <v>0</v>
      </c>
      <c r="AK25" s="88">
        <v>0</v>
      </c>
      <c r="AL25" s="89">
        <v>0</v>
      </c>
      <c r="AM25" s="399">
        <v>0</v>
      </c>
      <c r="AN25" s="88">
        <v>4</v>
      </c>
      <c r="AO25" s="88">
        <v>5</v>
      </c>
      <c r="AP25" s="88">
        <v>1</v>
      </c>
      <c r="AQ25" s="88">
        <v>2</v>
      </c>
      <c r="AR25" s="88">
        <v>3</v>
      </c>
      <c r="AS25" s="89">
        <v>15</v>
      </c>
      <c r="AT25" s="90">
        <v>15</v>
      </c>
      <c r="AU25" s="87">
        <v>3</v>
      </c>
      <c r="AV25" s="88">
        <v>4</v>
      </c>
      <c r="AW25" s="89">
        <v>7</v>
      </c>
      <c r="AX25" s="399">
        <v>0</v>
      </c>
      <c r="AY25" s="88">
        <v>8</v>
      </c>
      <c r="AZ25" s="88">
        <v>3</v>
      </c>
      <c r="BA25" s="88">
        <v>1</v>
      </c>
      <c r="BB25" s="88">
        <v>1</v>
      </c>
      <c r="BC25" s="88">
        <v>2</v>
      </c>
      <c r="BD25" s="89">
        <v>15</v>
      </c>
      <c r="BE25" s="90">
        <v>22</v>
      </c>
      <c r="BF25" s="87">
        <v>8</v>
      </c>
      <c r="BG25" s="88">
        <v>6</v>
      </c>
      <c r="BH25" s="89">
        <v>14</v>
      </c>
      <c r="BI25" s="399">
        <v>0</v>
      </c>
      <c r="BJ25" s="88">
        <v>17</v>
      </c>
      <c r="BK25" s="88">
        <v>5</v>
      </c>
      <c r="BL25" s="88">
        <v>5</v>
      </c>
      <c r="BM25" s="88">
        <v>7</v>
      </c>
      <c r="BN25" s="88">
        <v>0</v>
      </c>
      <c r="BO25" s="89">
        <v>34</v>
      </c>
      <c r="BP25" s="90">
        <v>48</v>
      </c>
      <c r="BQ25" s="87">
        <v>7</v>
      </c>
      <c r="BR25" s="88">
        <v>2</v>
      </c>
      <c r="BS25" s="89">
        <v>9</v>
      </c>
      <c r="BT25" s="399">
        <v>0</v>
      </c>
      <c r="BU25" s="88">
        <v>17</v>
      </c>
      <c r="BV25" s="88">
        <v>15</v>
      </c>
      <c r="BW25" s="88">
        <v>12</v>
      </c>
      <c r="BX25" s="88">
        <v>9</v>
      </c>
      <c r="BY25" s="88">
        <v>2</v>
      </c>
      <c r="BZ25" s="89">
        <v>55</v>
      </c>
      <c r="CA25" s="90">
        <v>64</v>
      </c>
      <c r="CB25" s="87">
        <v>0</v>
      </c>
      <c r="CC25" s="88">
        <v>0</v>
      </c>
      <c r="CD25" s="89">
        <v>0</v>
      </c>
      <c r="CE25" s="399">
        <v>0</v>
      </c>
      <c r="CF25" s="88">
        <v>0</v>
      </c>
      <c r="CG25" s="88">
        <v>0</v>
      </c>
      <c r="CH25" s="88">
        <v>0</v>
      </c>
      <c r="CI25" s="88">
        <v>0</v>
      </c>
      <c r="CJ25" s="88">
        <v>0</v>
      </c>
      <c r="CK25" s="89">
        <v>0</v>
      </c>
      <c r="CL25" s="90">
        <v>0</v>
      </c>
      <c r="CM25" s="87">
        <v>18</v>
      </c>
      <c r="CN25" s="88">
        <v>13</v>
      </c>
      <c r="CO25" s="89">
        <v>31</v>
      </c>
      <c r="CP25" s="399">
        <v>0</v>
      </c>
      <c r="CQ25" s="88">
        <v>46</v>
      </c>
      <c r="CR25" s="88">
        <v>28</v>
      </c>
      <c r="CS25" s="88">
        <v>19</v>
      </c>
      <c r="CT25" s="88">
        <v>20</v>
      </c>
      <c r="CU25" s="88">
        <v>7</v>
      </c>
      <c r="CV25" s="89">
        <v>120</v>
      </c>
      <c r="CW25" s="90">
        <v>151</v>
      </c>
      <c r="CX25" s="91">
        <v>1</v>
      </c>
      <c r="CY25" s="83">
        <v>2</v>
      </c>
      <c r="CZ25" s="84">
        <v>3</v>
      </c>
      <c r="DA25" s="399">
        <v>0</v>
      </c>
      <c r="DB25" s="83">
        <v>6</v>
      </c>
      <c r="DC25" s="83">
        <v>9</v>
      </c>
      <c r="DD25" s="83">
        <v>6</v>
      </c>
      <c r="DE25" s="83">
        <v>2</v>
      </c>
      <c r="DF25" s="83">
        <v>0</v>
      </c>
      <c r="DG25" s="85">
        <v>23</v>
      </c>
      <c r="DH25" s="86">
        <v>26</v>
      </c>
      <c r="DI25" s="87">
        <v>0</v>
      </c>
      <c r="DJ25" s="88">
        <v>0</v>
      </c>
      <c r="DK25" s="89">
        <v>0</v>
      </c>
      <c r="DL25" s="399">
        <v>0</v>
      </c>
      <c r="DM25" s="88">
        <v>0</v>
      </c>
      <c r="DN25" s="88">
        <v>0</v>
      </c>
      <c r="DO25" s="88">
        <v>0</v>
      </c>
      <c r="DP25" s="88">
        <v>0</v>
      </c>
      <c r="DQ25" s="88">
        <v>0</v>
      </c>
      <c r="DR25" s="89">
        <v>0</v>
      </c>
      <c r="DS25" s="90">
        <v>0</v>
      </c>
      <c r="DT25" s="87">
        <v>0</v>
      </c>
      <c r="DU25" s="88">
        <v>1</v>
      </c>
      <c r="DV25" s="89">
        <v>1</v>
      </c>
      <c r="DW25" s="399">
        <v>0</v>
      </c>
      <c r="DX25" s="88">
        <v>0</v>
      </c>
      <c r="DY25" s="88">
        <v>0</v>
      </c>
      <c r="DZ25" s="88">
        <v>0</v>
      </c>
      <c r="EA25" s="88">
        <v>0</v>
      </c>
      <c r="EB25" s="88">
        <v>0</v>
      </c>
      <c r="EC25" s="89">
        <v>0</v>
      </c>
      <c r="ED25" s="90">
        <v>1</v>
      </c>
      <c r="EE25" s="87">
        <v>0</v>
      </c>
      <c r="EF25" s="88">
        <v>0</v>
      </c>
      <c r="EG25" s="89">
        <v>0</v>
      </c>
      <c r="EH25" s="399">
        <v>0</v>
      </c>
      <c r="EI25" s="88">
        <v>0</v>
      </c>
      <c r="EJ25" s="88">
        <v>1</v>
      </c>
      <c r="EK25" s="88">
        <v>0</v>
      </c>
      <c r="EL25" s="88">
        <v>0</v>
      </c>
      <c r="EM25" s="88">
        <v>0</v>
      </c>
      <c r="EN25" s="89">
        <v>1</v>
      </c>
      <c r="EO25" s="90">
        <v>1</v>
      </c>
      <c r="EP25" s="87">
        <v>0</v>
      </c>
      <c r="EQ25" s="88">
        <v>1</v>
      </c>
      <c r="ER25" s="89">
        <v>1</v>
      </c>
      <c r="ES25" s="399">
        <v>0</v>
      </c>
      <c r="ET25" s="88">
        <v>1</v>
      </c>
      <c r="EU25" s="88">
        <v>2</v>
      </c>
      <c r="EV25" s="88">
        <v>2</v>
      </c>
      <c r="EW25" s="88">
        <v>0</v>
      </c>
      <c r="EX25" s="88">
        <v>0</v>
      </c>
      <c r="EY25" s="89">
        <v>5</v>
      </c>
      <c r="EZ25" s="90">
        <v>6</v>
      </c>
      <c r="FA25" s="87">
        <v>1</v>
      </c>
      <c r="FB25" s="88">
        <v>0</v>
      </c>
      <c r="FC25" s="89">
        <v>1</v>
      </c>
      <c r="FD25" s="399">
        <v>0</v>
      </c>
      <c r="FE25" s="88">
        <v>2</v>
      </c>
      <c r="FF25" s="88">
        <v>3</v>
      </c>
      <c r="FG25" s="88">
        <v>0</v>
      </c>
      <c r="FH25" s="88">
        <v>0</v>
      </c>
      <c r="FI25" s="88">
        <v>0</v>
      </c>
      <c r="FJ25" s="89">
        <v>5</v>
      </c>
      <c r="FK25" s="90">
        <v>6</v>
      </c>
      <c r="FL25" s="87">
        <v>0</v>
      </c>
      <c r="FM25" s="88">
        <v>0</v>
      </c>
      <c r="FN25" s="89">
        <v>0</v>
      </c>
      <c r="FO25" s="399">
        <v>0</v>
      </c>
      <c r="FP25" s="88">
        <v>3</v>
      </c>
      <c r="FQ25" s="88">
        <v>3</v>
      </c>
      <c r="FR25" s="88">
        <v>4</v>
      </c>
      <c r="FS25" s="88">
        <v>2</v>
      </c>
      <c r="FT25" s="88">
        <v>0</v>
      </c>
      <c r="FU25" s="89">
        <v>12</v>
      </c>
      <c r="FV25" s="90">
        <v>12</v>
      </c>
      <c r="FW25" s="87">
        <v>0</v>
      </c>
      <c r="FX25" s="88">
        <v>0</v>
      </c>
      <c r="FY25" s="89">
        <v>0</v>
      </c>
      <c r="FZ25" s="399">
        <v>0</v>
      </c>
      <c r="GA25" s="88">
        <v>0</v>
      </c>
      <c r="GB25" s="88">
        <v>0</v>
      </c>
      <c r="GC25" s="88">
        <v>0</v>
      </c>
      <c r="GD25" s="88">
        <v>0</v>
      </c>
      <c r="GE25" s="88">
        <v>0</v>
      </c>
      <c r="GF25" s="89">
        <v>0</v>
      </c>
      <c r="GG25" s="90">
        <v>0</v>
      </c>
      <c r="GH25" s="87">
        <v>1</v>
      </c>
      <c r="GI25" s="88">
        <v>2</v>
      </c>
      <c r="GJ25" s="89">
        <v>3</v>
      </c>
      <c r="GK25" s="399">
        <v>0</v>
      </c>
      <c r="GL25" s="88">
        <v>6</v>
      </c>
      <c r="GM25" s="88">
        <v>9</v>
      </c>
      <c r="GN25" s="88">
        <v>6</v>
      </c>
      <c r="GO25" s="88">
        <v>2</v>
      </c>
      <c r="GP25" s="88">
        <v>0</v>
      </c>
      <c r="GQ25" s="89">
        <v>23</v>
      </c>
      <c r="GR25" s="90">
        <v>26</v>
      </c>
      <c r="GS25" s="91">
        <v>19</v>
      </c>
      <c r="GT25" s="83">
        <v>15</v>
      </c>
      <c r="GU25" s="84">
        <v>34</v>
      </c>
      <c r="GV25" s="399">
        <v>0</v>
      </c>
      <c r="GW25" s="83">
        <v>52</v>
      </c>
      <c r="GX25" s="83">
        <v>37</v>
      </c>
      <c r="GY25" s="83">
        <v>25</v>
      </c>
      <c r="GZ25" s="83">
        <v>22</v>
      </c>
      <c r="HA25" s="83">
        <v>7</v>
      </c>
      <c r="HB25" s="85">
        <v>143</v>
      </c>
      <c r="HC25" s="86">
        <v>177</v>
      </c>
      <c r="HD25" s="87">
        <v>0</v>
      </c>
      <c r="HE25" s="88">
        <v>0</v>
      </c>
      <c r="HF25" s="89">
        <v>0</v>
      </c>
      <c r="HG25" s="399">
        <v>0</v>
      </c>
      <c r="HH25" s="88">
        <v>0</v>
      </c>
      <c r="HI25" s="88">
        <v>0</v>
      </c>
      <c r="HJ25" s="88">
        <v>0</v>
      </c>
      <c r="HK25" s="88">
        <v>1</v>
      </c>
      <c r="HL25" s="88">
        <v>0</v>
      </c>
      <c r="HM25" s="89">
        <v>1</v>
      </c>
      <c r="HN25" s="90">
        <v>1</v>
      </c>
      <c r="HO25" s="87">
        <v>0</v>
      </c>
      <c r="HP25" s="88">
        <v>2</v>
      </c>
      <c r="HQ25" s="89">
        <v>2</v>
      </c>
      <c r="HR25" s="399">
        <v>0</v>
      </c>
      <c r="HS25" s="88">
        <v>0</v>
      </c>
      <c r="HT25" s="88">
        <v>0</v>
      </c>
      <c r="HU25" s="88">
        <v>0</v>
      </c>
      <c r="HV25" s="88">
        <v>0</v>
      </c>
      <c r="HW25" s="88">
        <v>0</v>
      </c>
      <c r="HX25" s="89">
        <v>0</v>
      </c>
      <c r="HY25" s="90">
        <v>2</v>
      </c>
      <c r="HZ25" s="87">
        <v>0</v>
      </c>
      <c r="IA25" s="88">
        <v>0</v>
      </c>
      <c r="IB25" s="89">
        <v>0</v>
      </c>
      <c r="IC25" s="399">
        <v>0</v>
      </c>
      <c r="ID25" s="88">
        <v>4</v>
      </c>
      <c r="IE25" s="88">
        <v>6</v>
      </c>
      <c r="IF25" s="88">
        <v>1</v>
      </c>
      <c r="IG25" s="88">
        <v>2</v>
      </c>
      <c r="IH25" s="88">
        <v>3</v>
      </c>
      <c r="II25" s="89">
        <v>16</v>
      </c>
      <c r="IJ25" s="90">
        <v>16</v>
      </c>
      <c r="IK25" s="87">
        <v>3</v>
      </c>
      <c r="IL25" s="88">
        <v>5</v>
      </c>
      <c r="IM25" s="89">
        <v>8</v>
      </c>
      <c r="IN25" s="399">
        <v>0</v>
      </c>
      <c r="IO25" s="88">
        <v>9</v>
      </c>
      <c r="IP25" s="88">
        <v>5</v>
      </c>
      <c r="IQ25" s="88">
        <v>3</v>
      </c>
      <c r="IR25" s="88">
        <v>1</v>
      </c>
      <c r="IS25" s="88">
        <v>2</v>
      </c>
      <c r="IT25" s="89">
        <v>20</v>
      </c>
      <c r="IU25" s="90">
        <v>28</v>
      </c>
      <c r="IV25" s="87">
        <v>9</v>
      </c>
      <c r="IW25" s="88">
        <v>6</v>
      </c>
      <c r="IX25" s="89">
        <v>15</v>
      </c>
      <c r="IY25" s="399">
        <v>0</v>
      </c>
      <c r="IZ25" s="88">
        <v>19</v>
      </c>
      <c r="JA25" s="88">
        <v>8</v>
      </c>
      <c r="JB25" s="88">
        <v>5</v>
      </c>
      <c r="JC25" s="88">
        <v>7</v>
      </c>
      <c r="JD25" s="88">
        <v>0</v>
      </c>
      <c r="JE25" s="89">
        <v>39</v>
      </c>
      <c r="JF25" s="90">
        <v>54</v>
      </c>
      <c r="JG25" s="87">
        <v>7</v>
      </c>
      <c r="JH25" s="88">
        <v>2</v>
      </c>
      <c r="JI25" s="89">
        <v>9</v>
      </c>
      <c r="JJ25" s="399">
        <v>0</v>
      </c>
      <c r="JK25" s="88">
        <v>20</v>
      </c>
      <c r="JL25" s="88">
        <v>18</v>
      </c>
      <c r="JM25" s="88">
        <v>16</v>
      </c>
      <c r="JN25" s="88">
        <v>11</v>
      </c>
      <c r="JO25" s="88">
        <v>2</v>
      </c>
      <c r="JP25" s="89">
        <v>67</v>
      </c>
      <c r="JQ25" s="90">
        <v>76</v>
      </c>
      <c r="JR25" s="87">
        <v>0</v>
      </c>
      <c r="JS25" s="88">
        <v>0</v>
      </c>
      <c r="JT25" s="89">
        <v>0</v>
      </c>
      <c r="JU25" s="399">
        <v>0</v>
      </c>
      <c r="JV25" s="88">
        <v>0</v>
      </c>
      <c r="JW25" s="88">
        <v>0</v>
      </c>
      <c r="JX25" s="88">
        <v>0</v>
      </c>
      <c r="JY25" s="88">
        <v>0</v>
      </c>
      <c r="JZ25" s="88">
        <v>0</v>
      </c>
      <c r="KA25" s="89">
        <v>0</v>
      </c>
      <c r="KB25" s="90">
        <v>0</v>
      </c>
      <c r="KC25" s="87">
        <v>19</v>
      </c>
      <c r="KD25" s="88">
        <v>15</v>
      </c>
      <c r="KE25" s="89">
        <v>34</v>
      </c>
      <c r="KF25" s="399">
        <v>0</v>
      </c>
      <c r="KG25" s="88">
        <v>52</v>
      </c>
      <c r="KH25" s="88">
        <v>37</v>
      </c>
      <c r="KI25" s="88">
        <v>25</v>
      </c>
      <c r="KJ25" s="88">
        <v>22</v>
      </c>
      <c r="KK25" s="88">
        <v>7</v>
      </c>
      <c r="KL25" s="89">
        <v>143</v>
      </c>
      <c r="KM25" s="90">
        <v>177</v>
      </c>
    </row>
    <row r="26" spans="2:299" s="56" customFormat="1" ht="21" customHeight="1" x14ac:dyDescent="0.2">
      <c r="B26" s="92" t="s">
        <v>23</v>
      </c>
      <c r="C26" s="82">
        <v>35</v>
      </c>
      <c r="D26" s="83">
        <v>32</v>
      </c>
      <c r="E26" s="84">
        <v>67</v>
      </c>
      <c r="F26" s="399">
        <v>0</v>
      </c>
      <c r="G26" s="83">
        <v>53</v>
      </c>
      <c r="H26" s="83">
        <v>43</v>
      </c>
      <c r="I26" s="83">
        <v>17</v>
      </c>
      <c r="J26" s="83">
        <v>24</v>
      </c>
      <c r="K26" s="83">
        <v>15</v>
      </c>
      <c r="L26" s="85">
        <v>152</v>
      </c>
      <c r="M26" s="86">
        <v>219</v>
      </c>
      <c r="N26" s="87">
        <v>0</v>
      </c>
      <c r="O26" s="88">
        <v>1</v>
      </c>
      <c r="P26" s="89">
        <v>1</v>
      </c>
      <c r="Q26" s="399">
        <v>0</v>
      </c>
      <c r="R26" s="88">
        <v>0</v>
      </c>
      <c r="S26" s="88">
        <v>2</v>
      </c>
      <c r="T26" s="88">
        <v>0</v>
      </c>
      <c r="U26" s="88">
        <v>1</v>
      </c>
      <c r="V26" s="88">
        <v>0</v>
      </c>
      <c r="W26" s="89">
        <v>3</v>
      </c>
      <c r="X26" s="90">
        <v>4</v>
      </c>
      <c r="Y26" s="87">
        <v>0</v>
      </c>
      <c r="Z26" s="88">
        <v>1</v>
      </c>
      <c r="AA26" s="89">
        <v>1</v>
      </c>
      <c r="AB26" s="399">
        <v>0</v>
      </c>
      <c r="AC26" s="88">
        <v>0</v>
      </c>
      <c r="AD26" s="88">
        <v>1</v>
      </c>
      <c r="AE26" s="88">
        <v>0</v>
      </c>
      <c r="AF26" s="88">
        <v>0</v>
      </c>
      <c r="AG26" s="88">
        <v>0</v>
      </c>
      <c r="AH26" s="89">
        <v>1</v>
      </c>
      <c r="AI26" s="90">
        <v>2</v>
      </c>
      <c r="AJ26" s="87">
        <v>5</v>
      </c>
      <c r="AK26" s="88">
        <v>2</v>
      </c>
      <c r="AL26" s="89">
        <v>7</v>
      </c>
      <c r="AM26" s="399">
        <v>0</v>
      </c>
      <c r="AN26" s="88">
        <v>3</v>
      </c>
      <c r="AO26" s="88">
        <v>3</v>
      </c>
      <c r="AP26" s="88">
        <v>1</v>
      </c>
      <c r="AQ26" s="88">
        <v>1</v>
      </c>
      <c r="AR26" s="88">
        <v>3</v>
      </c>
      <c r="AS26" s="89">
        <v>11</v>
      </c>
      <c r="AT26" s="90">
        <v>18</v>
      </c>
      <c r="AU26" s="87">
        <v>9</v>
      </c>
      <c r="AV26" s="88">
        <v>11</v>
      </c>
      <c r="AW26" s="89">
        <v>20</v>
      </c>
      <c r="AX26" s="399">
        <v>0</v>
      </c>
      <c r="AY26" s="88">
        <v>14</v>
      </c>
      <c r="AZ26" s="88">
        <v>15</v>
      </c>
      <c r="BA26" s="88">
        <v>5</v>
      </c>
      <c r="BB26" s="88">
        <v>6</v>
      </c>
      <c r="BC26" s="88">
        <v>4</v>
      </c>
      <c r="BD26" s="89">
        <v>44</v>
      </c>
      <c r="BE26" s="90">
        <v>64</v>
      </c>
      <c r="BF26" s="87">
        <v>14</v>
      </c>
      <c r="BG26" s="88">
        <v>15</v>
      </c>
      <c r="BH26" s="89">
        <v>29</v>
      </c>
      <c r="BI26" s="399">
        <v>0</v>
      </c>
      <c r="BJ26" s="88">
        <v>22</v>
      </c>
      <c r="BK26" s="88">
        <v>12</v>
      </c>
      <c r="BL26" s="88">
        <v>4</v>
      </c>
      <c r="BM26" s="88">
        <v>7</v>
      </c>
      <c r="BN26" s="88">
        <v>6</v>
      </c>
      <c r="BO26" s="89">
        <v>51</v>
      </c>
      <c r="BP26" s="90">
        <v>80</v>
      </c>
      <c r="BQ26" s="87">
        <v>7</v>
      </c>
      <c r="BR26" s="88">
        <v>2</v>
      </c>
      <c r="BS26" s="89">
        <v>9</v>
      </c>
      <c r="BT26" s="399">
        <v>0</v>
      </c>
      <c r="BU26" s="88">
        <v>14</v>
      </c>
      <c r="BV26" s="88">
        <v>10</v>
      </c>
      <c r="BW26" s="88">
        <v>7</v>
      </c>
      <c r="BX26" s="88">
        <v>9</v>
      </c>
      <c r="BY26" s="88">
        <v>2</v>
      </c>
      <c r="BZ26" s="89">
        <v>42</v>
      </c>
      <c r="CA26" s="90">
        <v>51</v>
      </c>
      <c r="CB26" s="87">
        <v>0</v>
      </c>
      <c r="CC26" s="88">
        <v>0</v>
      </c>
      <c r="CD26" s="89">
        <v>0</v>
      </c>
      <c r="CE26" s="399">
        <v>0</v>
      </c>
      <c r="CF26" s="88">
        <v>0</v>
      </c>
      <c r="CG26" s="88">
        <v>0</v>
      </c>
      <c r="CH26" s="88">
        <v>0</v>
      </c>
      <c r="CI26" s="88">
        <v>0</v>
      </c>
      <c r="CJ26" s="88">
        <v>0</v>
      </c>
      <c r="CK26" s="89">
        <v>0</v>
      </c>
      <c r="CL26" s="90">
        <v>0</v>
      </c>
      <c r="CM26" s="87">
        <v>35</v>
      </c>
      <c r="CN26" s="88">
        <v>32</v>
      </c>
      <c r="CO26" s="89">
        <v>67</v>
      </c>
      <c r="CP26" s="399">
        <v>0</v>
      </c>
      <c r="CQ26" s="88">
        <v>53</v>
      </c>
      <c r="CR26" s="88">
        <v>43</v>
      </c>
      <c r="CS26" s="88">
        <v>17</v>
      </c>
      <c r="CT26" s="88">
        <v>24</v>
      </c>
      <c r="CU26" s="88">
        <v>15</v>
      </c>
      <c r="CV26" s="89">
        <v>152</v>
      </c>
      <c r="CW26" s="90">
        <v>219</v>
      </c>
      <c r="CX26" s="91">
        <v>2</v>
      </c>
      <c r="CY26" s="83">
        <v>2</v>
      </c>
      <c r="CZ26" s="84">
        <v>4</v>
      </c>
      <c r="DA26" s="399">
        <v>0</v>
      </c>
      <c r="DB26" s="83">
        <v>6</v>
      </c>
      <c r="DC26" s="83">
        <v>7</v>
      </c>
      <c r="DD26" s="83">
        <v>2</v>
      </c>
      <c r="DE26" s="83">
        <v>3</v>
      </c>
      <c r="DF26" s="83">
        <v>0</v>
      </c>
      <c r="DG26" s="85">
        <v>18</v>
      </c>
      <c r="DH26" s="86">
        <v>22</v>
      </c>
      <c r="DI26" s="87">
        <v>0</v>
      </c>
      <c r="DJ26" s="88">
        <v>0</v>
      </c>
      <c r="DK26" s="89">
        <v>0</v>
      </c>
      <c r="DL26" s="399">
        <v>0</v>
      </c>
      <c r="DM26" s="88">
        <v>0</v>
      </c>
      <c r="DN26" s="88">
        <v>0</v>
      </c>
      <c r="DO26" s="88">
        <v>0</v>
      </c>
      <c r="DP26" s="88">
        <v>0</v>
      </c>
      <c r="DQ26" s="88">
        <v>0</v>
      </c>
      <c r="DR26" s="89">
        <v>0</v>
      </c>
      <c r="DS26" s="90">
        <v>0</v>
      </c>
      <c r="DT26" s="87">
        <v>1</v>
      </c>
      <c r="DU26" s="88">
        <v>2</v>
      </c>
      <c r="DV26" s="89">
        <v>3</v>
      </c>
      <c r="DW26" s="399">
        <v>0</v>
      </c>
      <c r="DX26" s="88">
        <v>0</v>
      </c>
      <c r="DY26" s="88">
        <v>0</v>
      </c>
      <c r="DZ26" s="88">
        <v>0</v>
      </c>
      <c r="EA26" s="88">
        <v>0</v>
      </c>
      <c r="EB26" s="88">
        <v>0</v>
      </c>
      <c r="EC26" s="89">
        <v>0</v>
      </c>
      <c r="ED26" s="90">
        <v>3</v>
      </c>
      <c r="EE26" s="87">
        <v>0</v>
      </c>
      <c r="EF26" s="88">
        <v>0</v>
      </c>
      <c r="EG26" s="89">
        <v>0</v>
      </c>
      <c r="EH26" s="399">
        <v>0</v>
      </c>
      <c r="EI26" s="88">
        <v>1</v>
      </c>
      <c r="EJ26" s="88">
        <v>1</v>
      </c>
      <c r="EK26" s="88">
        <v>0</v>
      </c>
      <c r="EL26" s="88">
        <v>0</v>
      </c>
      <c r="EM26" s="88">
        <v>0</v>
      </c>
      <c r="EN26" s="89">
        <v>2</v>
      </c>
      <c r="EO26" s="90">
        <v>2</v>
      </c>
      <c r="EP26" s="87">
        <v>1</v>
      </c>
      <c r="EQ26" s="88">
        <v>0</v>
      </c>
      <c r="ER26" s="89">
        <v>1</v>
      </c>
      <c r="ES26" s="399">
        <v>0</v>
      </c>
      <c r="ET26" s="88">
        <v>2</v>
      </c>
      <c r="EU26" s="88">
        <v>1</v>
      </c>
      <c r="EV26" s="88">
        <v>0</v>
      </c>
      <c r="EW26" s="88">
        <v>1</v>
      </c>
      <c r="EX26" s="88">
        <v>0</v>
      </c>
      <c r="EY26" s="89">
        <v>4</v>
      </c>
      <c r="EZ26" s="90">
        <v>5</v>
      </c>
      <c r="FA26" s="87">
        <v>0</v>
      </c>
      <c r="FB26" s="88">
        <v>0</v>
      </c>
      <c r="FC26" s="89">
        <v>0</v>
      </c>
      <c r="FD26" s="399">
        <v>0</v>
      </c>
      <c r="FE26" s="88">
        <v>3</v>
      </c>
      <c r="FF26" s="88">
        <v>3</v>
      </c>
      <c r="FG26" s="88">
        <v>1</v>
      </c>
      <c r="FH26" s="88">
        <v>0</v>
      </c>
      <c r="FI26" s="88">
        <v>0</v>
      </c>
      <c r="FJ26" s="89">
        <v>7</v>
      </c>
      <c r="FK26" s="90">
        <v>7</v>
      </c>
      <c r="FL26" s="87">
        <v>0</v>
      </c>
      <c r="FM26" s="88">
        <v>0</v>
      </c>
      <c r="FN26" s="89">
        <v>0</v>
      </c>
      <c r="FO26" s="399">
        <v>0</v>
      </c>
      <c r="FP26" s="88">
        <v>0</v>
      </c>
      <c r="FQ26" s="88">
        <v>2</v>
      </c>
      <c r="FR26" s="88">
        <v>1</v>
      </c>
      <c r="FS26" s="88">
        <v>2</v>
      </c>
      <c r="FT26" s="88">
        <v>0</v>
      </c>
      <c r="FU26" s="89">
        <v>5</v>
      </c>
      <c r="FV26" s="90">
        <v>5</v>
      </c>
      <c r="FW26" s="87">
        <v>0</v>
      </c>
      <c r="FX26" s="88">
        <v>0</v>
      </c>
      <c r="FY26" s="89">
        <v>0</v>
      </c>
      <c r="FZ26" s="399">
        <v>0</v>
      </c>
      <c r="GA26" s="88">
        <v>0</v>
      </c>
      <c r="GB26" s="88">
        <v>0</v>
      </c>
      <c r="GC26" s="88">
        <v>0</v>
      </c>
      <c r="GD26" s="88">
        <v>0</v>
      </c>
      <c r="GE26" s="88">
        <v>0</v>
      </c>
      <c r="GF26" s="89">
        <v>0</v>
      </c>
      <c r="GG26" s="90">
        <v>0</v>
      </c>
      <c r="GH26" s="87">
        <v>2</v>
      </c>
      <c r="GI26" s="88">
        <v>2</v>
      </c>
      <c r="GJ26" s="89">
        <v>4</v>
      </c>
      <c r="GK26" s="399">
        <v>0</v>
      </c>
      <c r="GL26" s="88">
        <v>6</v>
      </c>
      <c r="GM26" s="88">
        <v>7</v>
      </c>
      <c r="GN26" s="88">
        <v>2</v>
      </c>
      <c r="GO26" s="88">
        <v>3</v>
      </c>
      <c r="GP26" s="88">
        <v>0</v>
      </c>
      <c r="GQ26" s="89">
        <v>18</v>
      </c>
      <c r="GR26" s="90">
        <v>22</v>
      </c>
      <c r="GS26" s="91">
        <v>37</v>
      </c>
      <c r="GT26" s="83">
        <v>34</v>
      </c>
      <c r="GU26" s="84">
        <v>71</v>
      </c>
      <c r="GV26" s="399">
        <v>0</v>
      </c>
      <c r="GW26" s="83">
        <v>59</v>
      </c>
      <c r="GX26" s="83">
        <v>50</v>
      </c>
      <c r="GY26" s="83">
        <v>19</v>
      </c>
      <c r="GZ26" s="83">
        <v>27</v>
      </c>
      <c r="HA26" s="83">
        <v>15</v>
      </c>
      <c r="HB26" s="85">
        <v>170</v>
      </c>
      <c r="HC26" s="86">
        <v>241</v>
      </c>
      <c r="HD26" s="87">
        <v>0</v>
      </c>
      <c r="HE26" s="88">
        <v>1</v>
      </c>
      <c r="HF26" s="89">
        <v>1</v>
      </c>
      <c r="HG26" s="399">
        <v>0</v>
      </c>
      <c r="HH26" s="88">
        <v>0</v>
      </c>
      <c r="HI26" s="88">
        <v>2</v>
      </c>
      <c r="HJ26" s="88">
        <v>0</v>
      </c>
      <c r="HK26" s="88">
        <v>1</v>
      </c>
      <c r="HL26" s="88">
        <v>0</v>
      </c>
      <c r="HM26" s="89">
        <v>3</v>
      </c>
      <c r="HN26" s="90">
        <v>4</v>
      </c>
      <c r="HO26" s="87">
        <v>1</v>
      </c>
      <c r="HP26" s="88">
        <v>3</v>
      </c>
      <c r="HQ26" s="89">
        <v>4</v>
      </c>
      <c r="HR26" s="399">
        <v>0</v>
      </c>
      <c r="HS26" s="88">
        <v>0</v>
      </c>
      <c r="HT26" s="88">
        <v>1</v>
      </c>
      <c r="HU26" s="88">
        <v>0</v>
      </c>
      <c r="HV26" s="88">
        <v>0</v>
      </c>
      <c r="HW26" s="88">
        <v>0</v>
      </c>
      <c r="HX26" s="89">
        <v>1</v>
      </c>
      <c r="HY26" s="90">
        <v>5</v>
      </c>
      <c r="HZ26" s="87">
        <v>5</v>
      </c>
      <c r="IA26" s="88">
        <v>2</v>
      </c>
      <c r="IB26" s="89">
        <v>7</v>
      </c>
      <c r="IC26" s="399">
        <v>0</v>
      </c>
      <c r="ID26" s="88">
        <v>4</v>
      </c>
      <c r="IE26" s="88">
        <v>4</v>
      </c>
      <c r="IF26" s="88">
        <v>1</v>
      </c>
      <c r="IG26" s="88">
        <v>1</v>
      </c>
      <c r="IH26" s="88">
        <v>3</v>
      </c>
      <c r="II26" s="89">
        <v>13</v>
      </c>
      <c r="IJ26" s="90">
        <v>20</v>
      </c>
      <c r="IK26" s="87">
        <v>10</v>
      </c>
      <c r="IL26" s="88">
        <v>11</v>
      </c>
      <c r="IM26" s="89">
        <v>21</v>
      </c>
      <c r="IN26" s="399">
        <v>0</v>
      </c>
      <c r="IO26" s="88">
        <v>16</v>
      </c>
      <c r="IP26" s="88">
        <v>16</v>
      </c>
      <c r="IQ26" s="88">
        <v>5</v>
      </c>
      <c r="IR26" s="88">
        <v>7</v>
      </c>
      <c r="IS26" s="88">
        <v>4</v>
      </c>
      <c r="IT26" s="89">
        <v>48</v>
      </c>
      <c r="IU26" s="90">
        <v>69</v>
      </c>
      <c r="IV26" s="87">
        <v>14</v>
      </c>
      <c r="IW26" s="88">
        <v>15</v>
      </c>
      <c r="IX26" s="89">
        <v>29</v>
      </c>
      <c r="IY26" s="399">
        <v>0</v>
      </c>
      <c r="IZ26" s="88">
        <v>25</v>
      </c>
      <c r="JA26" s="88">
        <v>15</v>
      </c>
      <c r="JB26" s="88">
        <v>5</v>
      </c>
      <c r="JC26" s="88">
        <v>7</v>
      </c>
      <c r="JD26" s="88">
        <v>6</v>
      </c>
      <c r="JE26" s="89">
        <v>58</v>
      </c>
      <c r="JF26" s="90">
        <v>87</v>
      </c>
      <c r="JG26" s="87">
        <v>7</v>
      </c>
      <c r="JH26" s="88">
        <v>2</v>
      </c>
      <c r="JI26" s="89">
        <v>9</v>
      </c>
      <c r="JJ26" s="399">
        <v>0</v>
      </c>
      <c r="JK26" s="88">
        <v>14</v>
      </c>
      <c r="JL26" s="88">
        <v>12</v>
      </c>
      <c r="JM26" s="88">
        <v>8</v>
      </c>
      <c r="JN26" s="88">
        <v>11</v>
      </c>
      <c r="JO26" s="88">
        <v>2</v>
      </c>
      <c r="JP26" s="89">
        <v>47</v>
      </c>
      <c r="JQ26" s="90">
        <v>56</v>
      </c>
      <c r="JR26" s="87">
        <v>0</v>
      </c>
      <c r="JS26" s="88">
        <v>0</v>
      </c>
      <c r="JT26" s="89">
        <v>0</v>
      </c>
      <c r="JU26" s="399">
        <v>0</v>
      </c>
      <c r="JV26" s="88">
        <v>0</v>
      </c>
      <c r="JW26" s="88">
        <v>0</v>
      </c>
      <c r="JX26" s="88">
        <v>0</v>
      </c>
      <c r="JY26" s="88">
        <v>0</v>
      </c>
      <c r="JZ26" s="88">
        <v>0</v>
      </c>
      <c r="KA26" s="89">
        <v>0</v>
      </c>
      <c r="KB26" s="90">
        <v>0</v>
      </c>
      <c r="KC26" s="87">
        <v>37</v>
      </c>
      <c r="KD26" s="88">
        <v>34</v>
      </c>
      <c r="KE26" s="89">
        <v>71</v>
      </c>
      <c r="KF26" s="399">
        <v>0</v>
      </c>
      <c r="KG26" s="88">
        <v>59</v>
      </c>
      <c r="KH26" s="88">
        <v>50</v>
      </c>
      <c r="KI26" s="88">
        <v>19</v>
      </c>
      <c r="KJ26" s="88">
        <v>27</v>
      </c>
      <c r="KK26" s="88">
        <v>15</v>
      </c>
      <c r="KL26" s="89">
        <v>170</v>
      </c>
      <c r="KM26" s="90">
        <v>241</v>
      </c>
    </row>
    <row r="27" spans="2:299" s="56" customFormat="1" ht="21" customHeight="1" x14ac:dyDescent="0.2">
      <c r="B27" s="92" t="s">
        <v>24</v>
      </c>
      <c r="C27" s="82">
        <v>27</v>
      </c>
      <c r="D27" s="83">
        <v>19</v>
      </c>
      <c r="E27" s="84">
        <v>46</v>
      </c>
      <c r="F27" s="399">
        <v>0</v>
      </c>
      <c r="G27" s="83">
        <v>43</v>
      </c>
      <c r="H27" s="83">
        <v>26</v>
      </c>
      <c r="I27" s="83">
        <v>23</v>
      </c>
      <c r="J27" s="83">
        <v>18</v>
      </c>
      <c r="K27" s="83">
        <v>10</v>
      </c>
      <c r="L27" s="85">
        <v>120</v>
      </c>
      <c r="M27" s="86">
        <v>166</v>
      </c>
      <c r="N27" s="87">
        <v>0</v>
      </c>
      <c r="O27" s="88">
        <v>0</v>
      </c>
      <c r="P27" s="89">
        <v>0</v>
      </c>
      <c r="Q27" s="399">
        <v>0</v>
      </c>
      <c r="R27" s="88">
        <v>0</v>
      </c>
      <c r="S27" s="88">
        <v>0</v>
      </c>
      <c r="T27" s="88">
        <v>0</v>
      </c>
      <c r="U27" s="88">
        <v>0</v>
      </c>
      <c r="V27" s="88">
        <v>0</v>
      </c>
      <c r="W27" s="89">
        <v>0</v>
      </c>
      <c r="X27" s="90">
        <v>0</v>
      </c>
      <c r="Y27" s="87">
        <v>0</v>
      </c>
      <c r="Z27" s="88">
        <v>0</v>
      </c>
      <c r="AA27" s="89">
        <v>0</v>
      </c>
      <c r="AB27" s="399">
        <v>0</v>
      </c>
      <c r="AC27" s="88">
        <v>2</v>
      </c>
      <c r="AD27" s="88">
        <v>0</v>
      </c>
      <c r="AE27" s="88">
        <v>1</v>
      </c>
      <c r="AF27" s="88">
        <v>1</v>
      </c>
      <c r="AG27" s="88">
        <v>1</v>
      </c>
      <c r="AH27" s="89">
        <v>5</v>
      </c>
      <c r="AI27" s="90">
        <v>5</v>
      </c>
      <c r="AJ27" s="87">
        <v>1</v>
      </c>
      <c r="AK27" s="88">
        <v>4</v>
      </c>
      <c r="AL27" s="89">
        <v>5</v>
      </c>
      <c r="AM27" s="399">
        <v>0</v>
      </c>
      <c r="AN27" s="88">
        <v>2</v>
      </c>
      <c r="AO27" s="88">
        <v>2</v>
      </c>
      <c r="AP27" s="88">
        <v>3</v>
      </c>
      <c r="AQ27" s="88">
        <v>3</v>
      </c>
      <c r="AR27" s="88">
        <v>0</v>
      </c>
      <c r="AS27" s="89">
        <v>10</v>
      </c>
      <c r="AT27" s="90">
        <v>15</v>
      </c>
      <c r="AU27" s="87">
        <v>4</v>
      </c>
      <c r="AV27" s="88">
        <v>2</v>
      </c>
      <c r="AW27" s="89">
        <v>6</v>
      </c>
      <c r="AX27" s="399">
        <v>0</v>
      </c>
      <c r="AY27" s="88">
        <v>7</v>
      </c>
      <c r="AZ27" s="88">
        <v>5</v>
      </c>
      <c r="BA27" s="88">
        <v>2</v>
      </c>
      <c r="BB27" s="88">
        <v>3</v>
      </c>
      <c r="BC27" s="88">
        <v>2</v>
      </c>
      <c r="BD27" s="89">
        <v>19</v>
      </c>
      <c r="BE27" s="90">
        <v>25</v>
      </c>
      <c r="BF27" s="87">
        <v>10</v>
      </c>
      <c r="BG27" s="88">
        <v>6</v>
      </c>
      <c r="BH27" s="89">
        <v>16</v>
      </c>
      <c r="BI27" s="399">
        <v>0</v>
      </c>
      <c r="BJ27" s="88">
        <v>14</v>
      </c>
      <c r="BK27" s="88">
        <v>7</v>
      </c>
      <c r="BL27" s="88">
        <v>6</v>
      </c>
      <c r="BM27" s="88">
        <v>5</v>
      </c>
      <c r="BN27" s="88">
        <v>2</v>
      </c>
      <c r="BO27" s="89">
        <v>34</v>
      </c>
      <c r="BP27" s="90">
        <v>50</v>
      </c>
      <c r="BQ27" s="87">
        <v>12</v>
      </c>
      <c r="BR27" s="88">
        <v>7</v>
      </c>
      <c r="BS27" s="89">
        <v>19</v>
      </c>
      <c r="BT27" s="399">
        <v>0</v>
      </c>
      <c r="BU27" s="88">
        <v>18</v>
      </c>
      <c r="BV27" s="88">
        <v>12</v>
      </c>
      <c r="BW27" s="88">
        <v>11</v>
      </c>
      <c r="BX27" s="88">
        <v>6</v>
      </c>
      <c r="BY27" s="88">
        <v>5</v>
      </c>
      <c r="BZ27" s="89">
        <v>52</v>
      </c>
      <c r="CA27" s="90">
        <v>71</v>
      </c>
      <c r="CB27" s="87">
        <v>0</v>
      </c>
      <c r="CC27" s="88">
        <v>0</v>
      </c>
      <c r="CD27" s="89">
        <v>0</v>
      </c>
      <c r="CE27" s="399">
        <v>0</v>
      </c>
      <c r="CF27" s="88">
        <v>0</v>
      </c>
      <c r="CG27" s="88">
        <v>0</v>
      </c>
      <c r="CH27" s="88">
        <v>0</v>
      </c>
      <c r="CI27" s="88">
        <v>0</v>
      </c>
      <c r="CJ27" s="88">
        <v>0</v>
      </c>
      <c r="CK27" s="89">
        <v>0</v>
      </c>
      <c r="CL27" s="90">
        <v>0</v>
      </c>
      <c r="CM27" s="87">
        <v>27</v>
      </c>
      <c r="CN27" s="88">
        <v>19</v>
      </c>
      <c r="CO27" s="89">
        <v>46</v>
      </c>
      <c r="CP27" s="399">
        <v>0</v>
      </c>
      <c r="CQ27" s="88">
        <v>43</v>
      </c>
      <c r="CR27" s="88">
        <v>26</v>
      </c>
      <c r="CS27" s="88">
        <v>23</v>
      </c>
      <c r="CT27" s="88">
        <v>18</v>
      </c>
      <c r="CU27" s="88">
        <v>10</v>
      </c>
      <c r="CV27" s="89">
        <v>120</v>
      </c>
      <c r="CW27" s="90">
        <v>166</v>
      </c>
      <c r="CX27" s="91">
        <v>6</v>
      </c>
      <c r="CY27" s="83">
        <v>2</v>
      </c>
      <c r="CZ27" s="84">
        <v>8</v>
      </c>
      <c r="DA27" s="399">
        <v>0</v>
      </c>
      <c r="DB27" s="83">
        <v>6</v>
      </c>
      <c r="DC27" s="83">
        <v>3</v>
      </c>
      <c r="DD27" s="83">
        <v>5</v>
      </c>
      <c r="DE27" s="83">
        <v>3</v>
      </c>
      <c r="DF27" s="83">
        <v>0</v>
      </c>
      <c r="DG27" s="85">
        <v>17</v>
      </c>
      <c r="DH27" s="86">
        <v>25</v>
      </c>
      <c r="DI27" s="87">
        <v>0</v>
      </c>
      <c r="DJ27" s="88">
        <v>0</v>
      </c>
      <c r="DK27" s="89">
        <v>0</v>
      </c>
      <c r="DL27" s="399">
        <v>0</v>
      </c>
      <c r="DM27" s="88">
        <v>1</v>
      </c>
      <c r="DN27" s="88">
        <v>0</v>
      </c>
      <c r="DO27" s="88">
        <v>0</v>
      </c>
      <c r="DP27" s="88">
        <v>0</v>
      </c>
      <c r="DQ27" s="88">
        <v>0</v>
      </c>
      <c r="DR27" s="89">
        <v>1</v>
      </c>
      <c r="DS27" s="90">
        <v>1</v>
      </c>
      <c r="DT27" s="87">
        <v>1</v>
      </c>
      <c r="DU27" s="88">
        <v>0</v>
      </c>
      <c r="DV27" s="89">
        <v>1</v>
      </c>
      <c r="DW27" s="399">
        <v>0</v>
      </c>
      <c r="DX27" s="88">
        <v>0</v>
      </c>
      <c r="DY27" s="88">
        <v>0</v>
      </c>
      <c r="DZ27" s="88">
        <v>0</v>
      </c>
      <c r="EA27" s="88">
        <v>0</v>
      </c>
      <c r="EB27" s="88">
        <v>0</v>
      </c>
      <c r="EC27" s="89">
        <v>0</v>
      </c>
      <c r="ED27" s="90">
        <v>1</v>
      </c>
      <c r="EE27" s="87">
        <v>0</v>
      </c>
      <c r="EF27" s="88">
        <v>0</v>
      </c>
      <c r="EG27" s="89">
        <v>0</v>
      </c>
      <c r="EH27" s="399">
        <v>0</v>
      </c>
      <c r="EI27" s="88">
        <v>1</v>
      </c>
      <c r="EJ27" s="88">
        <v>1</v>
      </c>
      <c r="EK27" s="88">
        <v>0</v>
      </c>
      <c r="EL27" s="88">
        <v>0</v>
      </c>
      <c r="EM27" s="88">
        <v>0</v>
      </c>
      <c r="EN27" s="89">
        <v>2</v>
      </c>
      <c r="EO27" s="90">
        <v>2</v>
      </c>
      <c r="EP27" s="87">
        <v>0</v>
      </c>
      <c r="EQ27" s="88">
        <v>1</v>
      </c>
      <c r="ER27" s="89">
        <v>1</v>
      </c>
      <c r="ES27" s="399">
        <v>0</v>
      </c>
      <c r="ET27" s="88">
        <v>0</v>
      </c>
      <c r="EU27" s="88">
        <v>0</v>
      </c>
      <c r="EV27" s="88">
        <v>0</v>
      </c>
      <c r="EW27" s="88">
        <v>1</v>
      </c>
      <c r="EX27" s="88">
        <v>0</v>
      </c>
      <c r="EY27" s="89">
        <v>1</v>
      </c>
      <c r="EZ27" s="90">
        <v>2</v>
      </c>
      <c r="FA27" s="87">
        <v>4</v>
      </c>
      <c r="FB27" s="88">
        <v>1</v>
      </c>
      <c r="FC27" s="89">
        <v>5</v>
      </c>
      <c r="FD27" s="399">
        <v>0</v>
      </c>
      <c r="FE27" s="88">
        <v>2</v>
      </c>
      <c r="FF27" s="88">
        <v>1</v>
      </c>
      <c r="FG27" s="88">
        <v>0</v>
      </c>
      <c r="FH27" s="88">
        <v>0</v>
      </c>
      <c r="FI27" s="88">
        <v>0</v>
      </c>
      <c r="FJ27" s="89">
        <v>3</v>
      </c>
      <c r="FK27" s="90">
        <v>8</v>
      </c>
      <c r="FL27" s="87">
        <v>1</v>
      </c>
      <c r="FM27" s="88">
        <v>0</v>
      </c>
      <c r="FN27" s="89">
        <v>1</v>
      </c>
      <c r="FO27" s="399">
        <v>0</v>
      </c>
      <c r="FP27" s="88">
        <v>2</v>
      </c>
      <c r="FQ27" s="88">
        <v>1</v>
      </c>
      <c r="FR27" s="88">
        <v>5</v>
      </c>
      <c r="FS27" s="88">
        <v>2</v>
      </c>
      <c r="FT27" s="88">
        <v>0</v>
      </c>
      <c r="FU27" s="89">
        <v>10</v>
      </c>
      <c r="FV27" s="90">
        <v>11</v>
      </c>
      <c r="FW27" s="87">
        <v>0</v>
      </c>
      <c r="FX27" s="88">
        <v>0</v>
      </c>
      <c r="FY27" s="89">
        <v>0</v>
      </c>
      <c r="FZ27" s="399">
        <v>0</v>
      </c>
      <c r="GA27" s="88">
        <v>0</v>
      </c>
      <c r="GB27" s="88">
        <v>0</v>
      </c>
      <c r="GC27" s="88">
        <v>0</v>
      </c>
      <c r="GD27" s="88">
        <v>0</v>
      </c>
      <c r="GE27" s="88">
        <v>0</v>
      </c>
      <c r="GF27" s="89">
        <v>0</v>
      </c>
      <c r="GG27" s="90">
        <v>0</v>
      </c>
      <c r="GH27" s="87">
        <v>6</v>
      </c>
      <c r="GI27" s="88">
        <v>2</v>
      </c>
      <c r="GJ27" s="89">
        <v>8</v>
      </c>
      <c r="GK27" s="399">
        <v>0</v>
      </c>
      <c r="GL27" s="88">
        <v>6</v>
      </c>
      <c r="GM27" s="88">
        <v>3</v>
      </c>
      <c r="GN27" s="88">
        <v>5</v>
      </c>
      <c r="GO27" s="88">
        <v>3</v>
      </c>
      <c r="GP27" s="88">
        <v>0</v>
      </c>
      <c r="GQ27" s="89">
        <v>17</v>
      </c>
      <c r="GR27" s="90">
        <v>25</v>
      </c>
      <c r="GS27" s="91">
        <v>33</v>
      </c>
      <c r="GT27" s="83">
        <v>21</v>
      </c>
      <c r="GU27" s="84">
        <v>54</v>
      </c>
      <c r="GV27" s="399">
        <v>0</v>
      </c>
      <c r="GW27" s="83">
        <v>49</v>
      </c>
      <c r="GX27" s="83">
        <v>29</v>
      </c>
      <c r="GY27" s="83">
        <v>28</v>
      </c>
      <c r="GZ27" s="83">
        <v>21</v>
      </c>
      <c r="HA27" s="83">
        <v>10</v>
      </c>
      <c r="HB27" s="85">
        <v>137</v>
      </c>
      <c r="HC27" s="86">
        <v>191</v>
      </c>
      <c r="HD27" s="87">
        <v>0</v>
      </c>
      <c r="HE27" s="88">
        <v>0</v>
      </c>
      <c r="HF27" s="89">
        <v>0</v>
      </c>
      <c r="HG27" s="399">
        <v>0</v>
      </c>
      <c r="HH27" s="88">
        <v>1</v>
      </c>
      <c r="HI27" s="88">
        <v>0</v>
      </c>
      <c r="HJ27" s="88">
        <v>0</v>
      </c>
      <c r="HK27" s="88">
        <v>0</v>
      </c>
      <c r="HL27" s="88">
        <v>0</v>
      </c>
      <c r="HM27" s="89">
        <v>1</v>
      </c>
      <c r="HN27" s="90">
        <v>1</v>
      </c>
      <c r="HO27" s="87">
        <v>1</v>
      </c>
      <c r="HP27" s="88">
        <v>0</v>
      </c>
      <c r="HQ27" s="89">
        <v>1</v>
      </c>
      <c r="HR27" s="399">
        <v>0</v>
      </c>
      <c r="HS27" s="88">
        <v>2</v>
      </c>
      <c r="HT27" s="88">
        <v>0</v>
      </c>
      <c r="HU27" s="88">
        <v>1</v>
      </c>
      <c r="HV27" s="88">
        <v>1</v>
      </c>
      <c r="HW27" s="88">
        <v>1</v>
      </c>
      <c r="HX27" s="89">
        <v>5</v>
      </c>
      <c r="HY27" s="90">
        <v>6</v>
      </c>
      <c r="HZ27" s="87">
        <v>1</v>
      </c>
      <c r="IA27" s="88">
        <v>4</v>
      </c>
      <c r="IB27" s="89">
        <v>5</v>
      </c>
      <c r="IC27" s="399">
        <v>0</v>
      </c>
      <c r="ID27" s="88">
        <v>3</v>
      </c>
      <c r="IE27" s="88">
        <v>3</v>
      </c>
      <c r="IF27" s="88">
        <v>3</v>
      </c>
      <c r="IG27" s="88">
        <v>3</v>
      </c>
      <c r="IH27" s="88">
        <v>0</v>
      </c>
      <c r="II27" s="89">
        <v>12</v>
      </c>
      <c r="IJ27" s="90">
        <v>17</v>
      </c>
      <c r="IK27" s="87">
        <v>4</v>
      </c>
      <c r="IL27" s="88">
        <v>3</v>
      </c>
      <c r="IM27" s="89">
        <v>7</v>
      </c>
      <c r="IN27" s="399">
        <v>0</v>
      </c>
      <c r="IO27" s="88">
        <v>7</v>
      </c>
      <c r="IP27" s="88">
        <v>5</v>
      </c>
      <c r="IQ27" s="88">
        <v>2</v>
      </c>
      <c r="IR27" s="88">
        <v>4</v>
      </c>
      <c r="IS27" s="88">
        <v>2</v>
      </c>
      <c r="IT27" s="89">
        <v>20</v>
      </c>
      <c r="IU27" s="90">
        <v>27</v>
      </c>
      <c r="IV27" s="87">
        <v>14</v>
      </c>
      <c r="IW27" s="88">
        <v>7</v>
      </c>
      <c r="IX27" s="89">
        <v>21</v>
      </c>
      <c r="IY27" s="399">
        <v>0</v>
      </c>
      <c r="IZ27" s="88">
        <v>16</v>
      </c>
      <c r="JA27" s="88">
        <v>8</v>
      </c>
      <c r="JB27" s="88">
        <v>6</v>
      </c>
      <c r="JC27" s="88">
        <v>5</v>
      </c>
      <c r="JD27" s="88">
        <v>2</v>
      </c>
      <c r="JE27" s="89">
        <v>37</v>
      </c>
      <c r="JF27" s="90">
        <v>58</v>
      </c>
      <c r="JG27" s="87">
        <v>13</v>
      </c>
      <c r="JH27" s="88">
        <v>7</v>
      </c>
      <c r="JI27" s="89">
        <v>20</v>
      </c>
      <c r="JJ27" s="399">
        <v>0</v>
      </c>
      <c r="JK27" s="88">
        <v>20</v>
      </c>
      <c r="JL27" s="88">
        <v>13</v>
      </c>
      <c r="JM27" s="88">
        <v>16</v>
      </c>
      <c r="JN27" s="88">
        <v>8</v>
      </c>
      <c r="JO27" s="88">
        <v>5</v>
      </c>
      <c r="JP27" s="89">
        <v>62</v>
      </c>
      <c r="JQ27" s="90">
        <v>82</v>
      </c>
      <c r="JR27" s="87">
        <v>0</v>
      </c>
      <c r="JS27" s="88">
        <v>0</v>
      </c>
      <c r="JT27" s="89">
        <v>0</v>
      </c>
      <c r="JU27" s="399">
        <v>0</v>
      </c>
      <c r="JV27" s="88">
        <v>0</v>
      </c>
      <c r="JW27" s="88">
        <v>0</v>
      </c>
      <c r="JX27" s="88">
        <v>0</v>
      </c>
      <c r="JY27" s="88">
        <v>0</v>
      </c>
      <c r="JZ27" s="88">
        <v>0</v>
      </c>
      <c r="KA27" s="89">
        <v>0</v>
      </c>
      <c r="KB27" s="90">
        <v>0</v>
      </c>
      <c r="KC27" s="87">
        <v>33</v>
      </c>
      <c r="KD27" s="88">
        <v>21</v>
      </c>
      <c r="KE27" s="89">
        <v>54</v>
      </c>
      <c r="KF27" s="399">
        <v>0</v>
      </c>
      <c r="KG27" s="88">
        <v>49</v>
      </c>
      <c r="KH27" s="88">
        <v>29</v>
      </c>
      <c r="KI27" s="88">
        <v>28</v>
      </c>
      <c r="KJ27" s="88">
        <v>21</v>
      </c>
      <c r="KK27" s="88">
        <v>10</v>
      </c>
      <c r="KL27" s="89">
        <v>137</v>
      </c>
      <c r="KM27" s="90">
        <v>191</v>
      </c>
    </row>
    <row r="28" spans="2:299" s="56" customFormat="1" ht="21" customHeight="1" x14ac:dyDescent="0.2">
      <c r="B28" s="92" t="s">
        <v>25</v>
      </c>
      <c r="C28" s="82">
        <v>15</v>
      </c>
      <c r="D28" s="83">
        <v>31</v>
      </c>
      <c r="E28" s="84">
        <v>46</v>
      </c>
      <c r="F28" s="399">
        <v>0</v>
      </c>
      <c r="G28" s="83">
        <v>20</v>
      </c>
      <c r="H28" s="83">
        <v>18</v>
      </c>
      <c r="I28" s="83">
        <v>13</v>
      </c>
      <c r="J28" s="83">
        <v>8</v>
      </c>
      <c r="K28" s="83">
        <v>3</v>
      </c>
      <c r="L28" s="85">
        <v>62</v>
      </c>
      <c r="M28" s="86">
        <v>108</v>
      </c>
      <c r="N28" s="87">
        <v>0</v>
      </c>
      <c r="O28" s="88">
        <v>0</v>
      </c>
      <c r="P28" s="89">
        <v>0</v>
      </c>
      <c r="Q28" s="399">
        <v>0</v>
      </c>
      <c r="R28" s="88">
        <v>1</v>
      </c>
      <c r="S28" s="88">
        <v>1</v>
      </c>
      <c r="T28" s="88">
        <v>0</v>
      </c>
      <c r="U28" s="88">
        <v>0</v>
      </c>
      <c r="V28" s="88">
        <v>0</v>
      </c>
      <c r="W28" s="89">
        <v>2</v>
      </c>
      <c r="X28" s="90">
        <v>2</v>
      </c>
      <c r="Y28" s="87">
        <v>2</v>
      </c>
      <c r="Z28" s="88">
        <v>1</v>
      </c>
      <c r="AA28" s="89">
        <v>3</v>
      </c>
      <c r="AB28" s="399">
        <v>0</v>
      </c>
      <c r="AC28" s="88">
        <v>0</v>
      </c>
      <c r="AD28" s="88">
        <v>1</v>
      </c>
      <c r="AE28" s="88">
        <v>0</v>
      </c>
      <c r="AF28" s="88">
        <v>2</v>
      </c>
      <c r="AG28" s="88">
        <v>0</v>
      </c>
      <c r="AH28" s="89">
        <v>3</v>
      </c>
      <c r="AI28" s="90">
        <v>6</v>
      </c>
      <c r="AJ28" s="87">
        <v>1</v>
      </c>
      <c r="AK28" s="88">
        <v>3</v>
      </c>
      <c r="AL28" s="89">
        <v>4</v>
      </c>
      <c r="AM28" s="399">
        <v>0</v>
      </c>
      <c r="AN28" s="88">
        <v>1</v>
      </c>
      <c r="AO28" s="88">
        <v>1</v>
      </c>
      <c r="AP28" s="88">
        <v>2</v>
      </c>
      <c r="AQ28" s="88">
        <v>1</v>
      </c>
      <c r="AR28" s="88">
        <v>0</v>
      </c>
      <c r="AS28" s="89">
        <v>5</v>
      </c>
      <c r="AT28" s="90">
        <v>9</v>
      </c>
      <c r="AU28" s="87">
        <v>4</v>
      </c>
      <c r="AV28" s="88">
        <v>16</v>
      </c>
      <c r="AW28" s="89">
        <v>20</v>
      </c>
      <c r="AX28" s="399">
        <v>0</v>
      </c>
      <c r="AY28" s="88">
        <v>7</v>
      </c>
      <c r="AZ28" s="88">
        <v>4</v>
      </c>
      <c r="BA28" s="88">
        <v>3</v>
      </c>
      <c r="BB28" s="88">
        <v>0</v>
      </c>
      <c r="BC28" s="88">
        <v>0</v>
      </c>
      <c r="BD28" s="89">
        <v>14</v>
      </c>
      <c r="BE28" s="90">
        <v>34</v>
      </c>
      <c r="BF28" s="87">
        <v>3</v>
      </c>
      <c r="BG28" s="88">
        <v>5</v>
      </c>
      <c r="BH28" s="89">
        <v>8</v>
      </c>
      <c r="BI28" s="399">
        <v>0</v>
      </c>
      <c r="BJ28" s="88">
        <v>6</v>
      </c>
      <c r="BK28" s="88">
        <v>7</v>
      </c>
      <c r="BL28" s="88">
        <v>2</v>
      </c>
      <c r="BM28" s="88">
        <v>2</v>
      </c>
      <c r="BN28" s="88">
        <v>1</v>
      </c>
      <c r="BO28" s="89">
        <v>18</v>
      </c>
      <c r="BP28" s="90">
        <v>26</v>
      </c>
      <c r="BQ28" s="87">
        <v>5</v>
      </c>
      <c r="BR28" s="88">
        <v>6</v>
      </c>
      <c r="BS28" s="89">
        <v>11</v>
      </c>
      <c r="BT28" s="399">
        <v>0</v>
      </c>
      <c r="BU28" s="88">
        <v>5</v>
      </c>
      <c r="BV28" s="88">
        <v>4</v>
      </c>
      <c r="BW28" s="88">
        <v>6</v>
      </c>
      <c r="BX28" s="88">
        <v>3</v>
      </c>
      <c r="BY28" s="88">
        <v>2</v>
      </c>
      <c r="BZ28" s="89">
        <v>20</v>
      </c>
      <c r="CA28" s="90">
        <v>31</v>
      </c>
      <c r="CB28" s="87">
        <v>0</v>
      </c>
      <c r="CC28" s="88">
        <v>0</v>
      </c>
      <c r="CD28" s="89">
        <v>0</v>
      </c>
      <c r="CE28" s="399">
        <v>0</v>
      </c>
      <c r="CF28" s="88">
        <v>0</v>
      </c>
      <c r="CG28" s="88">
        <v>0</v>
      </c>
      <c r="CH28" s="88">
        <v>0</v>
      </c>
      <c r="CI28" s="88">
        <v>0</v>
      </c>
      <c r="CJ28" s="88">
        <v>0</v>
      </c>
      <c r="CK28" s="89">
        <v>0</v>
      </c>
      <c r="CL28" s="90">
        <v>0</v>
      </c>
      <c r="CM28" s="87">
        <v>15</v>
      </c>
      <c r="CN28" s="88">
        <v>31</v>
      </c>
      <c r="CO28" s="89">
        <v>46</v>
      </c>
      <c r="CP28" s="399">
        <v>0</v>
      </c>
      <c r="CQ28" s="88">
        <v>20</v>
      </c>
      <c r="CR28" s="88">
        <v>18</v>
      </c>
      <c r="CS28" s="88">
        <v>13</v>
      </c>
      <c r="CT28" s="88">
        <v>8</v>
      </c>
      <c r="CU28" s="88">
        <v>3</v>
      </c>
      <c r="CV28" s="89">
        <v>62</v>
      </c>
      <c r="CW28" s="90">
        <v>108</v>
      </c>
      <c r="CX28" s="91">
        <v>2</v>
      </c>
      <c r="CY28" s="83">
        <v>1</v>
      </c>
      <c r="CZ28" s="84">
        <v>3</v>
      </c>
      <c r="DA28" s="399">
        <v>0</v>
      </c>
      <c r="DB28" s="83">
        <v>5</v>
      </c>
      <c r="DC28" s="83">
        <v>2</v>
      </c>
      <c r="DD28" s="83">
        <v>2</v>
      </c>
      <c r="DE28" s="83">
        <v>1</v>
      </c>
      <c r="DF28" s="83">
        <v>0</v>
      </c>
      <c r="DG28" s="85">
        <v>10</v>
      </c>
      <c r="DH28" s="86">
        <v>13</v>
      </c>
      <c r="DI28" s="87">
        <v>0</v>
      </c>
      <c r="DJ28" s="88">
        <v>1</v>
      </c>
      <c r="DK28" s="89">
        <v>1</v>
      </c>
      <c r="DL28" s="399">
        <v>0</v>
      </c>
      <c r="DM28" s="88">
        <v>0</v>
      </c>
      <c r="DN28" s="88">
        <v>0</v>
      </c>
      <c r="DO28" s="88">
        <v>0</v>
      </c>
      <c r="DP28" s="88">
        <v>0</v>
      </c>
      <c r="DQ28" s="88">
        <v>0</v>
      </c>
      <c r="DR28" s="89">
        <v>0</v>
      </c>
      <c r="DS28" s="90">
        <v>1</v>
      </c>
      <c r="DT28" s="87">
        <v>0</v>
      </c>
      <c r="DU28" s="88">
        <v>0</v>
      </c>
      <c r="DV28" s="89">
        <v>0</v>
      </c>
      <c r="DW28" s="399">
        <v>0</v>
      </c>
      <c r="DX28" s="88">
        <v>0</v>
      </c>
      <c r="DY28" s="88">
        <v>0</v>
      </c>
      <c r="DZ28" s="88">
        <v>0</v>
      </c>
      <c r="EA28" s="88">
        <v>0</v>
      </c>
      <c r="EB28" s="88">
        <v>0</v>
      </c>
      <c r="EC28" s="89">
        <v>0</v>
      </c>
      <c r="ED28" s="90">
        <v>0</v>
      </c>
      <c r="EE28" s="87">
        <v>0</v>
      </c>
      <c r="EF28" s="88">
        <v>0</v>
      </c>
      <c r="EG28" s="89">
        <v>0</v>
      </c>
      <c r="EH28" s="399">
        <v>0</v>
      </c>
      <c r="EI28" s="88">
        <v>0</v>
      </c>
      <c r="EJ28" s="88">
        <v>1</v>
      </c>
      <c r="EK28" s="88">
        <v>0</v>
      </c>
      <c r="EL28" s="88">
        <v>0</v>
      </c>
      <c r="EM28" s="88">
        <v>0</v>
      </c>
      <c r="EN28" s="89">
        <v>1</v>
      </c>
      <c r="EO28" s="90">
        <v>1</v>
      </c>
      <c r="EP28" s="87">
        <v>0</v>
      </c>
      <c r="EQ28" s="88">
        <v>0</v>
      </c>
      <c r="ER28" s="89">
        <v>0</v>
      </c>
      <c r="ES28" s="399">
        <v>0</v>
      </c>
      <c r="ET28" s="88">
        <v>0</v>
      </c>
      <c r="EU28" s="88">
        <v>1</v>
      </c>
      <c r="EV28" s="88">
        <v>0</v>
      </c>
      <c r="EW28" s="88">
        <v>0</v>
      </c>
      <c r="EX28" s="88">
        <v>0</v>
      </c>
      <c r="EY28" s="89">
        <v>1</v>
      </c>
      <c r="EZ28" s="90">
        <v>1</v>
      </c>
      <c r="FA28" s="87">
        <v>0</v>
      </c>
      <c r="FB28" s="88">
        <v>0</v>
      </c>
      <c r="FC28" s="89">
        <v>0</v>
      </c>
      <c r="FD28" s="399">
        <v>0</v>
      </c>
      <c r="FE28" s="88">
        <v>1</v>
      </c>
      <c r="FF28" s="88">
        <v>0</v>
      </c>
      <c r="FG28" s="88">
        <v>1</v>
      </c>
      <c r="FH28" s="88">
        <v>0</v>
      </c>
      <c r="FI28" s="88">
        <v>0</v>
      </c>
      <c r="FJ28" s="89">
        <v>2</v>
      </c>
      <c r="FK28" s="90">
        <v>2</v>
      </c>
      <c r="FL28" s="87">
        <v>2</v>
      </c>
      <c r="FM28" s="88">
        <v>0</v>
      </c>
      <c r="FN28" s="89">
        <v>2</v>
      </c>
      <c r="FO28" s="399">
        <v>0</v>
      </c>
      <c r="FP28" s="88">
        <v>4</v>
      </c>
      <c r="FQ28" s="88">
        <v>0</v>
      </c>
      <c r="FR28" s="88">
        <v>1</v>
      </c>
      <c r="FS28" s="88">
        <v>1</v>
      </c>
      <c r="FT28" s="88">
        <v>0</v>
      </c>
      <c r="FU28" s="89">
        <v>6</v>
      </c>
      <c r="FV28" s="90">
        <v>8</v>
      </c>
      <c r="FW28" s="87">
        <v>0</v>
      </c>
      <c r="FX28" s="88">
        <v>0</v>
      </c>
      <c r="FY28" s="89">
        <v>0</v>
      </c>
      <c r="FZ28" s="399">
        <v>0</v>
      </c>
      <c r="GA28" s="88">
        <v>0</v>
      </c>
      <c r="GB28" s="88">
        <v>0</v>
      </c>
      <c r="GC28" s="88">
        <v>0</v>
      </c>
      <c r="GD28" s="88">
        <v>0</v>
      </c>
      <c r="GE28" s="88">
        <v>0</v>
      </c>
      <c r="GF28" s="89">
        <v>0</v>
      </c>
      <c r="GG28" s="90">
        <v>0</v>
      </c>
      <c r="GH28" s="87">
        <v>2</v>
      </c>
      <c r="GI28" s="88">
        <v>1</v>
      </c>
      <c r="GJ28" s="89">
        <v>3</v>
      </c>
      <c r="GK28" s="399">
        <v>0</v>
      </c>
      <c r="GL28" s="88">
        <v>5</v>
      </c>
      <c r="GM28" s="88">
        <v>2</v>
      </c>
      <c r="GN28" s="88">
        <v>2</v>
      </c>
      <c r="GO28" s="88">
        <v>1</v>
      </c>
      <c r="GP28" s="88">
        <v>0</v>
      </c>
      <c r="GQ28" s="89">
        <v>10</v>
      </c>
      <c r="GR28" s="90">
        <v>13</v>
      </c>
      <c r="GS28" s="91">
        <v>17</v>
      </c>
      <c r="GT28" s="83">
        <v>32</v>
      </c>
      <c r="GU28" s="84">
        <v>49</v>
      </c>
      <c r="GV28" s="399">
        <v>0</v>
      </c>
      <c r="GW28" s="83">
        <v>25</v>
      </c>
      <c r="GX28" s="83">
        <v>20</v>
      </c>
      <c r="GY28" s="83">
        <v>15</v>
      </c>
      <c r="GZ28" s="83">
        <v>9</v>
      </c>
      <c r="HA28" s="83">
        <v>3</v>
      </c>
      <c r="HB28" s="85">
        <v>72</v>
      </c>
      <c r="HC28" s="86">
        <v>121</v>
      </c>
      <c r="HD28" s="87">
        <v>0</v>
      </c>
      <c r="HE28" s="88">
        <v>1</v>
      </c>
      <c r="HF28" s="89">
        <v>1</v>
      </c>
      <c r="HG28" s="399">
        <v>0</v>
      </c>
      <c r="HH28" s="88">
        <v>1</v>
      </c>
      <c r="HI28" s="88">
        <v>1</v>
      </c>
      <c r="HJ28" s="88">
        <v>0</v>
      </c>
      <c r="HK28" s="88">
        <v>0</v>
      </c>
      <c r="HL28" s="88">
        <v>0</v>
      </c>
      <c r="HM28" s="89">
        <v>2</v>
      </c>
      <c r="HN28" s="90">
        <v>3</v>
      </c>
      <c r="HO28" s="87">
        <v>2</v>
      </c>
      <c r="HP28" s="88">
        <v>1</v>
      </c>
      <c r="HQ28" s="89">
        <v>3</v>
      </c>
      <c r="HR28" s="399">
        <v>0</v>
      </c>
      <c r="HS28" s="88">
        <v>0</v>
      </c>
      <c r="HT28" s="88">
        <v>1</v>
      </c>
      <c r="HU28" s="88">
        <v>0</v>
      </c>
      <c r="HV28" s="88">
        <v>2</v>
      </c>
      <c r="HW28" s="88">
        <v>0</v>
      </c>
      <c r="HX28" s="89">
        <v>3</v>
      </c>
      <c r="HY28" s="90">
        <v>6</v>
      </c>
      <c r="HZ28" s="87">
        <v>1</v>
      </c>
      <c r="IA28" s="88">
        <v>3</v>
      </c>
      <c r="IB28" s="89">
        <v>4</v>
      </c>
      <c r="IC28" s="399">
        <v>0</v>
      </c>
      <c r="ID28" s="88">
        <v>1</v>
      </c>
      <c r="IE28" s="88">
        <v>2</v>
      </c>
      <c r="IF28" s="88">
        <v>2</v>
      </c>
      <c r="IG28" s="88">
        <v>1</v>
      </c>
      <c r="IH28" s="88">
        <v>0</v>
      </c>
      <c r="II28" s="89">
        <v>6</v>
      </c>
      <c r="IJ28" s="90">
        <v>10</v>
      </c>
      <c r="IK28" s="87">
        <v>4</v>
      </c>
      <c r="IL28" s="88">
        <v>16</v>
      </c>
      <c r="IM28" s="89">
        <v>20</v>
      </c>
      <c r="IN28" s="399">
        <v>0</v>
      </c>
      <c r="IO28" s="88">
        <v>7</v>
      </c>
      <c r="IP28" s="88">
        <v>5</v>
      </c>
      <c r="IQ28" s="88">
        <v>3</v>
      </c>
      <c r="IR28" s="88">
        <v>0</v>
      </c>
      <c r="IS28" s="88">
        <v>0</v>
      </c>
      <c r="IT28" s="89">
        <v>15</v>
      </c>
      <c r="IU28" s="90">
        <v>35</v>
      </c>
      <c r="IV28" s="87">
        <v>3</v>
      </c>
      <c r="IW28" s="88">
        <v>5</v>
      </c>
      <c r="IX28" s="89">
        <v>8</v>
      </c>
      <c r="IY28" s="399">
        <v>0</v>
      </c>
      <c r="IZ28" s="88">
        <v>7</v>
      </c>
      <c r="JA28" s="88">
        <v>7</v>
      </c>
      <c r="JB28" s="88">
        <v>3</v>
      </c>
      <c r="JC28" s="88">
        <v>2</v>
      </c>
      <c r="JD28" s="88">
        <v>1</v>
      </c>
      <c r="JE28" s="89">
        <v>20</v>
      </c>
      <c r="JF28" s="90">
        <v>28</v>
      </c>
      <c r="JG28" s="87">
        <v>7</v>
      </c>
      <c r="JH28" s="88">
        <v>6</v>
      </c>
      <c r="JI28" s="89">
        <v>13</v>
      </c>
      <c r="JJ28" s="399">
        <v>0</v>
      </c>
      <c r="JK28" s="88">
        <v>9</v>
      </c>
      <c r="JL28" s="88">
        <v>4</v>
      </c>
      <c r="JM28" s="88">
        <v>7</v>
      </c>
      <c r="JN28" s="88">
        <v>4</v>
      </c>
      <c r="JO28" s="88">
        <v>2</v>
      </c>
      <c r="JP28" s="89">
        <v>26</v>
      </c>
      <c r="JQ28" s="90">
        <v>39</v>
      </c>
      <c r="JR28" s="87">
        <v>0</v>
      </c>
      <c r="JS28" s="88">
        <v>0</v>
      </c>
      <c r="JT28" s="89">
        <v>0</v>
      </c>
      <c r="JU28" s="399">
        <v>0</v>
      </c>
      <c r="JV28" s="88">
        <v>0</v>
      </c>
      <c r="JW28" s="88">
        <v>0</v>
      </c>
      <c r="JX28" s="88">
        <v>0</v>
      </c>
      <c r="JY28" s="88">
        <v>0</v>
      </c>
      <c r="JZ28" s="88">
        <v>0</v>
      </c>
      <c r="KA28" s="89">
        <v>0</v>
      </c>
      <c r="KB28" s="90">
        <v>0</v>
      </c>
      <c r="KC28" s="87">
        <v>17</v>
      </c>
      <c r="KD28" s="88">
        <v>32</v>
      </c>
      <c r="KE28" s="89">
        <v>49</v>
      </c>
      <c r="KF28" s="399">
        <v>0</v>
      </c>
      <c r="KG28" s="88">
        <v>25</v>
      </c>
      <c r="KH28" s="88">
        <v>20</v>
      </c>
      <c r="KI28" s="88">
        <v>15</v>
      </c>
      <c r="KJ28" s="88">
        <v>9</v>
      </c>
      <c r="KK28" s="88">
        <v>3</v>
      </c>
      <c r="KL28" s="89">
        <v>72</v>
      </c>
      <c r="KM28" s="90">
        <v>121</v>
      </c>
    </row>
    <row r="29" spans="2:299" s="56" customFormat="1" ht="21" customHeight="1" x14ac:dyDescent="0.2">
      <c r="B29" s="92" t="s">
        <v>26</v>
      </c>
      <c r="C29" s="82">
        <v>28</v>
      </c>
      <c r="D29" s="83">
        <v>21</v>
      </c>
      <c r="E29" s="84">
        <v>49</v>
      </c>
      <c r="F29" s="399">
        <v>0</v>
      </c>
      <c r="G29" s="83">
        <v>32</v>
      </c>
      <c r="H29" s="83">
        <v>21</v>
      </c>
      <c r="I29" s="83">
        <v>15</v>
      </c>
      <c r="J29" s="83">
        <v>14</v>
      </c>
      <c r="K29" s="83">
        <v>10</v>
      </c>
      <c r="L29" s="85">
        <v>92</v>
      </c>
      <c r="M29" s="86">
        <v>141</v>
      </c>
      <c r="N29" s="87">
        <v>0</v>
      </c>
      <c r="O29" s="88">
        <v>0</v>
      </c>
      <c r="P29" s="89">
        <v>0</v>
      </c>
      <c r="Q29" s="399">
        <v>0</v>
      </c>
      <c r="R29" s="88">
        <v>0</v>
      </c>
      <c r="S29" s="88">
        <v>0</v>
      </c>
      <c r="T29" s="88">
        <v>1</v>
      </c>
      <c r="U29" s="88">
        <v>0</v>
      </c>
      <c r="V29" s="88">
        <v>0</v>
      </c>
      <c r="W29" s="89">
        <v>1</v>
      </c>
      <c r="X29" s="90">
        <v>1</v>
      </c>
      <c r="Y29" s="87">
        <v>0</v>
      </c>
      <c r="Z29" s="88">
        <v>0</v>
      </c>
      <c r="AA29" s="89">
        <v>0</v>
      </c>
      <c r="AB29" s="399">
        <v>0</v>
      </c>
      <c r="AC29" s="88">
        <v>2</v>
      </c>
      <c r="AD29" s="88">
        <v>1</v>
      </c>
      <c r="AE29" s="88">
        <v>0</v>
      </c>
      <c r="AF29" s="88">
        <v>0</v>
      </c>
      <c r="AG29" s="88">
        <v>0</v>
      </c>
      <c r="AH29" s="89">
        <v>3</v>
      </c>
      <c r="AI29" s="90">
        <v>3</v>
      </c>
      <c r="AJ29" s="87">
        <v>1</v>
      </c>
      <c r="AK29" s="88">
        <v>5</v>
      </c>
      <c r="AL29" s="89">
        <v>6</v>
      </c>
      <c r="AM29" s="399">
        <v>0</v>
      </c>
      <c r="AN29" s="88">
        <v>5</v>
      </c>
      <c r="AO29" s="88">
        <v>0</v>
      </c>
      <c r="AP29" s="88">
        <v>0</v>
      </c>
      <c r="AQ29" s="88">
        <v>0</v>
      </c>
      <c r="AR29" s="88">
        <v>1</v>
      </c>
      <c r="AS29" s="89">
        <v>6</v>
      </c>
      <c r="AT29" s="90">
        <v>12</v>
      </c>
      <c r="AU29" s="87">
        <v>8</v>
      </c>
      <c r="AV29" s="88">
        <v>7</v>
      </c>
      <c r="AW29" s="89">
        <v>15</v>
      </c>
      <c r="AX29" s="399">
        <v>0</v>
      </c>
      <c r="AY29" s="88">
        <v>3</v>
      </c>
      <c r="AZ29" s="88">
        <v>7</v>
      </c>
      <c r="BA29" s="88">
        <v>4</v>
      </c>
      <c r="BB29" s="88">
        <v>6</v>
      </c>
      <c r="BC29" s="88">
        <v>1</v>
      </c>
      <c r="BD29" s="89">
        <v>21</v>
      </c>
      <c r="BE29" s="90">
        <v>36</v>
      </c>
      <c r="BF29" s="87">
        <v>8</v>
      </c>
      <c r="BG29" s="88">
        <v>4</v>
      </c>
      <c r="BH29" s="89">
        <v>12</v>
      </c>
      <c r="BI29" s="399">
        <v>0</v>
      </c>
      <c r="BJ29" s="88">
        <v>11</v>
      </c>
      <c r="BK29" s="88">
        <v>6</v>
      </c>
      <c r="BL29" s="88">
        <v>5</v>
      </c>
      <c r="BM29" s="88">
        <v>4</v>
      </c>
      <c r="BN29" s="88">
        <v>5</v>
      </c>
      <c r="BO29" s="89">
        <v>31</v>
      </c>
      <c r="BP29" s="90">
        <v>43</v>
      </c>
      <c r="BQ29" s="87">
        <v>11</v>
      </c>
      <c r="BR29" s="88">
        <v>5</v>
      </c>
      <c r="BS29" s="89">
        <v>16</v>
      </c>
      <c r="BT29" s="399">
        <v>0</v>
      </c>
      <c r="BU29" s="88">
        <v>11</v>
      </c>
      <c r="BV29" s="88">
        <v>7</v>
      </c>
      <c r="BW29" s="88">
        <v>5</v>
      </c>
      <c r="BX29" s="88">
        <v>4</v>
      </c>
      <c r="BY29" s="88">
        <v>3</v>
      </c>
      <c r="BZ29" s="89">
        <v>30</v>
      </c>
      <c r="CA29" s="90">
        <v>46</v>
      </c>
      <c r="CB29" s="87">
        <v>0</v>
      </c>
      <c r="CC29" s="88">
        <v>0</v>
      </c>
      <c r="CD29" s="89">
        <v>0</v>
      </c>
      <c r="CE29" s="399">
        <v>0</v>
      </c>
      <c r="CF29" s="88">
        <v>0</v>
      </c>
      <c r="CG29" s="88">
        <v>0</v>
      </c>
      <c r="CH29" s="88">
        <v>0</v>
      </c>
      <c r="CI29" s="88">
        <v>0</v>
      </c>
      <c r="CJ29" s="88">
        <v>0</v>
      </c>
      <c r="CK29" s="89">
        <v>0</v>
      </c>
      <c r="CL29" s="90">
        <v>0</v>
      </c>
      <c r="CM29" s="87">
        <v>28</v>
      </c>
      <c r="CN29" s="88">
        <v>21</v>
      </c>
      <c r="CO29" s="89">
        <v>49</v>
      </c>
      <c r="CP29" s="399">
        <v>0</v>
      </c>
      <c r="CQ29" s="88">
        <v>32</v>
      </c>
      <c r="CR29" s="88">
        <v>21</v>
      </c>
      <c r="CS29" s="88">
        <v>15</v>
      </c>
      <c r="CT29" s="88">
        <v>14</v>
      </c>
      <c r="CU29" s="88">
        <v>10</v>
      </c>
      <c r="CV29" s="89">
        <v>92</v>
      </c>
      <c r="CW29" s="90">
        <v>141</v>
      </c>
      <c r="CX29" s="91">
        <v>2</v>
      </c>
      <c r="CY29" s="83">
        <v>6</v>
      </c>
      <c r="CZ29" s="84">
        <v>8</v>
      </c>
      <c r="DA29" s="399">
        <v>0</v>
      </c>
      <c r="DB29" s="83">
        <v>8</v>
      </c>
      <c r="DC29" s="83">
        <v>2</v>
      </c>
      <c r="DD29" s="83">
        <v>2</v>
      </c>
      <c r="DE29" s="83">
        <v>3</v>
      </c>
      <c r="DF29" s="83">
        <v>2</v>
      </c>
      <c r="DG29" s="85">
        <v>17</v>
      </c>
      <c r="DH29" s="86">
        <v>25</v>
      </c>
      <c r="DI29" s="87">
        <v>0</v>
      </c>
      <c r="DJ29" s="88">
        <v>2</v>
      </c>
      <c r="DK29" s="89">
        <v>2</v>
      </c>
      <c r="DL29" s="399">
        <v>0</v>
      </c>
      <c r="DM29" s="88">
        <v>0</v>
      </c>
      <c r="DN29" s="88">
        <v>0</v>
      </c>
      <c r="DO29" s="88">
        <v>0</v>
      </c>
      <c r="DP29" s="88">
        <v>0</v>
      </c>
      <c r="DQ29" s="88">
        <v>0</v>
      </c>
      <c r="DR29" s="89">
        <v>0</v>
      </c>
      <c r="DS29" s="90">
        <v>2</v>
      </c>
      <c r="DT29" s="87">
        <v>0</v>
      </c>
      <c r="DU29" s="88">
        <v>0</v>
      </c>
      <c r="DV29" s="89">
        <v>0</v>
      </c>
      <c r="DW29" s="399">
        <v>0</v>
      </c>
      <c r="DX29" s="88">
        <v>0</v>
      </c>
      <c r="DY29" s="88">
        <v>0</v>
      </c>
      <c r="DZ29" s="88">
        <v>0</v>
      </c>
      <c r="EA29" s="88">
        <v>1</v>
      </c>
      <c r="EB29" s="88">
        <v>0</v>
      </c>
      <c r="EC29" s="89">
        <v>1</v>
      </c>
      <c r="ED29" s="90">
        <v>1</v>
      </c>
      <c r="EE29" s="87">
        <v>1</v>
      </c>
      <c r="EF29" s="88">
        <v>0</v>
      </c>
      <c r="EG29" s="89">
        <v>1</v>
      </c>
      <c r="EH29" s="399">
        <v>0</v>
      </c>
      <c r="EI29" s="88">
        <v>0</v>
      </c>
      <c r="EJ29" s="88">
        <v>0</v>
      </c>
      <c r="EK29" s="88">
        <v>0</v>
      </c>
      <c r="EL29" s="88">
        <v>0</v>
      </c>
      <c r="EM29" s="88">
        <v>0</v>
      </c>
      <c r="EN29" s="89">
        <v>0</v>
      </c>
      <c r="EO29" s="90">
        <v>1</v>
      </c>
      <c r="EP29" s="87">
        <v>0</v>
      </c>
      <c r="EQ29" s="88">
        <v>1</v>
      </c>
      <c r="ER29" s="89">
        <v>1</v>
      </c>
      <c r="ES29" s="399">
        <v>0</v>
      </c>
      <c r="ET29" s="88">
        <v>2</v>
      </c>
      <c r="EU29" s="88">
        <v>1</v>
      </c>
      <c r="EV29" s="88">
        <v>0</v>
      </c>
      <c r="EW29" s="88">
        <v>1</v>
      </c>
      <c r="EX29" s="88">
        <v>0</v>
      </c>
      <c r="EY29" s="89">
        <v>4</v>
      </c>
      <c r="EZ29" s="90">
        <v>5</v>
      </c>
      <c r="FA29" s="87">
        <v>1</v>
      </c>
      <c r="FB29" s="88">
        <v>1</v>
      </c>
      <c r="FC29" s="89">
        <v>2</v>
      </c>
      <c r="FD29" s="399">
        <v>0</v>
      </c>
      <c r="FE29" s="88">
        <v>3</v>
      </c>
      <c r="FF29" s="88">
        <v>1</v>
      </c>
      <c r="FG29" s="88">
        <v>0</v>
      </c>
      <c r="FH29" s="88">
        <v>0</v>
      </c>
      <c r="FI29" s="88">
        <v>0</v>
      </c>
      <c r="FJ29" s="89">
        <v>4</v>
      </c>
      <c r="FK29" s="90">
        <v>6</v>
      </c>
      <c r="FL29" s="87">
        <v>0</v>
      </c>
      <c r="FM29" s="88">
        <v>2</v>
      </c>
      <c r="FN29" s="89">
        <v>2</v>
      </c>
      <c r="FO29" s="399">
        <v>0</v>
      </c>
      <c r="FP29" s="88">
        <v>3</v>
      </c>
      <c r="FQ29" s="88">
        <v>0</v>
      </c>
      <c r="FR29" s="88">
        <v>2</v>
      </c>
      <c r="FS29" s="88">
        <v>1</v>
      </c>
      <c r="FT29" s="88">
        <v>2</v>
      </c>
      <c r="FU29" s="89">
        <v>8</v>
      </c>
      <c r="FV29" s="90">
        <v>10</v>
      </c>
      <c r="FW29" s="87">
        <v>0</v>
      </c>
      <c r="FX29" s="88">
        <v>0</v>
      </c>
      <c r="FY29" s="89">
        <v>0</v>
      </c>
      <c r="FZ29" s="399">
        <v>0</v>
      </c>
      <c r="GA29" s="88">
        <v>0</v>
      </c>
      <c r="GB29" s="88">
        <v>0</v>
      </c>
      <c r="GC29" s="88">
        <v>0</v>
      </c>
      <c r="GD29" s="88">
        <v>0</v>
      </c>
      <c r="GE29" s="88">
        <v>0</v>
      </c>
      <c r="GF29" s="89">
        <v>0</v>
      </c>
      <c r="GG29" s="90">
        <v>0</v>
      </c>
      <c r="GH29" s="87">
        <v>2</v>
      </c>
      <c r="GI29" s="88">
        <v>6</v>
      </c>
      <c r="GJ29" s="89">
        <v>8</v>
      </c>
      <c r="GK29" s="399">
        <v>0</v>
      </c>
      <c r="GL29" s="88">
        <v>8</v>
      </c>
      <c r="GM29" s="88">
        <v>2</v>
      </c>
      <c r="GN29" s="88">
        <v>2</v>
      </c>
      <c r="GO29" s="88">
        <v>3</v>
      </c>
      <c r="GP29" s="88">
        <v>2</v>
      </c>
      <c r="GQ29" s="89">
        <v>17</v>
      </c>
      <c r="GR29" s="90">
        <v>25</v>
      </c>
      <c r="GS29" s="91">
        <v>30</v>
      </c>
      <c r="GT29" s="83">
        <v>27</v>
      </c>
      <c r="GU29" s="84">
        <v>57</v>
      </c>
      <c r="GV29" s="399">
        <v>0</v>
      </c>
      <c r="GW29" s="83">
        <v>40</v>
      </c>
      <c r="GX29" s="83">
        <v>23</v>
      </c>
      <c r="GY29" s="83">
        <v>17</v>
      </c>
      <c r="GZ29" s="83">
        <v>17</v>
      </c>
      <c r="HA29" s="83">
        <v>12</v>
      </c>
      <c r="HB29" s="85">
        <v>109</v>
      </c>
      <c r="HC29" s="86">
        <v>166</v>
      </c>
      <c r="HD29" s="87">
        <v>0</v>
      </c>
      <c r="HE29" s="88">
        <v>2</v>
      </c>
      <c r="HF29" s="89">
        <v>2</v>
      </c>
      <c r="HG29" s="399">
        <v>0</v>
      </c>
      <c r="HH29" s="88">
        <v>0</v>
      </c>
      <c r="HI29" s="88">
        <v>0</v>
      </c>
      <c r="HJ29" s="88">
        <v>1</v>
      </c>
      <c r="HK29" s="88">
        <v>0</v>
      </c>
      <c r="HL29" s="88">
        <v>0</v>
      </c>
      <c r="HM29" s="89">
        <v>1</v>
      </c>
      <c r="HN29" s="90">
        <v>3</v>
      </c>
      <c r="HO29" s="87">
        <v>0</v>
      </c>
      <c r="HP29" s="88">
        <v>0</v>
      </c>
      <c r="HQ29" s="89">
        <v>0</v>
      </c>
      <c r="HR29" s="399">
        <v>0</v>
      </c>
      <c r="HS29" s="88">
        <v>2</v>
      </c>
      <c r="HT29" s="88">
        <v>1</v>
      </c>
      <c r="HU29" s="88">
        <v>0</v>
      </c>
      <c r="HV29" s="88">
        <v>1</v>
      </c>
      <c r="HW29" s="88">
        <v>0</v>
      </c>
      <c r="HX29" s="89">
        <v>4</v>
      </c>
      <c r="HY29" s="90">
        <v>4</v>
      </c>
      <c r="HZ29" s="87">
        <v>2</v>
      </c>
      <c r="IA29" s="88">
        <v>5</v>
      </c>
      <c r="IB29" s="89">
        <v>7</v>
      </c>
      <c r="IC29" s="399">
        <v>0</v>
      </c>
      <c r="ID29" s="88">
        <v>5</v>
      </c>
      <c r="IE29" s="88">
        <v>0</v>
      </c>
      <c r="IF29" s="88">
        <v>0</v>
      </c>
      <c r="IG29" s="88">
        <v>0</v>
      </c>
      <c r="IH29" s="88">
        <v>1</v>
      </c>
      <c r="II29" s="89">
        <v>6</v>
      </c>
      <c r="IJ29" s="90">
        <v>13</v>
      </c>
      <c r="IK29" s="87">
        <v>8</v>
      </c>
      <c r="IL29" s="88">
        <v>8</v>
      </c>
      <c r="IM29" s="89">
        <v>16</v>
      </c>
      <c r="IN29" s="399">
        <v>0</v>
      </c>
      <c r="IO29" s="88">
        <v>5</v>
      </c>
      <c r="IP29" s="88">
        <v>8</v>
      </c>
      <c r="IQ29" s="88">
        <v>4</v>
      </c>
      <c r="IR29" s="88">
        <v>7</v>
      </c>
      <c r="IS29" s="88">
        <v>1</v>
      </c>
      <c r="IT29" s="89">
        <v>25</v>
      </c>
      <c r="IU29" s="90">
        <v>41</v>
      </c>
      <c r="IV29" s="87">
        <v>9</v>
      </c>
      <c r="IW29" s="88">
        <v>5</v>
      </c>
      <c r="IX29" s="89">
        <v>14</v>
      </c>
      <c r="IY29" s="399">
        <v>0</v>
      </c>
      <c r="IZ29" s="88">
        <v>14</v>
      </c>
      <c r="JA29" s="88">
        <v>7</v>
      </c>
      <c r="JB29" s="88">
        <v>5</v>
      </c>
      <c r="JC29" s="88">
        <v>4</v>
      </c>
      <c r="JD29" s="88">
        <v>5</v>
      </c>
      <c r="JE29" s="89">
        <v>35</v>
      </c>
      <c r="JF29" s="90">
        <v>49</v>
      </c>
      <c r="JG29" s="87">
        <v>11</v>
      </c>
      <c r="JH29" s="88">
        <v>7</v>
      </c>
      <c r="JI29" s="89">
        <v>18</v>
      </c>
      <c r="JJ29" s="399">
        <v>0</v>
      </c>
      <c r="JK29" s="88">
        <v>14</v>
      </c>
      <c r="JL29" s="88">
        <v>7</v>
      </c>
      <c r="JM29" s="88">
        <v>7</v>
      </c>
      <c r="JN29" s="88">
        <v>5</v>
      </c>
      <c r="JO29" s="88">
        <v>5</v>
      </c>
      <c r="JP29" s="89">
        <v>38</v>
      </c>
      <c r="JQ29" s="90">
        <v>56</v>
      </c>
      <c r="JR29" s="87">
        <v>0</v>
      </c>
      <c r="JS29" s="88">
        <v>0</v>
      </c>
      <c r="JT29" s="89">
        <v>0</v>
      </c>
      <c r="JU29" s="399">
        <v>0</v>
      </c>
      <c r="JV29" s="88">
        <v>0</v>
      </c>
      <c r="JW29" s="88">
        <v>0</v>
      </c>
      <c r="JX29" s="88">
        <v>0</v>
      </c>
      <c r="JY29" s="88">
        <v>0</v>
      </c>
      <c r="JZ29" s="88">
        <v>0</v>
      </c>
      <c r="KA29" s="89">
        <v>0</v>
      </c>
      <c r="KB29" s="90">
        <v>0</v>
      </c>
      <c r="KC29" s="87">
        <v>30</v>
      </c>
      <c r="KD29" s="88">
        <v>27</v>
      </c>
      <c r="KE29" s="89">
        <v>57</v>
      </c>
      <c r="KF29" s="399">
        <v>0</v>
      </c>
      <c r="KG29" s="88">
        <v>40</v>
      </c>
      <c r="KH29" s="88">
        <v>23</v>
      </c>
      <c r="KI29" s="88">
        <v>17</v>
      </c>
      <c r="KJ29" s="88">
        <v>17</v>
      </c>
      <c r="KK29" s="88">
        <v>12</v>
      </c>
      <c r="KL29" s="89">
        <v>109</v>
      </c>
      <c r="KM29" s="90">
        <v>166</v>
      </c>
    </row>
    <row r="30" spans="2:299" s="56" customFormat="1" ht="21" customHeight="1" x14ac:dyDescent="0.2">
      <c r="B30" s="92" t="s">
        <v>27</v>
      </c>
      <c r="C30" s="82">
        <v>29</v>
      </c>
      <c r="D30" s="83">
        <v>23</v>
      </c>
      <c r="E30" s="84">
        <v>52</v>
      </c>
      <c r="F30" s="399">
        <v>0</v>
      </c>
      <c r="G30" s="83">
        <v>19</v>
      </c>
      <c r="H30" s="83">
        <v>17</v>
      </c>
      <c r="I30" s="83">
        <v>12</v>
      </c>
      <c r="J30" s="83">
        <v>18</v>
      </c>
      <c r="K30" s="83">
        <v>10</v>
      </c>
      <c r="L30" s="85">
        <v>76</v>
      </c>
      <c r="M30" s="86">
        <v>128</v>
      </c>
      <c r="N30" s="87">
        <v>0</v>
      </c>
      <c r="O30" s="88">
        <v>1</v>
      </c>
      <c r="P30" s="89">
        <v>1</v>
      </c>
      <c r="Q30" s="399">
        <v>0</v>
      </c>
      <c r="R30" s="88">
        <v>0</v>
      </c>
      <c r="S30" s="88">
        <v>0</v>
      </c>
      <c r="T30" s="88">
        <v>0</v>
      </c>
      <c r="U30" s="88">
        <v>0</v>
      </c>
      <c r="V30" s="88">
        <v>1</v>
      </c>
      <c r="W30" s="89">
        <v>1</v>
      </c>
      <c r="X30" s="90">
        <v>2</v>
      </c>
      <c r="Y30" s="87">
        <v>1</v>
      </c>
      <c r="Z30" s="88">
        <v>0</v>
      </c>
      <c r="AA30" s="89">
        <v>1</v>
      </c>
      <c r="AB30" s="399">
        <v>0</v>
      </c>
      <c r="AC30" s="88">
        <v>1</v>
      </c>
      <c r="AD30" s="88">
        <v>1</v>
      </c>
      <c r="AE30" s="88">
        <v>1</v>
      </c>
      <c r="AF30" s="88">
        <v>0</v>
      </c>
      <c r="AG30" s="88">
        <v>1</v>
      </c>
      <c r="AH30" s="89">
        <v>4</v>
      </c>
      <c r="AI30" s="90">
        <v>5</v>
      </c>
      <c r="AJ30" s="87">
        <v>2</v>
      </c>
      <c r="AK30" s="88">
        <v>5</v>
      </c>
      <c r="AL30" s="89">
        <v>7</v>
      </c>
      <c r="AM30" s="399">
        <v>0</v>
      </c>
      <c r="AN30" s="88">
        <v>1</v>
      </c>
      <c r="AO30" s="88">
        <v>1</v>
      </c>
      <c r="AP30" s="88">
        <v>0</v>
      </c>
      <c r="AQ30" s="88">
        <v>3</v>
      </c>
      <c r="AR30" s="88">
        <v>0</v>
      </c>
      <c r="AS30" s="89">
        <v>5</v>
      </c>
      <c r="AT30" s="90">
        <v>12</v>
      </c>
      <c r="AU30" s="87">
        <v>10</v>
      </c>
      <c r="AV30" s="88">
        <v>5</v>
      </c>
      <c r="AW30" s="89">
        <v>15</v>
      </c>
      <c r="AX30" s="399">
        <v>0</v>
      </c>
      <c r="AY30" s="88">
        <v>4</v>
      </c>
      <c r="AZ30" s="88">
        <v>5</v>
      </c>
      <c r="BA30" s="88">
        <v>5</v>
      </c>
      <c r="BB30" s="88">
        <v>0</v>
      </c>
      <c r="BC30" s="88">
        <v>2</v>
      </c>
      <c r="BD30" s="89">
        <v>16</v>
      </c>
      <c r="BE30" s="90">
        <v>31</v>
      </c>
      <c r="BF30" s="87">
        <v>7</v>
      </c>
      <c r="BG30" s="88">
        <v>4</v>
      </c>
      <c r="BH30" s="89">
        <v>11</v>
      </c>
      <c r="BI30" s="399">
        <v>0</v>
      </c>
      <c r="BJ30" s="88">
        <v>7</v>
      </c>
      <c r="BK30" s="88">
        <v>3</v>
      </c>
      <c r="BL30" s="88">
        <v>6</v>
      </c>
      <c r="BM30" s="88">
        <v>4</v>
      </c>
      <c r="BN30" s="88">
        <v>3</v>
      </c>
      <c r="BO30" s="89">
        <v>23</v>
      </c>
      <c r="BP30" s="90">
        <v>34</v>
      </c>
      <c r="BQ30" s="87">
        <v>9</v>
      </c>
      <c r="BR30" s="88">
        <v>8</v>
      </c>
      <c r="BS30" s="89">
        <v>17</v>
      </c>
      <c r="BT30" s="399">
        <v>0</v>
      </c>
      <c r="BU30" s="88">
        <v>6</v>
      </c>
      <c r="BV30" s="88">
        <v>7</v>
      </c>
      <c r="BW30" s="88">
        <v>0</v>
      </c>
      <c r="BX30" s="88">
        <v>11</v>
      </c>
      <c r="BY30" s="88">
        <v>3</v>
      </c>
      <c r="BZ30" s="89">
        <v>27</v>
      </c>
      <c r="CA30" s="90">
        <v>44</v>
      </c>
      <c r="CB30" s="87">
        <v>0</v>
      </c>
      <c r="CC30" s="88">
        <v>0</v>
      </c>
      <c r="CD30" s="89">
        <v>0</v>
      </c>
      <c r="CE30" s="399">
        <v>0</v>
      </c>
      <c r="CF30" s="88">
        <v>0</v>
      </c>
      <c r="CG30" s="88">
        <v>0</v>
      </c>
      <c r="CH30" s="88">
        <v>0</v>
      </c>
      <c r="CI30" s="88">
        <v>0</v>
      </c>
      <c r="CJ30" s="88">
        <v>0</v>
      </c>
      <c r="CK30" s="89">
        <v>0</v>
      </c>
      <c r="CL30" s="90">
        <v>0</v>
      </c>
      <c r="CM30" s="87">
        <v>29</v>
      </c>
      <c r="CN30" s="88">
        <v>23</v>
      </c>
      <c r="CO30" s="89">
        <v>52</v>
      </c>
      <c r="CP30" s="399">
        <v>0</v>
      </c>
      <c r="CQ30" s="88">
        <v>19</v>
      </c>
      <c r="CR30" s="88">
        <v>17</v>
      </c>
      <c r="CS30" s="88">
        <v>12</v>
      </c>
      <c r="CT30" s="88">
        <v>18</v>
      </c>
      <c r="CU30" s="88">
        <v>10</v>
      </c>
      <c r="CV30" s="89">
        <v>76</v>
      </c>
      <c r="CW30" s="90">
        <v>128</v>
      </c>
      <c r="CX30" s="91">
        <v>4</v>
      </c>
      <c r="CY30" s="83">
        <v>4</v>
      </c>
      <c r="CZ30" s="84">
        <v>8</v>
      </c>
      <c r="DA30" s="399">
        <v>0</v>
      </c>
      <c r="DB30" s="83">
        <v>2</v>
      </c>
      <c r="DC30" s="83">
        <v>1</v>
      </c>
      <c r="DD30" s="83">
        <v>3</v>
      </c>
      <c r="DE30" s="83">
        <v>2</v>
      </c>
      <c r="DF30" s="83">
        <v>0</v>
      </c>
      <c r="DG30" s="85">
        <v>8</v>
      </c>
      <c r="DH30" s="86">
        <v>16</v>
      </c>
      <c r="DI30" s="87">
        <v>0</v>
      </c>
      <c r="DJ30" s="88">
        <v>0</v>
      </c>
      <c r="DK30" s="89">
        <v>0</v>
      </c>
      <c r="DL30" s="399">
        <v>0</v>
      </c>
      <c r="DM30" s="88">
        <v>0</v>
      </c>
      <c r="DN30" s="88">
        <v>0</v>
      </c>
      <c r="DO30" s="88">
        <v>0</v>
      </c>
      <c r="DP30" s="88">
        <v>0</v>
      </c>
      <c r="DQ30" s="88">
        <v>0</v>
      </c>
      <c r="DR30" s="89">
        <v>0</v>
      </c>
      <c r="DS30" s="90">
        <v>0</v>
      </c>
      <c r="DT30" s="87">
        <v>1</v>
      </c>
      <c r="DU30" s="88">
        <v>0</v>
      </c>
      <c r="DV30" s="89">
        <v>1</v>
      </c>
      <c r="DW30" s="399">
        <v>0</v>
      </c>
      <c r="DX30" s="88">
        <v>0</v>
      </c>
      <c r="DY30" s="88">
        <v>0</v>
      </c>
      <c r="DZ30" s="88">
        <v>0</v>
      </c>
      <c r="EA30" s="88">
        <v>0</v>
      </c>
      <c r="EB30" s="88">
        <v>0</v>
      </c>
      <c r="EC30" s="89">
        <v>0</v>
      </c>
      <c r="ED30" s="90">
        <v>1</v>
      </c>
      <c r="EE30" s="87">
        <v>0</v>
      </c>
      <c r="EF30" s="88">
        <v>0</v>
      </c>
      <c r="EG30" s="89">
        <v>0</v>
      </c>
      <c r="EH30" s="399">
        <v>0</v>
      </c>
      <c r="EI30" s="88">
        <v>0</v>
      </c>
      <c r="EJ30" s="88">
        <v>0</v>
      </c>
      <c r="EK30" s="88">
        <v>0</v>
      </c>
      <c r="EL30" s="88">
        <v>0</v>
      </c>
      <c r="EM30" s="88">
        <v>0</v>
      </c>
      <c r="EN30" s="89">
        <v>0</v>
      </c>
      <c r="EO30" s="90">
        <v>0</v>
      </c>
      <c r="EP30" s="87">
        <v>0</v>
      </c>
      <c r="EQ30" s="88">
        <v>1</v>
      </c>
      <c r="ER30" s="89">
        <v>1</v>
      </c>
      <c r="ES30" s="399">
        <v>0</v>
      </c>
      <c r="ET30" s="88">
        <v>0</v>
      </c>
      <c r="EU30" s="88">
        <v>0</v>
      </c>
      <c r="EV30" s="88">
        <v>0</v>
      </c>
      <c r="EW30" s="88">
        <v>0</v>
      </c>
      <c r="EX30" s="88">
        <v>0</v>
      </c>
      <c r="EY30" s="89">
        <v>0</v>
      </c>
      <c r="EZ30" s="90">
        <v>1</v>
      </c>
      <c r="FA30" s="87">
        <v>1</v>
      </c>
      <c r="FB30" s="88">
        <v>1</v>
      </c>
      <c r="FC30" s="89">
        <v>2</v>
      </c>
      <c r="FD30" s="399">
        <v>0</v>
      </c>
      <c r="FE30" s="88">
        <v>1</v>
      </c>
      <c r="FF30" s="88">
        <v>1</v>
      </c>
      <c r="FG30" s="88">
        <v>1</v>
      </c>
      <c r="FH30" s="88">
        <v>1</v>
      </c>
      <c r="FI30" s="88">
        <v>0</v>
      </c>
      <c r="FJ30" s="89">
        <v>4</v>
      </c>
      <c r="FK30" s="90">
        <v>6</v>
      </c>
      <c r="FL30" s="87">
        <v>2</v>
      </c>
      <c r="FM30" s="88">
        <v>2</v>
      </c>
      <c r="FN30" s="89">
        <v>4</v>
      </c>
      <c r="FO30" s="399">
        <v>0</v>
      </c>
      <c r="FP30" s="88">
        <v>1</v>
      </c>
      <c r="FQ30" s="88">
        <v>0</v>
      </c>
      <c r="FR30" s="88">
        <v>2</v>
      </c>
      <c r="FS30" s="88">
        <v>1</v>
      </c>
      <c r="FT30" s="88">
        <v>0</v>
      </c>
      <c r="FU30" s="89">
        <v>4</v>
      </c>
      <c r="FV30" s="90">
        <v>8</v>
      </c>
      <c r="FW30" s="87">
        <v>0</v>
      </c>
      <c r="FX30" s="88">
        <v>0</v>
      </c>
      <c r="FY30" s="89">
        <v>0</v>
      </c>
      <c r="FZ30" s="399">
        <v>0</v>
      </c>
      <c r="GA30" s="88">
        <v>0</v>
      </c>
      <c r="GB30" s="88">
        <v>0</v>
      </c>
      <c r="GC30" s="88">
        <v>0</v>
      </c>
      <c r="GD30" s="88">
        <v>0</v>
      </c>
      <c r="GE30" s="88">
        <v>0</v>
      </c>
      <c r="GF30" s="89">
        <v>0</v>
      </c>
      <c r="GG30" s="90">
        <v>0</v>
      </c>
      <c r="GH30" s="87">
        <v>4</v>
      </c>
      <c r="GI30" s="88">
        <v>4</v>
      </c>
      <c r="GJ30" s="89">
        <v>8</v>
      </c>
      <c r="GK30" s="399">
        <v>0</v>
      </c>
      <c r="GL30" s="88">
        <v>2</v>
      </c>
      <c r="GM30" s="88">
        <v>1</v>
      </c>
      <c r="GN30" s="88">
        <v>3</v>
      </c>
      <c r="GO30" s="88">
        <v>2</v>
      </c>
      <c r="GP30" s="88">
        <v>0</v>
      </c>
      <c r="GQ30" s="89">
        <v>8</v>
      </c>
      <c r="GR30" s="90">
        <v>16</v>
      </c>
      <c r="GS30" s="91">
        <v>33</v>
      </c>
      <c r="GT30" s="83">
        <v>27</v>
      </c>
      <c r="GU30" s="84">
        <v>60</v>
      </c>
      <c r="GV30" s="399">
        <v>0</v>
      </c>
      <c r="GW30" s="83">
        <v>21</v>
      </c>
      <c r="GX30" s="83">
        <v>18</v>
      </c>
      <c r="GY30" s="83">
        <v>15</v>
      </c>
      <c r="GZ30" s="83">
        <v>20</v>
      </c>
      <c r="HA30" s="83">
        <v>10</v>
      </c>
      <c r="HB30" s="85">
        <v>84</v>
      </c>
      <c r="HC30" s="86">
        <v>144</v>
      </c>
      <c r="HD30" s="87">
        <v>0</v>
      </c>
      <c r="HE30" s="88">
        <v>1</v>
      </c>
      <c r="HF30" s="89">
        <v>1</v>
      </c>
      <c r="HG30" s="399">
        <v>0</v>
      </c>
      <c r="HH30" s="88">
        <v>0</v>
      </c>
      <c r="HI30" s="88">
        <v>0</v>
      </c>
      <c r="HJ30" s="88">
        <v>0</v>
      </c>
      <c r="HK30" s="88">
        <v>0</v>
      </c>
      <c r="HL30" s="88">
        <v>1</v>
      </c>
      <c r="HM30" s="89">
        <v>1</v>
      </c>
      <c r="HN30" s="90">
        <v>2</v>
      </c>
      <c r="HO30" s="87">
        <v>2</v>
      </c>
      <c r="HP30" s="88">
        <v>0</v>
      </c>
      <c r="HQ30" s="89">
        <v>2</v>
      </c>
      <c r="HR30" s="399">
        <v>0</v>
      </c>
      <c r="HS30" s="88">
        <v>1</v>
      </c>
      <c r="HT30" s="88">
        <v>1</v>
      </c>
      <c r="HU30" s="88">
        <v>1</v>
      </c>
      <c r="HV30" s="88">
        <v>0</v>
      </c>
      <c r="HW30" s="88">
        <v>1</v>
      </c>
      <c r="HX30" s="89">
        <v>4</v>
      </c>
      <c r="HY30" s="90">
        <v>6</v>
      </c>
      <c r="HZ30" s="87">
        <v>2</v>
      </c>
      <c r="IA30" s="88">
        <v>5</v>
      </c>
      <c r="IB30" s="89">
        <v>7</v>
      </c>
      <c r="IC30" s="399">
        <v>0</v>
      </c>
      <c r="ID30" s="88">
        <v>1</v>
      </c>
      <c r="IE30" s="88">
        <v>1</v>
      </c>
      <c r="IF30" s="88">
        <v>0</v>
      </c>
      <c r="IG30" s="88">
        <v>3</v>
      </c>
      <c r="IH30" s="88">
        <v>0</v>
      </c>
      <c r="II30" s="89">
        <v>5</v>
      </c>
      <c r="IJ30" s="90">
        <v>12</v>
      </c>
      <c r="IK30" s="87">
        <v>10</v>
      </c>
      <c r="IL30" s="88">
        <v>6</v>
      </c>
      <c r="IM30" s="89">
        <v>16</v>
      </c>
      <c r="IN30" s="399">
        <v>0</v>
      </c>
      <c r="IO30" s="88">
        <v>4</v>
      </c>
      <c r="IP30" s="88">
        <v>5</v>
      </c>
      <c r="IQ30" s="88">
        <v>5</v>
      </c>
      <c r="IR30" s="88">
        <v>0</v>
      </c>
      <c r="IS30" s="88">
        <v>2</v>
      </c>
      <c r="IT30" s="89">
        <v>16</v>
      </c>
      <c r="IU30" s="90">
        <v>32</v>
      </c>
      <c r="IV30" s="87">
        <v>8</v>
      </c>
      <c r="IW30" s="88">
        <v>5</v>
      </c>
      <c r="IX30" s="89">
        <v>13</v>
      </c>
      <c r="IY30" s="399">
        <v>0</v>
      </c>
      <c r="IZ30" s="88">
        <v>8</v>
      </c>
      <c r="JA30" s="88">
        <v>4</v>
      </c>
      <c r="JB30" s="88">
        <v>7</v>
      </c>
      <c r="JC30" s="88">
        <v>5</v>
      </c>
      <c r="JD30" s="88">
        <v>3</v>
      </c>
      <c r="JE30" s="89">
        <v>27</v>
      </c>
      <c r="JF30" s="90">
        <v>40</v>
      </c>
      <c r="JG30" s="87">
        <v>11</v>
      </c>
      <c r="JH30" s="88">
        <v>10</v>
      </c>
      <c r="JI30" s="89">
        <v>21</v>
      </c>
      <c r="JJ30" s="399">
        <v>0</v>
      </c>
      <c r="JK30" s="88">
        <v>7</v>
      </c>
      <c r="JL30" s="88">
        <v>7</v>
      </c>
      <c r="JM30" s="88">
        <v>2</v>
      </c>
      <c r="JN30" s="88">
        <v>12</v>
      </c>
      <c r="JO30" s="88">
        <v>3</v>
      </c>
      <c r="JP30" s="89">
        <v>31</v>
      </c>
      <c r="JQ30" s="90">
        <v>52</v>
      </c>
      <c r="JR30" s="87">
        <v>0</v>
      </c>
      <c r="JS30" s="88">
        <v>0</v>
      </c>
      <c r="JT30" s="89">
        <v>0</v>
      </c>
      <c r="JU30" s="399">
        <v>0</v>
      </c>
      <c r="JV30" s="88">
        <v>0</v>
      </c>
      <c r="JW30" s="88">
        <v>0</v>
      </c>
      <c r="JX30" s="88">
        <v>0</v>
      </c>
      <c r="JY30" s="88">
        <v>0</v>
      </c>
      <c r="JZ30" s="88">
        <v>0</v>
      </c>
      <c r="KA30" s="89">
        <v>0</v>
      </c>
      <c r="KB30" s="90">
        <v>0</v>
      </c>
      <c r="KC30" s="87">
        <v>33</v>
      </c>
      <c r="KD30" s="88">
        <v>27</v>
      </c>
      <c r="KE30" s="89">
        <v>60</v>
      </c>
      <c r="KF30" s="399">
        <v>0</v>
      </c>
      <c r="KG30" s="88">
        <v>21</v>
      </c>
      <c r="KH30" s="88">
        <v>18</v>
      </c>
      <c r="KI30" s="88">
        <v>15</v>
      </c>
      <c r="KJ30" s="88">
        <v>20</v>
      </c>
      <c r="KK30" s="88">
        <v>10</v>
      </c>
      <c r="KL30" s="89">
        <v>84</v>
      </c>
      <c r="KM30" s="90">
        <v>144</v>
      </c>
    </row>
    <row r="31" spans="2:299" s="56" customFormat="1" ht="21" customHeight="1" x14ac:dyDescent="0.2">
      <c r="B31" s="92" t="s">
        <v>28</v>
      </c>
      <c r="C31" s="82">
        <v>1</v>
      </c>
      <c r="D31" s="83">
        <v>6</v>
      </c>
      <c r="E31" s="84">
        <v>7</v>
      </c>
      <c r="F31" s="399">
        <v>0</v>
      </c>
      <c r="G31" s="83">
        <v>15</v>
      </c>
      <c r="H31" s="83">
        <v>6</v>
      </c>
      <c r="I31" s="83">
        <v>3</v>
      </c>
      <c r="J31" s="83">
        <v>2</v>
      </c>
      <c r="K31" s="83">
        <v>2</v>
      </c>
      <c r="L31" s="85">
        <v>28</v>
      </c>
      <c r="M31" s="86">
        <v>35</v>
      </c>
      <c r="N31" s="87">
        <v>0</v>
      </c>
      <c r="O31" s="88">
        <v>0</v>
      </c>
      <c r="P31" s="89">
        <v>0</v>
      </c>
      <c r="Q31" s="399">
        <v>0</v>
      </c>
      <c r="R31" s="88">
        <v>0</v>
      </c>
      <c r="S31" s="88">
        <v>0</v>
      </c>
      <c r="T31" s="88">
        <v>0</v>
      </c>
      <c r="U31" s="88">
        <v>0</v>
      </c>
      <c r="V31" s="88">
        <v>0</v>
      </c>
      <c r="W31" s="89">
        <v>0</v>
      </c>
      <c r="X31" s="90">
        <v>0</v>
      </c>
      <c r="Y31" s="87">
        <v>0</v>
      </c>
      <c r="Z31" s="88">
        <v>0</v>
      </c>
      <c r="AA31" s="89">
        <v>0</v>
      </c>
      <c r="AB31" s="399">
        <v>0</v>
      </c>
      <c r="AC31" s="88">
        <v>1</v>
      </c>
      <c r="AD31" s="88">
        <v>0</v>
      </c>
      <c r="AE31" s="88">
        <v>0</v>
      </c>
      <c r="AF31" s="88">
        <v>0</v>
      </c>
      <c r="AG31" s="88">
        <v>0</v>
      </c>
      <c r="AH31" s="89">
        <v>1</v>
      </c>
      <c r="AI31" s="90">
        <v>1</v>
      </c>
      <c r="AJ31" s="87">
        <v>0</v>
      </c>
      <c r="AK31" s="88">
        <v>2</v>
      </c>
      <c r="AL31" s="89">
        <v>2</v>
      </c>
      <c r="AM31" s="399">
        <v>0</v>
      </c>
      <c r="AN31" s="88">
        <v>3</v>
      </c>
      <c r="AO31" s="88">
        <v>1</v>
      </c>
      <c r="AP31" s="88">
        <v>0</v>
      </c>
      <c r="AQ31" s="88">
        <v>0</v>
      </c>
      <c r="AR31" s="88">
        <v>1</v>
      </c>
      <c r="AS31" s="89">
        <v>5</v>
      </c>
      <c r="AT31" s="90">
        <v>7</v>
      </c>
      <c r="AU31" s="87">
        <v>0</v>
      </c>
      <c r="AV31" s="88">
        <v>2</v>
      </c>
      <c r="AW31" s="89">
        <v>2</v>
      </c>
      <c r="AX31" s="399">
        <v>0</v>
      </c>
      <c r="AY31" s="88">
        <v>4</v>
      </c>
      <c r="AZ31" s="88">
        <v>1</v>
      </c>
      <c r="BA31" s="88">
        <v>0</v>
      </c>
      <c r="BB31" s="88">
        <v>0</v>
      </c>
      <c r="BC31" s="88">
        <v>0</v>
      </c>
      <c r="BD31" s="89">
        <v>5</v>
      </c>
      <c r="BE31" s="90">
        <v>7</v>
      </c>
      <c r="BF31" s="87">
        <v>1</v>
      </c>
      <c r="BG31" s="88">
        <v>2</v>
      </c>
      <c r="BH31" s="89">
        <v>3</v>
      </c>
      <c r="BI31" s="399">
        <v>0</v>
      </c>
      <c r="BJ31" s="88">
        <v>4</v>
      </c>
      <c r="BK31" s="88">
        <v>3</v>
      </c>
      <c r="BL31" s="88">
        <v>0</v>
      </c>
      <c r="BM31" s="88">
        <v>1</v>
      </c>
      <c r="BN31" s="88">
        <v>0</v>
      </c>
      <c r="BO31" s="89">
        <v>8</v>
      </c>
      <c r="BP31" s="90">
        <v>11</v>
      </c>
      <c r="BQ31" s="87">
        <v>0</v>
      </c>
      <c r="BR31" s="88">
        <v>0</v>
      </c>
      <c r="BS31" s="89">
        <v>0</v>
      </c>
      <c r="BT31" s="399">
        <v>0</v>
      </c>
      <c r="BU31" s="88">
        <v>3</v>
      </c>
      <c r="BV31" s="88">
        <v>1</v>
      </c>
      <c r="BW31" s="88">
        <v>3</v>
      </c>
      <c r="BX31" s="88">
        <v>1</v>
      </c>
      <c r="BY31" s="88">
        <v>1</v>
      </c>
      <c r="BZ31" s="89">
        <v>9</v>
      </c>
      <c r="CA31" s="90">
        <v>9</v>
      </c>
      <c r="CB31" s="87">
        <v>0</v>
      </c>
      <c r="CC31" s="88">
        <v>0</v>
      </c>
      <c r="CD31" s="89">
        <v>0</v>
      </c>
      <c r="CE31" s="399">
        <v>0</v>
      </c>
      <c r="CF31" s="88">
        <v>0</v>
      </c>
      <c r="CG31" s="88">
        <v>0</v>
      </c>
      <c r="CH31" s="88">
        <v>0</v>
      </c>
      <c r="CI31" s="88">
        <v>0</v>
      </c>
      <c r="CJ31" s="88">
        <v>0</v>
      </c>
      <c r="CK31" s="89">
        <v>0</v>
      </c>
      <c r="CL31" s="90">
        <v>0</v>
      </c>
      <c r="CM31" s="87">
        <v>1</v>
      </c>
      <c r="CN31" s="88">
        <v>6</v>
      </c>
      <c r="CO31" s="89">
        <v>7</v>
      </c>
      <c r="CP31" s="399">
        <v>0</v>
      </c>
      <c r="CQ31" s="88">
        <v>15</v>
      </c>
      <c r="CR31" s="88">
        <v>6</v>
      </c>
      <c r="CS31" s="88">
        <v>3</v>
      </c>
      <c r="CT31" s="88">
        <v>2</v>
      </c>
      <c r="CU31" s="88">
        <v>2</v>
      </c>
      <c r="CV31" s="89">
        <v>28</v>
      </c>
      <c r="CW31" s="90">
        <v>35</v>
      </c>
      <c r="CX31" s="91">
        <v>0</v>
      </c>
      <c r="CY31" s="83">
        <v>0</v>
      </c>
      <c r="CZ31" s="84">
        <v>0</v>
      </c>
      <c r="DA31" s="399">
        <v>0</v>
      </c>
      <c r="DB31" s="83">
        <v>1</v>
      </c>
      <c r="DC31" s="83">
        <v>1</v>
      </c>
      <c r="DD31" s="83">
        <v>0</v>
      </c>
      <c r="DE31" s="83">
        <v>1</v>
      </c>
      <c r="DF31" s="83">
        <v>1</v>
      </c>
      <c r="DG31" s="85">
        <v>4</v>
      </c>
      <c r="DH31" s="86">
        <v>4</v>
      </c>
      <c r="DI31" s="87">
        <v>0</v>
      </c>
      <c r="DJ31" s="88">
        <v>0</v>
      </c>
      <c r="DK31" s="89">
        <v>0</v>
      </c>
      <c r="DL31" s="399">
        <v>0</v>
      </c>
      <c r="DM31" s="88">
        <v>0</v>
      </c>
      <c r="DN31" s="88">
        <v>0</v>
      </c>
      <c r="DO31" s="88">
        <v>0</v>
      </c>
      <c r="DP31" s="88">
        <v>0</v>
      </c>
      <c r="DQ31" s="88">
        <v>0</v>
      </c>
      <c r="DR31" s="89">
        <v>0</v>
      </c>
      <c r="DS31" s="90">
        <v>0</v>
      </c>
      <c r="DT31" s="87">
        <v>0</v>
      </c>
      <c r="DU31" s="88">
        <v>0</v>
      </c>
      <c r="DV31" s="89">
        <v>0</v>
      </c>
      <c r="DW31" s="399">
        <v>0</v>
      </c>
      <c r="DX31" s="88">
        <v>0</v>
      </c>
      <c r="DY31" s="88">
        <v>0</v>
      </c>
      <c r="DZ31" s="88">
        <v>0</v>
      </c>
      <c r="EA31" s="88">
        <v>0</v>
      </c>
      <c r="EB31" s="88">
        <v>0</v>
      </c>
      <c r="EC31" s="89">
        <v>0</v>
      </c>
      <c r="ED31" s="90">
        <v>0</v>
      </c>
      <c r="EE31" s="87">
        <v>0</v>
      </c>
      <c r="EF31" s="88">
        <v>0</v>
      </c>
      <c r="EG31" s="89">
        <v>0</v>
      </c>
      <c r="EH31" s="399">
        <v>0</v>
      </c>
      <c r="EI31" s="88">
        <v>0</v>
      </c>
      <c r="EJ31" s="88">
        <v>0</v>
      </c>
      <c r="EK31" s="88">
        <v>0</v>
      </c>
      <c r="EL31" s="88">
        <v>0</v>
      </c>
      <c r="EM31" s="88">
        <v>0</v>
      </c>
      <c r="EN31" s="89">
        <v>0</v>
      </c>
      <c r="EO31" s="90">
        <v>0</v>
      </c>
      <c r="EP31" s="87">
        <v>0</v>
      </c>
      <c r="EQ31" s="88">
        <v>0</v>
      </c>
      <c r="ER31" s="89">
        <v>0</v>
      </c>
      <c r="ES31" s="399">
        <v>0</v>
      </c>
      <c r="ET31" s="88">
        <v>0</v>
      </c>
      <c r="EU31" s="88">
        <v>0</v>
      </c>
      <c r="EV31" s="88">
        <v>0</v>
      </c>
      <c r="EW31" s="88">
        <v>0</v>
      </c>
      <c r="EX31" s="88">
        <v>0</v>
      </c>
      <c r="EY31" s="89">
        <v>0</v>
      </c>
      <c r="EZ31" s="90">
        <v>0</v>
      </c>
      <c r="FA31" s="87">
        <v>0</v>
      </c>
      <c r="FB31" s="88">
        <v>0</v>
      </c>
      <c r="FC31" s="89">
        <v>0</v>
      </c>
      <c r="FD31" s="399">
        <v>0</v>
      </c>
      <c r="FE31" s="88">
        <v>1</v>
      </c>
      <c r="FF31" s="88">
        <v>1</v>
      </c>
      <c r="FG31" s="88">
        <v>0</v>
      </c>
      <c r="FH31" s="88">
        <v>0</v>
      </c>
      <c r="FI31" s="88">
        <v>0</v>
      </c>
      <c r="FJ31" s="89">
        <v>2</v>
      </c>
      <c r="FK31" s="90">
        <v>2</v>
      </c>
      <c r="FL31" s="87">
        <v>0</v>
      </c>
      <c r="FM31" s="88">
        <v>0</v>
      </c>
      <c r="FN31" s="89">
        <v>0</v>
      </c>
      <c r="FO31" s="399">
        <v>0</v>
      </c>
      <c r="FP31" s="88">
        <v>0</v>
      </c>
      <c r="FQ31" s="88">
        <v>0</v>
      </c>
      <c r="FR31" s="88">
        <v>0</v>
      </c>
      <c r="FS31" s="88">
        <v>1</v>
      </c>
      <c r="FT31" s="88">
        <v>1</v>
      </c>
      <c r="FU31" s="89">
        <v>2</v>
      </c>
      <c r="FV31" s="90">
        <v>2</v>
      </c>
      <c r="FW31" s="87">
        <v>0</v>
      </c>
      <c r="FX31" s="88">
        <v>0</v>
      </c>
      <c r="FY31" s="89">
        <v>0</v>
      </c>
      <c r="FZ31" s="399">
        <v>0</v>
      </c>
      <c r="GA31" s="88">
        <v>0</v>
      </c>
      <c r="GB31" s="88">
        <v>0</v>
      </c>
      <c r="GC31" s="88">
        <v>0</v>
      </c>
      <c r="GD31" s="88">
        <v>0</v>
      </c>
      <c r="GE31" s="88">
        <v>0</v>
      </c>
      <c r="GF31" s="89">
        <v>0</v>
      </c>
      <c r="GG31" s="90">
        <v>0</v>
      </c>
      <c r="GH31" s="87">
        <v>0</v>
      </c>
      <c r="GI31" s="88">
        <v>0</v>
      </c>
      <c r="GJ31" s="89">
        <v>0</v>
      </c>
      <c r="GK31" s="399">
        <v>0</v>
      </c>
      <c r="GL31" s="88">
        <v>1</v>
      </c>
      <c r="GM31" s="88">
        <v>1</v>
      </c>
      <c r="GN31" s="88">
        <v>0</v>
      </c>
      <c r="GO31" s="88">
        <v>1</v>
      </c>
      <c r="GP31" s="88">
        <v>1</v>
      </c>
      <c r="GQ31" s="89">
        <v>4</v>
      </c>
      <c r="GR31" s="90">
        <v>4</v>
      </c>
      <c r="GS31" s="91">
        <v>1</v>
      </c>
      <c r="GT31" s="83">
        <v>6</v>
      </c>
      <c r="GU31" s="84">
        <v>7</v>
      </c>
      <c r="GV31" s="399">
        <v>0</v>
      </c>
      <c r="GW31" s="83">
        <v>16</v>
      </c>
      <c r="GX31" s="83">
        <v>7</v>
      </c>
      <c r="GY31" s="83">
        <v>3</v>
      </c>
      <c r="GZ31" s="83">
        <v>3</v>
      </c>
      <c r="HA31" s="83">
        <v>3</v>
      </c>
      <c r="HB31" s="85">
        <v>32</v>
      </c>
      <c r="HC31" s="86">
        <v>39</v>
      </c>
      <c r="HD31" s="87">
        <v>0</v>
      </c>
      <c r="HE31" s="88">
        <v>0</v>
      </c>
      <c r="HF31" s="89">
        <v>0</v>
      </c>
      <c r="HG31" s="399">
        <v>0</v>
      </c>
      <c r="HH31" s="88">
        <v>0</v>
      </c>
      <c r="HI31" s="88">
        <v>0</v>
      </c>
      <c r="HJ31" s="88">
        <v>0</v>
      </c>
      <c r="HK31" s="88">
        <v>0</v>
      </c>
      <c r="HL31" s="88">
        <v>0</v>
      </c>
      <c r="HM31" s="89">
        <v>0</v>
      </c>
      <c r="HN31" s="90">
        <v>0</v>
      </c>
      <c r="HO31" s="87">
        <v>0</v>
      </c>
      <c r="HP31" s="88">
        <v>0</v>
      </c>
      <c r="HQ31" s="89">
        <v>0</v>
      </c>
      <c r="HR31" s="399">
        <v>0</v>
      </c>
      <c r="HS31" s="88">
        <v>1</v>
      </c>
      <c r="HT31" s="88">
        <v>0</v>
      </c>
      <c r="HU31" s="88">
        <v>0</v>
      </c>
      <c r="HV31" s="88">
        <v>0</v>
      </c>
      <c r="HW31" s="88">
        <v>0</v>
      </c>
      <c r="HX31" s="89">
        <v>1</v>
      </c>
      <c r="HY31" s="90">
        <v>1</v>
      </c>
      <c r="HZ31" s="87">
        <v>0</v>
      </c>
      <c r="IA31" s="88">
        <v>2</v>
      </c>
      <c r="IB31" s="89">
        <v>2</v>
      </c>
      <c r="IC31" s="399">
        <v>0</v>
      </c>
      <c r="ID31" s="88">
        <v>3</v>
      </c>
      <c r="IE31" s="88">
        <v>1</v>
      </c>
      <c r="IF31" s="88">
        <v>0</v>
      </c>
      <c r="IG31" s="88">
        <v>0</v>
      </c>
      <c r="IH31" s="88">
        <v>1</v>
      </c>
      <c r="II31" s="89">
        <v>5</v>
      </c>
      <c r="IJ31" s="90">
        <v>7</v>
      </c>
      <c r="IK31" s="87">
        <v>0</v>
      </c>
      <c r="IL31" s="88">
        <v>2</v>
      </c>
      <c r="IM31" s="89">
        <v>2</v>
      </c>
      <c r="IN31" s="399">
        <v>0</v>
      </c>
      <c r="IO31" s="88">
        <v>4</v>
      </c>
      <c r="IP31" s="88">
        <v>1</v>
      </c>
      <c r="IQ31" s="88">
        <v>0</v>
      </c>
      <c r="IR31" s="88">
        <v>0</v>
      </c>
      <c r="IS31" s="88">
        <v>0</v>
      </c>
      <c r="IT31" s="89">
        <v>5</v>
      </c>
      <c r="IU31" s="90">
        <v>7</v>
      </c>
      <c r="IV31" s="87">
        <v>1</v>
      </c>
      <c r="IW31" s="88">
        <v>2</v>
      </c>
      <c r="IX31" s="89">
        <v>3</v>
      </c>
      <c r="IY31" s="399">
        <v>0</v>
      </c>
      <c r="IZ31" s="88">
        <v>5</v>
      </c>
      <c r="JA31" s="88">
        <v>4</v>
      </c>
      <c r="JB31" s="88">
        <v>0</v>
      </c>
      <c r="JC31" s="88">
        <v>1</v>
      </c>
      <c r="JD31" s="88">
        <v>0</v>
      </c>
      <c r="JE31" s="89">
        <v>10</v>
      </c>
      <c r="JF31" s="90">
        <v>13</v>
      </c>
      <c r="JG31" s="87">
        <v>0</v>
      </c>
      <c r="JH31" s="88">
        <v>0</v>
      </c>
      <c r="JI31" s="89">
        <v>0</v>
      </c>
      <c r="JJ31" s="399">
        <v>0</v>
      </c>
      <c r="JK31" s="88">
        <v>3</v>
      </c>
      <c r="JL31" s="88">
        <v>1</v>
      </c>
      <c r="JM31" s="88">
        <v>3</v>
      </c>
      <c r="JN31" s="88">
        <v>2</v>
      </c>
      <c r="JO31" s="88">
        <v>2</v>
      </c>
      <c r="JP31" s="89">
        <v>11</v>
      </c>
      <c r="JQ31" s="90">
        <v>11</v>
      </c>
      <c r="JR31" s="87">
        <v>0</v>
      </c>
      <c r="JS31" s="88">
        <v>0</v>
      </c>
      <c r="JT31" s="89">
        <v>0</v>
      </c>
      <c r="JU31" s="399">
        <v>0</v>
      </c>
      <c r="JV31" s="88">
        <v>0</v>
      </c>
      <c r="JW31" s="88">
        <v>0</v>
      </c>
      <c r="JX31" s="88">
        <v>0</v>
      </c>
      <c r="JY31" s="88">
        <v>0</v>
      </c>
      <c r="JZ31" s="88">
        <v>0</v>
      </c>
      <c r="KA31" s="89">
        <v>0</v>
      </c>
      <c r="KB31" s="90">
        <v>0</v>
      </c>
      <c r="KC31" s="87">
        <v>1</v>
      </c>
      <c r="KD31" s="88">
        <v>6</v>
      </c>
      <c r="KE31" s="89">
        <v>7</v>
      </c>
      <c r="KF31" s="399">
        <v>0</v>
      </c>
      <c r="KG31" s="88">
        <v>16</v>
      </c>
      <c r="KH31" s="88">
        <v>7</v>
      </c>
      <c r="KI31" s="88">
        <v>3</v>
      </c>
      <c r="KJ31" s="88">
        <v>3</v>
      </c>
      <c r="KK31" s="88">
        <v>3</v>
      </c>
      <c r="KL31" s="89">
        <v>32</v>
      </c>
      <c r="KM31" s="90">
        <v>39</v>
      </c>
    </row>
    <row r="32" spans="2:299" s="56" customFormat="1" ht="21" customHeight="1" x14ac:dyDescent="0.2">
      <c r="B32" s="92" t="s">
        <v>29</v>
      </c>
      <c r="C32" s="82">
        <v>2</v>
      </c>
      <c r="D32" s="83">
        <v>5</v>
      </c>
      <c r="E32" s="84">
        <v>7</v>
      </c>
      <c r="F32" s="399">
        <v>0</v>
      </c>
      <c r="G32" s="83">
        <v>4</v>
      </c>
      <c r="H32" s="83">
        <v>5</v>
      </c>
      <c r="I32" s="83">
        <v>7</v>
      </c>
      <c r="J32" s="83">
        <v>2</v>
      </c>
      <c r="K32" s="83">
        <v>2</v>
      </c>
      <c r="L32" s="85">
        <v>20</v>
      </c>
      <c r="M32" s="86">
        <v>27</v>
      </c>
      <c r="N32" s="87">
        <v>0</v>
      </c>
      <c r="O32" s="88">
        <v>1</v>
      </c>
      <c r="P32" s="89">
        <v>1</v>
      </c>
      <c r="Q32" s="399">
        <v>0</v>
      </c>
      <c r="R32" s="88">
        <v>1</v>
      </c>
      <c r="S32" s="88">
        <v>1</v>
      </c>
      <c r="T32" s="88">
        <v>0</v>
      </c>
      <c r="U32" s="88">
        <v>0</v>
      </c>
      <c r="V32" s="88">
        <v>0</v>
      </c>
      <c r="W32" s="89">
        <v>2</v>
      </c>
      <c r="X32" s="90">
        <v>3</v>
      </c>
      <c r="Y32" s="87">
        <v>0</v>
      </c>
      <c r="Z32" s="88">
        <v>0</v>
      </c>
      <c r="AA32" s="89">
        <v>0</v>
      </c>
      <c r="AB32" s="399">
        <v>0</v>
      </c>
      <c r="AC32" s="88">
        <v>0</v>
      </c>
      <c r="AD32" s="88">
        <v>1</v>
      </c>
      <c r="AE32" s="88">
        <v>1</v>
      </c>
      <c r="AF32" s="88">
        <v>0</v>
      </c>
      <c r="AG32" s="88">
        <v>0</v>
      </c>
      <c r="AH32" s="89">
        <v>2</v>
      </c>
      <c r="AI32" s="90">
        <v>2</v>
      </c>
      <c r="AJ32" s="87">
        <v>1</v>
      </c>
      <c r="AK32" s="88">
        <v>0</v>
      </c>
      <c r="AL32" s="89">
        <v>1</v>
      </c>
      <c r="AM32" s="399">
        <v>0</v>
      </c>
      <c r="AN32" s="88">
        <v>1</v>
      </c>
      <c r="AO32" s="88">
        <v>0</v>
      </c>
      <c r="AP32" s="88">
        <v>1</v>
      </c>
      <c r="AQ32" s="88">
        <v>0</v>
      </c>
      <c r="AR32" s="88">
        <v>1</v>
      </c>
      <c r="AS32" s="89">
        <v>3</v>
      </c>
      <c r="AT32" s="90">
        <v>4</v>
      </c>
      <c r="AU32" s="87">
        <v>0</v>
      </c>
      <c r="AV32" s="88">
        <v>3</v>
      </c>
      <c r="AW32" s="89">
        <v>3</v>
      </c>
      <c r="AX32" s="399">
        <v>0</v>
      </c>
      <c r="AY32" s="88">
        <v>2</v>
      </c>
      <c r="AZ32" s="88">
        <v>1</v>
      </c>
      <c r="BA32" s="88">
        <v>1</v>
      </c>
      <c r="BB32" s="88">
        <v>1</v>
      </c>
      <c r="BC32" s="88">
        <v>0</v>
      </c>
      <c r="BD32" s="89">
        <v>5</v>
      </c>
      <c r="BE32" s="90">
        <v>8</v>
      </c>
      <c r="BF32" s="87">
        <v>0</v>
      </c>
      <c r="BG32" s="88">
        <v>0</v>
      </c>
      <c r="BH32" s="89">
        <v>0</v>
      </c>
      <c r="BI32" s="399">
        <v>0</v>
      </c>
      <c r="BJ32" s="88">
        <v>0</v>
      </c>
      <c r="BK32" s="88">
        <v>1</v>
      </c>
      <c r="BL32" s="88">
        <v>2</v>
      </c>
      <c r="BM32" s="88">
        <v>0</v>
      </c>
      <c r="BN32" s="88">
        <v>0</v>
      </c>
      <c r="BO32" s="89">
        <v>3</v>
      </c>
      <c r="BP32" s="90">
        <v>3</v>
      </c>
      <c r="BQ32" s="87">
        <v>1</v>
      </c>
      <c r="BR32" s="88">
        <v>1</v>
      </c>
      <c r="BS32" s="89">
        <v>2</v>
      </c>
      <c r="BT32" s="399">
        <v>0</v>
      </c>
      <c r="BU32" s="88">
        <v>0</v>
      </c>
      <c r="BV32" s="88">
        <v>1</v>
      </c>
      <c r="BW32" s="88">
        <v>2</v>
      </c>
      <c r="BX32" s="88">
        <v>1</v>
      </c>
      <c r="BY32" s="88">
        <v>1</v>
      </c>
      <c r="BZ32" s="89">
        <v>5</v>
      </c>
      <c r="CA32" s="90">
        <v>7</v>
      </c>
      <c r="CB32" s="87">
        <v>0</v>
      </c>
      <c r="CC32" s="88">
        <v>0</v>
      </c>
      <c r="CD32" s="89">
        <v>0</v>
      </c>
      <c r="CE32" s="399">
        <v>0</v>
      </c>
      <c r="CF32" s="88">
        <v>0</v>
      </c>
      <c r="CG32" s="88">
        <v>0</v>
      </c>
      <c r="CH32" s="88">
        <v>0</v>
      </c>
      <c r="CI32" s="88">
        <v>0</v>
      </c>
      <c r="CJ32" s="88">
        <v>0</v>
      </c>
      <c r="CK32" s="89">
        <v>0</v>
      </c>
      <c r="CL32" s="90">
        <v>0</v>
      </c>
      <c r="CM32" s="87">
        <v>2</v>
      </c>
      <c r="CN32" s="88">
        <v>5</v>
      </c>
      <c r="CO32" s="89">
        <v>7</v>
      </c>
      <c r="CP32" s="399">
        <v>0</v>
      </c>
      <c r="CQ32" s="88">
        <v>4</v>
      </c>
      <c r="CR32" s="88">
        <v>5</v>
      </c>
      <c r="CS32" s="88">
        <v>7</v>
      </c>
      <c r="CT32" s="88">
        <v>2</v>
      </c>
      <c r="CU32" s="88">
        <v>2</v>
      </c>
      <c r="CV32" s="89">
        <v>20</v>
      </c>
      <c r="CW32" s="90">
        <v>27</v>
      </c>
      <c r="CX32" s="91">
        <v>0</v>
      </c>
      <c r="CY32" s="83">
        <v>2</v>
      </c>
      <c r="CZ32" s="84">
        <v>2</v>
      </c>
      <c r="DA32" s="399">
        <v>0</v>
      </c>
      <c r="DB32" s="83">
        <v>1</v>
      </c>
      <c r="DC32" s="83">
        <v>1</v>
      </c>
      <c r="DD32" s="83">
        <v>1</v>
      </c>
      <c r="DE32" s="83">
        <v>1</v>
      </c>
      <c r="DF32" s="83">
        <v>0</v>
      </c>
      <c r="DG32" s="85">
        <v>4</v>
      </c>
      <c r="DH32" s="86">
        <v>6</v>
      </c>
      <c r="DI32" s="87">
        <v>0</v>
      </c>
      <c r="DJ32" s="88">
        <v>0</v>
      </c>
      <c r="DK32" s="89">
        <v>0</v>
      </c>
      <c r="DL32" s="399">
        <v>0</v>
      </c>
      <c r="DM32" s="88">
        <v>0</v>
      </c>
      <c r="DN32" s="88">
        <v>0</v>
      </c>
      <c r="DO32" s="88">
        <v>0</v>
      </c>
      <c r="DP32" s="88">
        <v>0</v>
      </c>
      <c r="DQ32" s="88">
        <v>0</v>
      </c>
      <c r="DR32" s="89">
        <v>0</v>
      </c>
      <c r="DS32" s="90">
        <v>0</v>
      </c>
      <c r="DT32" s="87">
        <v>0</v>
      </c>
      <c r="DU32" s="88">
        <v>2</v>
      </c>
      <c r="DV32" s="89">
        <v>2</v>
      </c>
      <c r="DW32" s="399">
        <v>0</v>
      </c>
      <c r="DX32" s="88">
        <v>0</v>
      </c>
      <c r="DY32" s="88">
        <v>0</v>
      </c>
      <c r="DZ32" s="88">
        <v>1</v>
      </c>
      <c r="EA32" s="88">
        <v>0</v>
      </c>
      <c r="EB32" s="88">
        <v>0</v>
      </c>
      <c r="EC32" s="89">
        <v>1</v>
      </c>
      <c r="ED32" s="90">
        <v>3</v>
      </c>
      <c r="EE32" s="87">
        <v>0</v>
      </c>
      <c r="EF32" s="88">
        <v>0</v>
      </c>
      <c r="EG32" s="89">
        <v>0</v>
      </c>
      <c r="EH32" s="399">
        <v>0</v>
      </c>
      <c r="EI32" s="88">
        <v>0</v>
      </c>
      <c r="EJ32" s="88">
        <v>0</v>
      </c>
      <c r="EK32" s="88">
        <v>0</v>
      </c>
      <c r="EL32" s="88">
        <v>0</v>
      </c>
      <c r="EM32" s="88">
        <v>0</v>
      </c>
      <c r="EN32" s="89">
        <v>0</v>
      </c>
      <c r="EO32" s="90">
        <v>0</v>
      </c>
      <c r="EP32" s="87">
        <v>0</v>
      </c>
      <c r="EQ32" s="88">
        <v>0</v>
      </c>
      <c r="ER32" s="89">
        <v>0</v>
      </c>
      <c r="ES32" s="399">
        <v>0</v>
      </c>
      <c r="ET32" s="88">
        <v>0</v>
      </c>
      <c r="EU32" s="88">
        <v>1</v>
      </c>
      <c r="EV32" s="88">
        <v>0</v>
      </c>
      <c r="EW32" s="88">
        <v>0</v>
      </c>
      <c r="EX32" s="88">
        <v>0</v>
      </c>
      <c r="EY32" s="89">
        <v>1</v>
      </c>
      <c r="EZ32" s="90">
        <v>1</v>
      </c>
      <c r="FA32" s="87">
        <v>0</v>
      </c>
      <c r="FB32" s="88">
        <v>0</v>
      </c>
      <c r="FC32" s="89">
        <v>0</v>
      </c>
      <c r="FD32" s="399">
        <v>0</v>
      </c>
      <c r="FE32" s="88">
        <v>0</v>
      </c>
      <c r="FF32" s="88">
        <v>0</v>
      </c>
      <c r="FG32" s="88">
        <v>0</v>
      </c>
      <c r="FH32" s="88">
        <v>1</v>
      </c>
      <c r="FI32" s="88">
        <v>0</v>
      </c>
      <c r="FJ32" s="89">
        <v>1</v>
      </c>
      <c r="FK32" s="90">
        <v>1</v>
      </c>
      <c r="FL32" s="87">
        <v>0</v>
      </c>
      <c r="FM32" s="88">
        <v>0</v>
      </c>
      <c r="FN32" s="89">
        <v>0</v>
      </c>
      <c r="FO32" s="399">
        <v>0</v>
      </c>
      <c r="FP32" s="88">
        <v>1</v>
      </c>
      <c r="FQ32" s="88">
        <v>0</v>
      </c>
      <c r="FR32" s="88">
        <v>0</v>
      </c>
      <c r="FS32" s="88">
        <v>0</v>
      </c>
      <c r="FT32" s="88">
        <v>0</v>
      </c>
      <c r="FU32" s="89">
        <v>1</v>
      </c>
      <c r="FV32" s="90">
        <v>1</v>
      </c>
      <c r="FW32" s="87">
        <v>0</v>
      </c>
      <c r="FX32" s="88">
        <v>0</v>
      </c>
      <c r="FY32" s="89">
        <v>0</v>
      </c>
      <c r="FZ32" s="399">
        <v>0</v>
      </c>
      <c r="GA32" s="88">
        <v>0</v>
      </c>
      <c r="GB32" s="88">
        <v>0</v>
      </c>
      <c r="GC32" s="88">
        <v>0</v>
      </c>
      <c r="GD32" s="88">
        <v>0</v>
      </c>
      <c r="GE32" s="88">
        <v>0</v>
      </c>
      <c r="GF32" s="89">
        <v>0</v>
      </c>
      <c r="GG32" s="90">
        <v>0</v>
      </c>
      <c r="GH32" s="87">
        <v>0</v>
      </c>
      <c r="GI32" s="88">
        <v>2</v>
      </c>
      <c r="GJ32" s="89">
        <v>2</v>
      </c>
      <c r="GK32" s="399">
        <v>0</v>
      </c>
      <c r="GL32" s="88">
        <v>1</v>
      </c>
      <c r="GM32" s="88">
        <v>1</v>
      </c>
      <c r="GN32" s="88">
        <v>1</v>
      </c>
      <c r="GO32" s="88">
        <v>1</v>
      </c>
      <c r="GP32" s="88">
        <v>0</v>
      </c>
      <c r="GQ32" s="89">
        <v>4</v>
      </c>
      <c r="GR32" s="90">
        <v>6</v>
      </c>
      <c r="GS32" s="91">
        <v>2</v>
      </c>
      <c r="GT32" s="83">
        <v>7</v>
      </c>
      <c r="GU32" s="84">
        <v>9</v>
      </c>
      <c r="GV32" s="399">
        <v>0</v>
      </c>
      <c r="GW32" s="83">
        <v>5</v>
      </c>
      <c r="GX32" s="83">
        <v>6</v>
      </c>
      <c r="GY32" s="83">
        <v>8</v>
      </c>
      <c r="GZ32" s="83">
        <v>3</v>
      </c>
      <c r="HA32" s="83">
        <v>2</v>
      </c>
      <c r="HB32" s="85">
        <v>24</v>
      </c>
      <c r="HC32" s="86">
        <v>33</v>
      </c>
      <c r="HD32" s="87">
        <v>0</v>
      </c>
      <c r="HE32" s="88">
        <v>1</v>
      </c>
      <c r="HF32" s="89">
        <v>1</v>
      </c>
      <c r="HG32" s="399">
        <v>0</v>
      </c>
      <c r="HH32" s="88">
        <v>1</v>
      </c>
      <c r="HI32" s="88">
        <v>1</v>
      </c>
      <c r="HJ32" s="88">
        <v>0</v>
      </c>
      <c r="HK32" s="88">
        <v>0</v>
      </c>
      <c r="HL32" s="88">
        <v>0</v>
      </c>
      <c r="HM32" s="89">
        <v>2</v>
      </c>
      <c r="HN32" s="90">
        <v>3</v>
      </c>
      <c r="HO32" s="87">
        <v>0</v>
      </c>
      <c r="HP32" s="88">
        <v>2</v>
      </c>
      <c r="HQ32" s="89">
        <v>2</v>
      </c>
      <c r="HR32" s="399">
        <v>0</v>
      </c>
      <c r="HS32" s="88">
        <v>0</v>
      </c>
      <c r="HT32" s="88">
        <v>1</v>
      </c>
      <c r="HU32" s="88">
        <v>2</v>
      </c>
      <c r="HV32" s="88">
        <v>0</v>
      </c>
      <c r="HW32" s="88">
        <v>0</v>
      </c>
      <c r="HX32" s="89">
        <v>3</v>
      </c>
      <c r="HY32" s="90">
        <v>5</v>
      </c>
      <c r="HZ32" s="87">
        <v>1</v>
      </c>
      <c r="IA32" s="88">
        <v>0</v>
      </c>
      <c r="IB32" s="89">
        <v>1</v>
      </c>
      <c r="IC32" s="399">
        <v>0</v>
      </c>
      <c r="ID32" s="88">
        <v>1</v>
      </c>
      <c r="IE32" s="88">
        <v>0</v>
      </c>
      <c r="IF32" s="88">
        <v>1</v>
      </c>
      <c r="IG32" s="88">
        <v>0</v>
      </c>
      <c r="IH32" s="88">
        <v>1</v>
      </c>
      <c r="II32" s="89">
        <v>3</v>
      </c>
      <c r="IJ32" s="90">
        <v>4</v>
      </c>
      <c r="IK32" s="87">
        <v>0</v>
      </c>
      <c r="IL32" s="88">
        <v>3</v>
      </c>
      <c r="IM32" s="89">
        <v>3</v>
      </c>
      <c r="IN32" s="399">
        <v>0</v>
      </c>
      <c r="IO32" s="88">
        <v>2</v>
      </c>
      <c r="IP32" s="88">
        <v>2</v>
      </c>
      <c r="IQ32" s="88">
        <v>1</v>
      </c>
      <c r="IR32" s="88">
        <v>1</v>
      </c>
      <c r="IS32" s="88">
        <v>0</v>
      </c>
      <c r="IT32" s="89">
        <v>6</v>
      </c>
      <c r="IU32" s="90">
        <v>9</v>
      </c>
      <c r="IV32" s="87">
        <v>0</v>
      </c>
      <c r="IW32" s="88">
        <v>0</v>
      </c>
      <c r="IX32" s="89">
        <v>0</v>
      </c>
      <c r="IY32" s="399">
        <v>0</v>
      </c>
      <c r="IZ32" s="88">
        <v>0</v>
      </c>
      <c r="JA32" s="88">
        <v>1</v>
      </c>
      <c r="JB32" s="88">
        <v>2</v>
      </c>
      <c r="JC32" s="88">
        <v>1</v>
      </c>
      <c r="JD32" s="88">
        <v>0</v>
      </c>
      <c r="JE32" s="89">
        <v>4</v>
      </c>
      <c r="JF32" s="90">
        <v>4</v>
      </c>
      <c r="JG32" s="87">
        <v>1</v>
      </c>
      <c r="JH32" s="88">
        <v>1</v>
      </c>
      <c r="JI32" s="89">
        <v>2</v>
      </c>
      <c r="JJ32" s="399">
        <v>0</v>
      </c>
      <c r="JK32" s="88">
        <v>1</v>
      </c>
      <c r="JL32" s="88">
        <v>1</v>
      </c>
      <c r="JM32" s="88">
        <v>2</v>
      </c>
      <c r="JN32" s="88">
        <v>1</v>
      </c>
      <c r="JO32" s="88">
        <v>1</v>
      </c>
      <c r="JP32" s="89">
        <v>6</v>
      </c>
      <c r="JQ32" s="90">
        <v>8</v>
      </c>
      <c r="JR32" s="87">
        <v>0</v>
      </c>
      <c r="JS32" s="88">
        <v>0</v>
      </c>
      <c r="JT32" s="89">
        <v>0</v>
      </c>
      <c r="JU32" s="399">
        <v>0</v>
      </c>
      <c r="JV32" s="88">
        <v>0</v>
      </c>
      <c r="JW32" s="88">
        <v>0</v>
      </c>
      <c r="JX32" s="88">
        <v>0</v>
      </c>
      <c r="JY32" s="88">
        <v>0</v>
      </c>
      <c r="JZ32" s="88">
        <v>0</v>
      </c>
      <c r="KA32" s="89">
        <v>0</v>
      </c>
      <c r="KB32" s="90">
        <v>0</v>
      </c>
      <c r="KC32" s="87">
        <v>2</v>
      </c>
      <c r="KD32" s="88">
        <v>7</v>
      </c>
      <c r="KE32" s="89">
        <v>9</v>
      </c>
      <c r="KF32" s="399">
        <v>0</v>
      </c>
      <c r="KG32" s="88">
        <v>5</v>
      </c>
      <c r="KH32" s="88">
        <v>6</v>
      </c>
      <c r="KI32" s="88">
        <v>8</v>
      </c>
      <c r="KJ32" s="88">
        <v>3</v>
      </c>
      <c r="KK32" s="88">
        <v>2</v>
      </c>
      <c r="KL32" s="89">
        <v>24</v>
      </c>
      <c r="KM32" s="90">
        <v>33</v>
      </c>
    </row>
    <row r="33" spans="2:299" s="56" customFormat="1" ht="21" customHeight="1" x14ac:dyDescent="0.2">
      <c r="B33" s="92" t="s">
        <v>30</v>
      </c>
      <c r="C33" s="82">
        <v>4</v>
      </c>
      <c r="D33" s="83">
        <v>2</v>
      </c>
      <c r="E33" s="84">
        <v>6</v>
      </c>
      <c r="F33" s="399">
        <v>0</v>
      </c>
      <c r="G33" s="83">
        <v>5</v>
      </c>
      <c r="H33" s="83">
        <v>5</v>
      </c>
      <c r="I33" s="83">
        <v>6</v>
      </c>
      <c r="J33" s="83">
        <v>5</v>
      </c>
      <c r="K33" s="83">
        <v>2</v>
      </c>
      <c r="L33" s="85">
        <v>23</v>
      </c>
      <c r="M33" s="86">
        <v>29</v>
      </c>
      <c r="N33" s="87">
        <v>1</v>
      </c>
      <c r="O33" s="88">
        <v>0</v>
      </c>
      <c r="P33" s="89">
        <v>1</v>
      </c>
      <c r="Q33" s="399">
        <v>0</v>
      </c>
      <c r="R33" s="88">
        <v>0</v>
      </c>
      <c r="S33" s="88">
        <v>0</v>
      </c>
      <c r="T33" s="88">
        <v>0</v>
      </c>
      <c r="U33" s="88">
        <v>0</v>
      </c>
      <c r="V33" s="88">
        <v>0</v>
      </c>
      <c r="W33" s="89">
        <v>0</v>
      </c>
      <c r="X33" s="90">
        <v>1</v>
      </c>
      <c r="Y33" s="87">
        <v>0</v>
      </c>
      <c r="Z33" s="88">
        <v>0</v>
      </c>
      <c r="AA33" s="89">
        <v>0</v>
      </c>
      <c r="AB33" s="399">
        <v>0</v>
      </c>
      <c r="AC33" s="88">
        <v>0</v>
      </c>
      <c r="AD33" s="88">
        <v>0</v>
      </c>
      <c r="AE33" s="88">
        <v>0</v>
      </c>
      <c r="AF33" s="88">
        <v>1</v>
      </c>
      <c r="AG33" s="88">
        <v>0</v>
      </c>
      <c r="AH33" s="89">
        <v>1</v>
      </c>
      <c r="AI33" s="90">
        <v>1</v>
      </c>
      <c r="AJ33" s="87">
        <v>1</v>
      </c>
      <c r="AK33" s="88">
        <v>0</v>
      </c>
      <c r="AL33" s="89">
        <v>1</v>
      </c>
      <c r="AM33" s="399">
        <v>0</v>
      </c>
      <c r="AN33" s="88">
        <v>0</v>
      </c>
      <c r="AO33" s="88">
        <v>1</v>
      </c>
      <c r="AP33" s="88">
        <v>0</v>
      </c>
      <c r="AQ33" s="88">
        <v>0</v>
      </c>
      <c r="AR33" s="88">
        <v>0</v>
      </c>
      <c r="AS33" s="89">
        <v>1</v>
      </c>
      <c r="AT33" s="90">
        <v>2</v>
      </c>
      <c r="AU33" s="87">
        <v>0</v>
      </c>
      <c r="AV33" s="88">
        <v>0</v>
      </c>
      <c r="AW33" s="89">
        <v>0</v>
      </c>
      <c r="AX33" s="399">
        <v>0</v>
      </c>
      <c r="AY33" s="88">
        <v>3</v>
      </c>
      <c r="AZ33" s="88">
        <v>0</v>
      </c>
      <c r="BA33" s="88">
        <v>2</v>
      </c>
      <c r="BB33" s="88">
        <v>1</v>
      </c>
      <c r="BC33" s="88">
        <v>2</v>
      </c>
      <c r="BD33" s="89">
        <v>8</v>
      </c>
      <c r="BE33" s="90">
        <v>8</v>
      </c>
      <c r="BF33" s="87">
        <v>1</v>
      </c>
      <c r="BG33" s="88">
        <v>1</v>
      </c>
      <c r="BH33" s="89">
        <v>2</v>
      </c>
      <c r="BI33" s="399">
        <v>0</v>
      </c>
      <c r="BJ33" s="88">
        <v>1</v>
      </c>
      <c r="BK33" s="88">
        <v>1</v>
      </c>
      <c r="BL33" s="88">
        <v>0</v>
      </c>
      <c r="BM33" s="88">
        <v>0</v>
      </c>
      <c r="BN33" s="88">
        <v>0</v>
      </c>
      <c r="BO33" s="89">
        <v>2</v>
      </c>
      <c r="BP33" s="90">
        <v>4</v>
      </c>
      <c r="BQ33" s="87">
        <v>1</v>
      </c>
      <c r="BR33" s="88">
        <v>1</v>
      </c>
      <c r="BS33" s="89">
        <v>2</v>
      </c>
      <c r="BT33" s="399">
        <v>0</v>
      </c>
      <c r="BU33" s="88">
        <v>1</v>
      </c>
      <c r="BV33" s="88">
        <v>3</v>
      </c>
      <c r="BW33" s="88">
        <v>4</v>
      </c>
      <c r="BX33" s="88">
        <v>3</v>
      </c>
      <c r="BY33" s="88">
        <v>0</v>
      </c>
      <c r="BZ33" s="89">
        <v>11</v>
      </c>
      <c r="CA33" s="90">
        <v>13</v>
      </c>
      <c r="CB33" s="87">
        <v>0</v>
      </c>
      <c r="CC33" s="88">
        <v>0</v>
      </c>
      <c r="CD33" s="89">
        <v>0</v>
      </c>
      <c r="CE33" s="399">
        <v>0</v>
      </c>
      <c r="CF33" s="88">
        <v>0</v>
      </c>
      <c r="CG33" s="88">
        <v>0</v>
      </c>
      <c r="CH33" s="88">
        <v>0</v>
      </c>
      <c r="CI33" s="88">
        <v>0</v>
      </c>
      <c r="CJ33" s="88">
        <v>0</v>
      </c>
      <c r="CK33" s="89">
        <v>0</v>
      </c>
      <c r="CL33" s="90">
        <v>0</v>
      </c>
      <c r="CM33" s="87">
        <v>4</v>
      </c>
      <c r="CN33" s="88">
        <v>2</v>
      </c>
      <c r="CO33" s="89">
        <v>6</v>
      </c>
      <c r="CP33" s="399">
        <v>0</v>
      </c>
      <c r="CQ33" s="88">
        <v>5</v>
      </c>
      <c r="CR33" s="88">
        <v>5</v>
      </c>
      <c r="CS33" s="88">
        <v>6</v>
      </c>
      <c r="CT33" s="88">
        <v>5</v>
      </c>
      <c r="CU33" s="88">
        <v>2</v>
      </c>
      <c r="CV33" s="89">
        <v>23</v>
      </c>
      <c r="CW33" s="90">
        <v>29</v>
      </c>
      <c r="CX33" s="91">
        <v>0</v>
      </c>
      <c r="CY33" s="83">
        <v>0</v>
      </c>
      <c r="CZ33" s="84">
        <v>0</v>
      </c>
      <c r="DA33" s="399">
        <v>0</v>
      </c>
      <c r="DB33" s="83">
        <v>0</v>
      </c>
      <c r="DC33" s="83">
        <v>2</v>
      </c>
      <c r="DD33" s="83">
        <v>0</v>
      </c>
      <c r="DE33" s="83">
        <v>3</v>
      </c>
      <c r="DF33" s="83">
        <v>1</v>
      </c>
      <c r="DG33" s="85">
        <v>6</v>
      </c>
      <c r="DH33" s="86">
        <v>6</v>
      </c>
      <c r="DI33" s="87">
        <v>0</v>
      </c>
      <c r="DJ33" s="88">
        <v>0</v>
      </c>
      <c r="DK33" s="89">
        <v>0</v>
      </c>
      <c r="DL33" s="399">
        <v>0</v>
      </c>
      <c r="DM33" s="88">
        <v>0</v>
      </c>
      <c r="DN33" s="88">
        <v>0</v>
      </c>
      <c r="DO33" s="88">
        <v>0</v>
      </c>
      <c r="DP33" s="88">
        <v>0</v>
      </c>
      <c r="DQ33" s="88">
        <v>0</v>
      </c>
      <c r="DR33" s="89">
        <v>0</v>
      </c>
      <c r="DS33" s="90">
        <v>0</v>
      </c>
      <c r="DT33" s="87">
        <v>0</v>
      </c>
      <c r="DU33" s="88">
        <v>0</v>
      </c>
      <c r="DV33" s="89">
        <v>0</v>
      </c>
      <c r="DW33" s="399">
        <v>0</v>
      </c>
      <c r="DX33" s="88">
        <v>0</v>
      </c>
      <c r="DY33" s="88">
        <v>0</v>
      </c>
      <c r="DZ33" s="88">
        <v>0</v>
      </c>
      <c r="EA33" s="88">
        <v>0</v>
      </c>
      <c r="EB33" s="88">
        <v>0</v>
      </c>
      <c r="EC33" s="89">
        <v>0</v>
      </c>
      <c r="ED33" s="90">
        <v>0</v>
      </c>
      <c r="EE33" s="87">
        <v>0</v>
      </c>
      <c r="EF33" s="88">
        <v>0</v>
      </c>
      <c r="EG33" s="89">
        <v>0</v>
      </c>
      <c r="EH33" s="399">
        <v>0</v>
      </c>
      <c r="EI33" s="88">
        <v>0</v>
      </c>
      <c r="EJ33" s="88">
        <v>0</v>
      </c>
      <c r="EK33" s="88">
        <v>0</v>
      </c>
      <c r="EL33" s="88">
        <v>0</v>
      </c>
      <c r="EM33" s="88">
        <v>0</v>
      </c>
      <c r="EN33" s="89">
        <v>0</v>
      </c>
      <c r="EO33" s="90">
        <v>0</v>
      </c>
      <c r="EP33" s="87">
        <v>0</v>
      </c>
      <c r="EQ33" s="88">
        <v>0</v>
      </c>
      <c r="ER33" s="89">
        <v>0</v>
      </c>
      <c r="ES33" s="399">
        <v>0</v>
      </c>
      <c r="ET33" s="88">
        <v>0</v>
      </c>
      <c r="EU33" s="88">
        <v>1</v>
      </c>
      <c r="EV33" s="88">
        <v>0</v>
      </c>
      <c r="EW33" s="88">
        <v>0</v>
      </c>
      <c r="EX33" s="88">
        <v>0</v>
      </c>
      <c r="EY33" s="89">
        <v>1</v>
      </c>
      <c r="EZ33" s="90">
        <v>1</v>
      </c>
      <c r="FA33" s="87">
        <v>0</v>
      </c>
      <c r="FB33" s="88">
        <v>0</v>
      </c>
      <c r="FC33" s="89">
        <v>0</v>
      </c>
      <c r="FD33" s="399">
        <v>0</v>
      </c>
      <c r="FE33" s="88">
        <v>0</v>
      </c>
      <c r="FF33" s="88">
        <v>0</v>
      </c>
      <c r="FG33" s="88">
        <v>0</v>
      </c>
      <c r="FH33" s="88">
        <v>1</v>
      </c>
      <c r="FI33" s="88">
        <v>0</v>
      </c>
      <c r="FJ33" s="89">
        <v>1</v>
      </c>
      <c r="FK33" s="90">
        <v>1</v>
      </c>
      <c r="FL33" s="87">
        <v>0</v>
      </c>
      <c r="FM33" s="88">
        <v>0</v>
      </c>
      <c r="FN33" s="89">
        <v>0</v>
      </c>
      <c r="FO33" s="399">
        <v>0</v>
      </c>
      <c r="FP33" s="88">
        <v>0</v>
      </c>
      <c r="FQ33" s="88">
        <v>1</v>
      </c>
      <c r="FR33" s="88">
        <v>0</v>
      </c>
      <c r="FS33" s="88">
        <v>2</v>
      </c>
      <c r="FT33" s="88">
        <v>1</v>
      </c>
      <c r="FU33" s="89">
        <v>4</v>
      </c>
      <c r="FV33" s="90">
        <v>4</v>
      </c>
      <c r="FW33" s="87">
        <v>0</v>
      </c>
      <c r="FX33" s="88">
        <v>0</v>
      </c>
      <c r="FY33" s="89">
        <v>0</v>
      </c>
      <c r="FZ33" s="399">
        <v>0</v>
      </c>
      <c r="GA33" s="88">
        <v>0</v>
      </c>
      <c r="GB33" s="88">
        <v>0</v>
      </c>
      <c r="GC33" s="88">
        <v>0</v>
      </c>
      <c r="GD33" s="88">
        <v>0</v>
      </c>
      <c r="GE33" s="88">
        <v>0</v>
      </c>
      <c r="GF33" s="89">
        <v>0</v>
      </c>
      <c r="GG33" s="90">
        <v>0</v>
      </c>
      <c r="GH33" s="87">
        <v>0</v>
      </c>
      <c r="GI33" s="88">
        <v>0</v>
      </c>
      <c r="GJ33" s="89">
        <v>0</v>
      </c>
      <c r="GK33" s="399">
        <v>0</v>
      </c>
      <c r="GL33" s="88">
        <v>0</v>
      </c>
      <c r="GM33" s="88">
        <v>2</v>
      </c>
      <c r="GN33" s="88">
        <v>0</v>
      </c>
      <c r="GO33" s="88">
        <v>3</v>
      </c>
      <c r="GP33" s="88">
        <v>1</v>
      </c>
      <c r="GQ33" s="89">
        <v>6</v>
      </c>
      <c r="GR33" s="90">
        <v>6</v>
      </c>
      <c r="GS33" s="91">
        <v>4</v>
      </c>
      <c r="GT33" s="83">
        <v>2</v>
      </c>
      <c r="GU33" s="84">
        <v>6</v>
      </c>
      <c r="GV33" s="399">
        <v>0</v>
      </c>
      <c r="GW33" s="83">
        <v>5</v>
      </c>
      <c r="GX33" s="83">
        <v>7</v>
      </c>
      <c r="GY33" s="83">
        <v>6</v>
      </c>
      <c r="GZ33" s="83">
        <v>8</v>
      </c>
      <c r="HA33" s="83">
        <v>3</v>
      </c>
      <c r="HB33" s="85">
        <v>29</v>
      </c>
      <c r="HC33" s="86">
        <v>35</v>
      </c>
      <c r="HD33" s="87">
        <v>1</v>
      </c>
      <c r="HE33" s="88">
        <v>0</v>
      </c>
      <c r="HF33" s="89">
        <v>1</v>
      </c>
      <c r="HG33" s="399">
        <v>0</v>
      </c>
      <c r="HH33" s="88">
        <v>0</v>
      </c>
      <c r="HI33" s="88">
        <v>0</v>
      </c>
      <c r="HJ33" s="88">
        <v>0</v>
      </c>
      <c r="HK33" s="88">
        <v>0</v>
      </c>
      <c r="HL33" s="88">
        <v>0</v>
      </c>
      <c r="HM33" s="89">
        <v>0</v>
      </c>
      <c r="HN33" s="90">
        <v>1</v>
      </c>
      <c r="HO33" s="87">
        <v>0</v>
      </c>
      <c r="HP33" s="88">
        <v>0</v>
      </c>
      <c r="HQ33" s="89">
        <v>0</v>
      </c>
      <c r="HR33" s="399">
        <v>0</v>
      </c>
      <c r="HS33" s="88">
        <v>0</v>
      </c>
      <c r="HT33" s="88">
        <v>0</v>
      </c>
      <c r="HU33" s="88">
        <v>0</v>
      </c>
      <c r="HV33" s="88">
        <v>1</v>
      </c>
      <c r="HW33" s="88">
        <v>0</v>
      </c>
      <c r="HX33" s="89">
        <v>1</v>
      </c>
      <c r="HY33" s="90">
        <v>1</v>
      </c>
      <c r="HZ33" s="87">
        <v>1</v>
      </c>
      <c r="IA33" s="88">
        <v>0</v>
      </c>
      <c r="IB33" s="89">
        <v>1</v>
      </c>
      <c r="IC33" s="399">
        <v>0</v>
      </c>
      <c r="ID33" s="88">
        <v>0</v>
      </c>
      <c r="IE33" s="88">
        <v>1</v>
      </c>
      <c r="IF33" s="88">
        <v>0</v>
      </c>
      <c r="IG33" s="88">
        <v>0</v>
      </c>
      <c r="IH33" s="88">
        <v>0</v>
      </c>
      <c r="II33" s="89">
        <v>1</v>
      </c>
      <c r="IJ33" s="90">
        <v>2</v>
      </c>
      <c r="IK33" s="87">
        <v>0</v>
      </c>
      <c r="IL33" s="88">
        <v>0</v>
      </c>
      <c r="IM33" s="89">
        <v>0</v>
      </c>
      <c r="IN33" s="399">
        <v>0</v>
      </c>
      <c r="IO33" s="88">
        <v>3</v>
      </c>
      <c r="IP33" s="88">
        <v>1</v>
      </c>
      <c r="IQ33" s="88">
        <v>2</v>
      </c>
      <c r="IR33" s="88">
        <v>1</v>
      </c>
      <c r="IS33" s="88">
        <v>2</v>
      </c>
      <c r="IT33" s="89">
        <v>9</v>
      </c>
      <c r="IU33" s="90">
        <v>9</v>
      </c>
      <c r="IV33" s="87">
        <v>1</v>
      </c>
      <c r="IW33" s="88">
        <v>1</v>
      </c>
      <c r="IX33" s="89">
        <v>2</v>
      </c>
      <c r="IY33" s="399">
        <v>0</v>
      </c>
      <c r="IZ33" s="88">
        <v>1</v>
      </c>
      <c r="JA33" s="88">
        <v>1</v>
      </c>
      <c r="JB33" s="88">
        <v>0</v>
      </c>
      <c r="JC33" s="88">
        <v>1</v>
      </c>
      <c r="JD33" s="88">
        <v>0</v>
      </c>
      <c r="JE33" s="89">
        <v>3</v>
      </c>
      <c r="JF33" s="90">
        <v>5</v>
      </c>
      <c r="JG33" s="87">
        <v>1</v>
      </c>
      <c r="JH33" s="88">
        <v>1</v>
      </c>
      <c r="JI33" s="89">
        <v>2</v>
      </c>
      <c r="JJ33" s="399">
        <v>0</v>
      </c>
      <c r="JK33" s="88">
        <v>1</v>
      </c>
      <c r="JL33" s="88">
        <v>4</v>
      </c>
      <c r="JM33" s="88">
        <v>4</v>
      </c>
      <c r="JN33" s="88">
        <v>5</v>
      </c>
      <c r="JO33" s="88">
        <v>1</v>
      </c>
      <c r="JP33" s="89">
        <v>15</v>
      </c>
      <c r="JQ33" s="90">
        <v>17</v>
      </c>
      <c r="JR33" s="87">
        <v>0</v>
      </c>
      <c r="JS33" s="88">
        <v>0</v>
      </c>
      <c r="JT33" s="89">
        <v>0</v>
      </c>
      <c r="JU33" s="399">
        <v>0</v>
      </c>
      <c r="JV33" s="88">
        <v>0</v>
      </c>
      <c r="JW33" s="88">
        <v>0</v>
      </c>
      <c r="JX33" s="88">
        <v>0</v>
      </c>
      <c r="JY33" s="88">
        <v>0</v>
      </c>
      <c r="JZ33" s="88">
        <v>0</v>
      </c>
      <c r="KA33" s="89">
        <v>0</v>
      </c>
      <c r="KB33" s="90">
        <v>0</v>
      </c>
      <c r="KC33" s="87">
        <v>4</v>
      </c>
      <c r="KD33" s="88">
        <v>2</v>
      </c>
      <c r="KE33" s="89">
        <v>6</v>
      </c>
      <c r="KF33" s="399">
        <v>0</v>
      </c>
      <c r="KG33" s="88">
        <v>5</v>
      </c>
      <c r="KH33" s="88">
        <v>7</v>
      </c>
      <c r="KI33" s="88">
        <v>6</v>
      </c>
      <c r="KJ33" s="88">
        <v>8</v>
      </c>
      <c r="KK33" s="88">
        <v>3</v>
      </c>
      <c r="KL33" s="89">
        <v>29</v>
      </c>
      <c r="KM33" s="90">
        <v>35</v>
      </c>
    </row>
    <row r="34" spans="2:299" s="56" customFormat="1" ht="21" customHeight="1" x14ac:dyDescent="0.2">
      <c r="B34" s="92" t="s">
        <v>31</v>
      </c>
      <c r="C34" s="82">
        <v>5</v>
      </c>
      <c r="D34" s="83">
        <v>8</v>
      </c>
      <c r="E34" s="84">
        <v>13</v>
      </c>
      <c r="F34" s="399">
        <v>0</v>
      </c>
      <c r="G34" s="83">
        <v>7</v>
      </c>
      <c r="H34" s="83">
        <v>6</v>
      </c>
      <c r="I34" s="83">
        <v>5</v>
      </c>
      <c r="J34" s="83">
        <v>4</v>
      </c>
      <c r="K34" s="83">
        <v>0</v>
      </c>
      <c r="L34" s="85">
        <v>22</v>
      </c>
      <c r="M34" s="86">
        <v>35</v>
      </c>
      <c r="N34" s="87">
        <v>0</v>
      </c>
      <c r="O34" s="88">
        <v>0</v>
      </c>
      <c r="P34" s="89">
        <v>0</v>
      </c>
      <c r="Q34" s="399">
        <v>0</v>
      </c>
      <c r="R34" s="88">
        <v>0</v>
      </c>
      <c r="S34" s="88">
        <v>0</v>
      </c>
      <c r="T34" s="88">
        <v>0</v>
      </c>
      <c r="U34" s="88">
        <v>0</v>
      </c>
      <c r="V34" s="88">
        <v>0</v>
      </c>
      <c r="W34" s="89">
        <v>0</v>
      </c>
      <c r="X34" s="90">
        <v>0</v>
      </c>
      <c r="Y34" s="87">
        <v>1</v>
      </c>
      <c r="Z34" s="88">
        <v>0</v>
      </c>
      <c r="AA34" s="89">
        <v>1</v>
      </c>
      <c r="AB34" s="399">
        <v>0</v>
      </c>
      <c r="AC34" s="88">
        <v>1</v>
      </c>
      <c r="AD34" s="88">
        <v>0</v>
      </c>
      <c r="AE34" s="88">
        <v>0</v>
      </c>
      <c r="AF34" s="88">
        <v>1</v>
      </c>
      <c r="AG34" s="88">
        <v>0</v>
      </c>
      <c r="AH34" s="89">
        <v>2</v>
      </c>
      <c r="AI34" s="90">
        <v>3</v>
      </c>
      <c r="AJ34" s="87">
        <v>1</v>
      </c>
      <c r="AK34" s="88">
        <v>1</v>
      </c>
      <c r="AL34" s="89">
        <v>2</v>
      </c>
      <c r="AM34" s="399">
        <v>0</v>
      </c>
      <c r="AN34" s="88">
        <v>0</v>
      </c>
      <c r="AO34" s="88">
        <v>0</v>
      </c>
      <c r="AP34" s="88">
        <v>1</v>
      </c>
      <c r="AQ34" s="88">
        <v>0</v>
      </c>
      <c r="AR34" s="88">
        <v>0</v>
      </c>
      <c r="AS34" s="89">
        <v>1</v>
      </c>
      <c r="AT34" s="90">
        <v>3</v>
      </c>
      <c r="AU34" s="87">
        <v>1</v>
      </c>
      <c r="AV34" s="88">
        <v>1</v>
      </c>
      <c r="AW34" s="89">
        <v>2</v>
      </c>
      <c r="AX34" s="399">
        <v>0</v>
      </c>
      <c r="AY34" s="88">
        <v>2</v>
      </c>
      <c r="AZ34" s="88">
        <v>1</v>
      </c>
      <c r="BA34" s="88">
        <v>0</v>
      </c>
      <c r="BB34" s="88">
        <v>1</v>
      </c>
      <c r="BC34" s="88">
        <v>0</v>
      </c>
      <c r="BD34" s="89">
        <v>4</v>
      </c>
      <c r="BE34" s="90">
        <v>6</v>
      </c>
      <c r="BF34" s="87">
        <v>1</v>
      </c>
      <c r="BG34" s="88">
        <v>4</v>
      </c>
      <c r="BH34" s="89">
        <v>5</v>
      </c>
      <c r="BI34" s="399">
        <v>0</v>
      </c>
      <c r="BJ34" s="88">
        <v>2</v>
      </c>
      <c r="BK34" s="88">
        <v>4</v>
      </c>
      <c r="BL34" s="88">
        <v>1</v>
      </c>
      <c r="BM34" s="88">
        <v>1</v>
      </c>
      <c r="BN34" s="88">
        <v>0</v>
      </c>
      <c r="BO34" s="89">
        <v>8</v>
      </c>
      <c r="BP34" s="90">
        <v>13</v>
      </c>
      <c r="BQ34" s="87">
        <v>1</v>
      </c>
      <c r="BR34" s="88">
        <v>2</v>
      </c>
      <c r="BS34" s="89">
        <v>3</v>
      </c>
      <c r="BT34" s="399">
        <v>0</v>
      </c>
      <c r="BU34" s="88">
        <v>2</v>
      </c>
      <c r="BV34" s="88">
        <v>1</v>
      </c>
      <c r="BW34" s="88">
        <v>3</v>
      </c>
      <c r="BX34" s="88">
        <v>1</v>
      </c>
      <c r="BY34" s="88">
        <v>0</v>
      </c>
      <c r="BZ34" s="89">
        <v>7</v>
      </c>
      <c r="CA34" s="90">
        <v>10</v>
      </c>
      <c r="CB34" s="87">
        <v>0</v>
      </c>
      <c r="CC34" s="88">
        <v>0</v>
      </c>
      <c r="CD34" s="89">
        <v>0</v>
      </c>
      <c r="CE34" s="399">
        <v>0</v>
      </c>
      <c r="CF34" s="88">
        <v>0</v>
      </c>
      <c r="CG34" s="88">
        <v>0</v>
      </c>
      <c r="CH34" s="88">
        <v>0</v>
      </c>
      <c r="CI34" s="88">
        <v>0</v>
      </c>
      <c r="CJ34" s="88">
        <v>0</v>
      </c>
      <c r="CK34" s="89">
        <v>0</v>
      </c>
      <c r="CL34" s="90">
        <v>0</v>
      </c>
      <c r="CM34" s="87">
        <v>5</v>
      </c>
      <c r="CN34" s="88">
        <v>8</v>
      </c>
      <c r="CO34" s="89">
        <v>13</v>
      </c>
      <c r="CP34" s="399">
        <v>0</v>
      </c>
      <c r="CQ34" s="88">
        <v>7</v>
      </c>
      <c r="CR34" s="88">
        <v>6</v>
      </c>
      <c r="CS34" s="88">
        <v>5</v>
      </c>
      <c r="CT34" s="88">
        <v>4</v>
      </c>
      <c r="CU34" s="88">
        <v>0</v>
      </c>
      <c r="CV34" s="89">
        <v>22</v>
      </c>
      <c r="CW34" s="90">
        <v>35</v>
      </c>
      <c r="CX34" s="91">
        <v>1</v>
      </c>
      <c r="CY34" s="83">
        <v>0</v>
      </c>
      <c r="CZ34" s="84">
        <v>1</v>
      </c>
      <c r="DA34" s="399">
        <v>0</v>
      </c>
      <c r="DB34" s="83">
        <v>2</v>
      </c>
      <c r="DC34" s="83">
        <v>2</v>
      </c>
      <c r="DD34" s="83">
        <v>0</v>
      </c>
      <c r="DE34" s="83">
        <v>0</v>
      </c>
      <c r="DF34" s="83">
        <v>2</v>
      </c>
      <c r="DG34" s="85">
        <v>6</v>
      </c>
      <c r="DH34" s="86">
        <v>7</v>
      </c>
      <c r="DI34" s="87">
        <v>0</v>
      </c>
      <c r="DJ34" s="88">
        <v>0</v>
      </c>
      <c r="DK34" s="89">
        <v>0</v>
      </c>
      <c r="DL34" s="399">
        <v>0</v>
      </c>
      <c r="DM34" s="88">
        <v>0</v>
      </c>
      <c r="DN34" s="88">
        <v>0</v>
      </c>
      <c r="DO34" s="88">
        <v>0</v>
      </c>
      <c r="DP34" s="88">
        <v>0</v>
      </c>
      <c r="DQ34" s="88">
        <v>0</v>
      </c>
      <c r="DR34" s="89">
        <v>0</v>
      </c>
      <c r="DS34" s="90">
        <v>0</v>
      </c>
      <c r="DT34" s="87">
        <v>0</v>
      </c>
      <c r="DU34" s="88">
        <v>0</v>
      </c>
      <c r="DV34" s="89">
        <v>0</v>
      </c>
      <c r="DW34" s="399">
        <v>0</v>
      </c>
      <c r="DX34" s="88">
        <v>0</v>
      </c>
      <c r="DY34" s="88">
        <v>0</v>
      </c>
      <c r="DZ34" s="88">
        <v>0</v>
      </c>
      <c r="EA34" s="88">
        <v>0</v>
      </c>
      <c r="EB34" s="88">
        <v>0</v>
      </c>
      <c r="EC34" s="89">
        <v>0</v>
      </c>
      <c r="ED34" s="90">
        <v>0</v>
      </c>
      <c r="EE34" s="87">
        <v>0</v>
      </c>
      <c r="EF34" s="88">
        <v>0</v>
      </c>
      <c r="EG34" s="89">
        <v>0</v>
      </c>
      <c r="EH34" s="399">
        <v>0</v>
      </c>
      <c r="EI34" s="88">
        <v>0</v>
      </c>
      <c r="EJ34" s="88">
        <v>0</v>
      </c>
      <c r="EK34" s="88">
        <v>0</v>
      </c>
      <c r="EL34" s="88">
        <v>0</v>
      </c>
      <c r="EM34" s="88">
        <v>0</v>
      </c>
      <c r="EN34" s="89">
        <v>0</v>
      </c>
      <c r="EO34" s="90">
        <v>0</v>
      </c>
      <c r="EP34" s="87">
        <v>1</v>
      </c>
      <c r="EQ34" s="88">
        <v>0</v>
      </c>
      <c r="ER34" s="89">
        <v>1</v>
      </c>
      <c r="ES34" s="399">
        <v>0</v>
      </c>
      <c r="ET34" s="88">
        <v>0</v>
      </c>
      <c r="EU34" s="88">
        <v>1</v>
      </c>
      <c r="EV34" s="88">
        <v>0</v>
      </c>
      <c r="EW34" s="88">
        <v>0</v>
      </c>
      <c r="EX34" s="88">
        <v>0</v>
      </c>
      <c r="EY34" s="89">
        <v>1</v>
      </c>
      <c r="EZ34" s="90">
        <v>2</v>
      </c>
      <c r="FA34" s="87">
        <v>0</v>
      </c>
      <c r="FB34" s="88">
        <v>0</v>
      </c>
      <c r="FC34" s="89">
        <v>0</v>
      </c>
      <c r="FD34" s="399">
        <v>0</v>
      </c>
      <c r="FE34" s="88">
        <v>0</v>
      </c>
      <c r="FF34" s="88">
        <v>0</v>
      </c>
      <c r="FG34" s="88">
        <v>0</v>
      </c>
      <c r="FH34" s="88">
        <v>0</v>
      </c>
      <c r="FI34" s="88">
        <v>0</v>
      </c>
      <c r="FJ34" s="89">
        <v>0</v>
      </c>
      <c r="FK34" s="90">
        <v>0</v>
      </c>
      <c r="FL34" s="87">
        <v>0</v>
      </c>
      <c r="FM34" s="88">
        <v>0</v>
      </c>
      <c r="FN34" s="89">
        <v>0</v>
      </c>
      <c r="FO34" s="399">
        <v>0</v>
      </c>
      <c r="FP34" s="88">
        <v>2</v>
      </c>
      <c r="FQ34" s="88">
        <v>1</v>
      </c>
      <c r="FR34" s="88">
        <v>0</v>
      </c>
      <c r="FS34" s="88">
        <v>0</v>
      </c>
      <c r="FT34" s="88">
        <v>2</v>
      </c>
      <c r="FU34" s="89">
        <v>5</v>
      </c>
      <c r="FV34" s="90">
        <v>5</v>
      </c>
      <c r="FW34" s="87">
        <v>0</v>
      </c>
      <c r="FX34" s="88">
        <v>0</v>
      </c>
      <c r="FY34" s="89">
        <v>0</v>
      </c>
      <c r="FZ34" s="399">
        <v>0</v>
      </c>
      <c r="GA34" s="88">
        <v>0</v>
      </c>
      <c r="GB34" s="88">
        <v>0</v>
      </c>
      <c r="GC34" s="88">
        <v>0</v>
      </c>
      <c r="GD34" s="88">
        <v>0</v>
      </c>
      <c r="GE34" s="88">
        <v>0</v>
      </c>
      <c r="GF34" s="89">
        <v>0</v>
      </c>
      <c r="GG34" s="90">
        <v>0</v>
      </c>
      <c r="GH34" s="87">
        <v>1</v>
      </c>
      <c r="GI34" s="88">
        <v>0</v>
      </c>
      <c r="GJ34" s="89">
        <v>1</v>
      </c>
      <c r="GK34" s="399">
        <v>0</v>
      </c>
      <c r="GL34" s="88">
        <v>2</v>
      </c>
      <c r="GM34" s="88">
        <v>2</v>
      </c>
      <c r="GN34" s="88">
        <v>0</v>
      </c>
      <c r="GO34" s="88">
        <v>0</v>
      </c>
      <c r="GP34" s="88">
        <v>2</v>
      </c>
      <c r="GQ34" s="89">
        <v>6</v>
      </c>
      <c r="GR34" s="90">
        <v>7</v>
      </c>
      <c r="GS34" s="91">
        <v>6</v>
      </c>
      <c r="GT34" s="83">
        <v>8</v>
      </c>
      <c r="GU34" s="84">
        <v>14</v>
      </c>
      <c r="GV34" s="399">
        <v>0</v>
      </c>
      <c r="GW34" s="83">
        <v>9</v>
      </c>
      <c r="GX34" s="83">
        <v>8</v>
      </c>
      <c r="GY34" s="83">
        <v>5</v>
      </c>
      <c r="GZ34" s="83">
        <v>4</v>
      </c>
      <c r="HA34" s="83">
        <v>2</v>
      </c>
      <c r="HB34" s="85">
        <v>28</v>
      </c>
      <c r="HC34" s="86">
        <v>42</v>
      </c>
      <c r="HD34" s="87">
        <v>0</v>
      </c>
      <c r="HE34" s="88">
        <v>0</v>
      </c>
      <c r="HF34" s="89">
        <v>0</v>
      </c>
      <c r="HG34" s="399">
        <v>0</v>
      </c>
      <c r="HH34" s="88">
        <v>0</v>
      </c>
      <c r="HI34" s="88">
        <v>0</v>
      </c>
      <c r="HJ34" s="88">
        <v>0</v>
      </c>
      <c r="HK34" s="88">
        <v>0</v>
      </c>
      <c r="HL34" s="88">
        <v>0</v>
      </c>
      <c r="HM34" s="89">
        <v>0</v>
      </c>
      <c r="HN34" s="90">
        <v>0</v>
      </c>
      <c r="HO34" s="87">
        <v>1</v>
      </c>
      <c r="HP34" s="88">
        <v>0</v>
      </c>
      <c r="HQ34" s="89">
        <v>1</v>
      </c>
      <c r="HR34" s="399">
        <v>0</v>
      </c>
      <c r="HS34" s="88">
        <v>1</v>
      </c>
      <c r="HT34" s="88">
        <v>0</v>
      </c>
      <c r="HU34" s="88">
        <v>0</v>
      </c>
      <c r="HV34" s="88">
        <v>1</v>
      </c>
      <c r="HW34" s="88">
        <v>0</v>
      </c>
      <c r="HX34" s="89">
        <v>2</v>
      </c>
      <c r="HY34" s="90">
        <v>3</v>
      </c>
      <c r="HZ34" s="87">
        <v>1</v>
      </c>
      <c r="IA34" s="88">
        <v>1</v>
      </c>
      <c r="IB34" s="89">
        <v>2</v>
      </c>
      <c r="IC34" s="399">
        <v>0</v>
      </c>
      <c r="ID34" s="88">
        <v>0</v>
      </c>
      <c r="IE34" s="88">
        <v>0</v>
      </c>
      <c r="IF34" s="88">
        <v>1</v>
      </c>
      <c r="IG34" s="88">
        <v>0</v>
      </c>
      <c r="IH34" s="88">
        <v>0</v>
      </c>
      <c r="II34" s="89">
        <v>1</v>
      </c>
      <c r="IJ34" s="90">
        <v>3</v>
      </c>
      <c r="IK34" s="87">
        <v>2</v>
      </c>
      <c r="IL34" s="88">
        <v>1</v>
      </c>
      <c r="IM34" s="89">
        <v>3</v>
      </c>
      <c r="IN34" s="399">
        <v>0</v>
      </c>
      <c r="IO34" s="88">
        <v>2</v>
      </c>
      <c r="IP34" s="88">
        <v>2</v>
      </c>
      <c r="IQ34" s="88">
        <v>0</v>
      </c>
      <c r="IR34" s="88">
        <v>1</v>
      </c>
      <c r="IS34" s="88">
        <v>0</v>
      </c>
      <c r="IT34" s="89">
        <v>5</v>
      </c>
      <c r="IU34" s="90">
        <v>8</v>
      </c>
      <c r="IV34" s="87">
        <v>1</v>
      </c>
      <c r="IW34" s="88">
        <v>4</v>
      </c>
      <c r="IX34" s="89">
        <v>5</v>
      </c>
      <c r="IY34" s="399">
        <v>0</v>
      </c>
      <c r="IZ34" s="88">
        <v>2</v>
      </c>
      <c r="JA34" s="88">
        <v>4</v>
      </c>
      <c r="JB34" s="88">
        <v>1</v>
      </c>
      <c r="JC34" s="88">
        <v>1</v>
      </c>
      <c r="JD34" s="88">
        <v>0</v>
      </c>
      <c r="JE34" s="89">
        <v>8</v>
      </c>
      <c r="JF34" s="90">
        <v>13</v>
      </c>
      <c r="JG34" s="87">
        <v>1</v>
      </c>
      <c r="JH34" s="88">
        <v>2</v>
      </c>
      <c r="JI34" s="89">
        <v>3</v>
      </c>
      <c r="JJ34" s="399">
        <v>0</v>
      </c>
      <c r="JK34" s="88">
        <v>4</v>
      </c>
      <c r="JL34" s="88">
        <v>2</v>
      </c>
      <c r="JM34" s="88">
        <v>3</v>
      </c>
      <c r="JN34" s="88">
        <v>1</v>
      </c>
      <c r="JO34" s="88">
        <v>2</v>
      </c>
      <c r="JP34" s="89">
        <v>12</v>
      </c>
      <c r="JQ34" s="90">
        <v>15</v>
      </c>
      <c r="JR34" s="87">
        <v>0</v>
      </c>
      <c r="JS34" s="88">
        <v>0</v>
      </c>
      <c r="JT34" s="89">
        <v>0</v>
      </c>
      <c r="JU34" s="399">
        <v>0</v>
      </c>
      <c r="JV34" s="88">
        <v>0</v>
      </c>
      <c r="JW34" s="88">
        <v>0</v>
      </c>
      <c r="JX34" s="88">
        <v>0</v>
      </c>
      <c r="JY34" s="88">
        <v>0</v>
      </c>
      <c r="JZ34" s="88">
        <v>0</v>
      </c>
      <c r="KA34" s="89">
        <v>0</v>
      </c>
      <c r="KB34" s="90">
        <v>0</v>
      </c>
      <c r="KC34" s="87">
        <v>6</v>
      </c>
      <c r="KD34" s="88">
        <v>8</v>
      </c>
      <c r="KE34" s="89">
        <v>14</v>
      </c>
      <c r="KF34" s="399">
        <v>0</v>
      </c>
      <c r="KG34" s="88">
        <v>9</v>
      </c>
      <c r="KH34" s="88">
        <v>8</v>
      </c>
      <c r="KI34" s="88">
        <v>5</v>
      </c>
      <c r="KJ34" s="88">
        <v>4</v>
      </c>
      <c r="KK34" s="88">
        <v>2</v>
      </c>
      <c r="KL34" s="89">
        <v>28</v>
      </c>
      <c r="KM34" s="90">
        <v>42</v>
      </c>
    </row>
    <row r="35" spans="2:299" s="56" customFormat="1" ht="21" customHeight="1" x14ac:dyDescent="0.2">
      <c r="B35" s="92" t="s">
        <v>32</v>
      </c>
      <c r="C35" s="82">
        <v>7</v>
      </c>
      <c r="D35" s="83">
        <v>3</v>
      </c>
      <c r="E35" s="84">
        <v>10</v>
      </c>
      <c r="F35" s="399">
        <v>0</v>
      </c>
      <c r="G35" s="83">
        <v>16</v>
      </c>
      <c r="H35" s="83">
        <v>15</v>
      </c>
      <c r="I35" s="83">
        <v>4</v>
      </c>
      <c r="J35" s="83">
        <v>3</v>
      </c>
      <c r="K35" s="83">
        <v>0</v>
      </c>
      <c r="L35" s="85">
        <v>38</v>
      </c>
      <c r="M35" s="86">
        <v>48</v>
      </c>
      <c r="N35" s="87">
        <v>0</v>
      </c>
      <c r="O35" s="88">
        <v>0</v>
      </c>
      <c r="P35" s="89">
        <v>0</v>
      </c>
      <c r="Q35" s="399">
        <v>0</v>
      </c>
      <c r="R35" s="88">
        <v>0</v>
      </c>
      <c r="S35" s="88">
        <v>0</v>
      </c>
      <c r="T35" s="88">
        <v>0</v>
      </c>
      <c r="U35" s="88">
        <v>0</v>
      </c>
      <c r="V35" s="88">
        <v>0</v>
      </c>
      <c r="W35" s="89">
        <v>0</v>
      </c>
      <c r="X35" s="90">
        <v>0</v>
      </c>
      <c r="Y35" s="87">
        <v>1</v>
      </c>
      <c r="Z35" s="88">
        <v>0</v>
      </c>
      <c r="AA35" s="89">
        <v>1</v>
      </c>
      <c r="AB35" s="399">
        <v>0</v>
      </c>
      <c r="AC35" s="88">
        <v>0</v>
      </c>
      <c r="AD35" s="88">
        <v>0</v>
      </c>
      <c r="AE35" s="88">
        <v>0</v>
      </c>
      <c r="AF35" s="88">
        <v>0</v>
      </c>
      <c r="AG35" s="88">
        <v>0</v>
      </c>
      <c r="AH35" s="89">
        <v>0</v>
      </c>
      <c r="AI35" s="90">
        <v>1</v>
      </c>
      <c r="AJ35" s="87">
        <v>0</v>
      </c>
      <c r="AK35" s="88">
        <v>0</v>
      </c>
      <c r="AL35" s="89">
        <v>0</v>
      </c>
      <c r="AM35" s="399">
        <v>0</v>
      </c>
      <c r="AN35" s="88">
        <v>0</v>
      </c>
      <c r="AO35" s="88">
        <v>2</v>
      </c>
      <c r="AP35" s="88">
        <v>0</v>
      </c>
      <c r="AQ35" s="88">
        <v>0</v>
      </c>
      <c r="AR35" s="88">
        <v>0</v>
      </c>
      <c r="AS35" s="89">
        <v>2</v>
      </c>
      <c r="AT35" s="90">
        <v>2</v>
      </c>
      <c r="AU35" s="87">
        <v>2</v>
      </c>
      <c r="AV35" s="88">
        <v>0</v>
      </c>
      <c r="AW35" s="89">
        <v>2</v>
      </c>
      <c r="AX35" s="399">
        <v>0</v>
      </c>
      <c r="AY35" s="88">
        <v>5</v>
      </c>
      <c r="AZ35" s="88">
        <v>4</v>
      </c>
      <c r="BA35" s="88">
        <v>1</v>
      </c>
      <c r="BB35" s="88">
        <v>0</v>
      </c>
      <c r="BC35" s="88">
        <v>0</v>
      </c>
      <c r="BD35" s="89">
        <v>10</v>
      </c>
      <c r="BE35" s="90">
        <v>12</v>
      </c>
      <c r="BF35" s="87">
        <v>1</v>
      </c>
      <c r="BG35" s="88">
        <v>2</v>
      </c>
      <c r="BH35" s="89">
        <v>3</v>
      </c>
      <c r="BI35" s="399">
        <v>0</v>
      </c>
      <c r="BJ35" s="88">
        <v>6</v>
      </c>
      <c r="BK35" s="88">
        <v>4</v>
      </c>
      <c r="BL35" s="88">
        <v>2</v>
      </c>
      <c r="BM35" s="88">
        <v>2</v>
      </c>
      <c r="BN35" s="88">
        <v>0</v>
      </c>
      <c r="BO35" s="89">
        <v>14</v>
      </c>
      <c r="BP35" s="90">
        <v>17</v>
      </c>
      <c r="BQ35" s="87">
        <v>3</v>
      </c>
      <c r="BR35" s="88">
        <v>1</v>
      </c>
      <c r="BS35" s="89">
        <v>4</v>
      </c>
      <c r="BT35" s="399">
        <v>0</v>
      </c>
      <c r="BU35" s="88">
        <v>5</v>
      </c>
      <c r="BV35" s="88">
        <v>5</v>
      </c>
      <c r="BW35" s="88">
        <v>1</v>
      </c>
      <c r="BX35" s="88">
        <v>1</v>
      </c>
      <c r="BY35" s="88">
        <v>0</v>
      </c>
      <c r="BZ35" s="89">
        <v>12</v>
      </c>
      <c r="CA35" s="90">
        <v>16</v>
      </c>
      <c r="CB35" s="87">
        <v>0</v>
      </c>
      <c r="CC35" s="88">
        <v>0</v>
      </c>
      <c r="CD35" s="89">
        <v>0</v>
      </c>
      <c r="CE35" s="399">
        <v>0</v>
      </c>
      <c r="CF35" s="88">
        <v>0</v>
      </c>
      <c r="CG35" s="88">
        <v>0</v>
      </c>
      <c r="CH35" s="88">
        <v>0</v>
      </c>
      <c r="CI35" s="88">
        <v>0</v>
      </c>
      <c r="CJ35" s="88">
        <v>0</v>
      </c>
      <c r="CK35" s="89">
        <v>0</v>
      </c>
      <c r="CL35" s="90">
        <v>0</v>
      </c>
      <c r="CM35" s="87">
        <v>7</v>
      </c>
      <c r="CN35" s="88">
        <v>3</v>
      </c>
      <c r="CO35" s="89">
        <v>10</v>
      </c>
      <c r="CP35" s="399">
        <v>0</v>
      </c>
      <c r="CQ35" s="88">
        <v>16</v>
      </c>
      <c r="CR35" s="88">
        <v>15</v>
      </c>
      <c r="CS35" s="88">
        <v>4</v>
      </c>
      <c r="CT35" s="88">
        <v>3</v>
      </c>
      <c r="CU35" s="88">
        <v>0</v>
      </c>
      <c r="CV35" s="89">
        <v>38</v>
      </c>
      <c r="CW35" s="90">
        <v>48</v>
      </c>
      <c r="CX35" s="91">
        <v>0</v>
      </c>
      <c r="CY35" s="83">
        <v>0</v>
      </c>
      <c r="CZ35" s="84">
        <v>0</v>
      </c>
      <c r="DA35" s="399">
        <v>0</v>
      </c>
      <c r="DB35" s="83">
        <v>0</v>
      </c>
      <c r="DC35" s="83">
        <v>2</v>
      </c>
      <c r="DD35" s="83">
        <v>1</v>
      </c>
      <c r="DE35" s="83">
        <v>2</v>
      </c>
      <c r="DF35" s="83">
        <v>1</v>
      </c>
      <c r="DG35" s="85">
        <v>6</v>
      </c>
      <c r="DH35" s="86">
        <v>6</v>
      </c>
      <c r="DI35" s="87">
        <v>0</v>
      </c>
      <c r="DJ35" s="88">
        <v>0</v>
      </c>
      <c r="DK35" s="89">
        <v>0</v>
      </c>
      <c r="DL35" s="399">
        <v>0</v>
      </c>
      <c r="DM35" s="88">
        <v>0</v>
      </c>
      <c r="DN35" s="88">
        <v>0</v>
      </c>
      <c r="DO35" s="88">
        <v>0</v>
      </c>
      <c r="DP35" s="88">
        <v>0</v>
      </c>
      <c r="DQ35" s="88">
        <v>0</v>
      </c>
      <c r="DR35" s="89">
        <v>0</v>
      </c>
      <c r="DS35" s="90">
        <v>0</v>
      </c>
      <c r="DT35" s="87">
        <v>0</v>
      </c>
      <c r="DU35" s="88">
        <v>0</v>
      </c>
      <c r="DV35" s="89">
        <v>0</v>
      </c>
      <c r="DW35" s="399">
        <v>0</v>
      </c>
      <c r="DX35" s="88">
        <v>0</v>
      </c>
      <c r="DY35" s="88">
        <v>0</v>
      </c>
      <c r="DZ35" s="88">
        <v>0</v>
      </c>
      <c r="EA35" s="88">
        <v>0</v>
      </c>
      <c r="EB35" s="88">
        <v>0</v>
      </c>
      <c r="EC35" s="89">
        <v>0</v>
      </c>
      <c r="ED35" s="90">
        <v>0</v>
      </c>
      <c r="EE35" s="87">
        <v>0</v>
      </c>
      <c r="EF35" s="88">
        <v>0</v>
      </c>
      <c r="EG35" s="89">
        <v>0</v>
      </c>
      <c r="EH35" s="399">
        <v>0</v>
      </c>
      <c r="EI35" s="88">
        <v>0</v>
      </c>
      <c r="EJ35" s="88">
        <v>0</v>
      </c>
      <c r="EK35" s="88">
        <v>0</v>
      </c>
      <c r="EL35" s="88">
        <v>0</v>
      </c>
      <c r="EM35" s="88">
        <v>0</v>
      </c>
      <c r="EN35" s="89">
        <v>0</v>
      </c>
      <c r="EO35" s="90">
        <v>0</v>
      </c>
      <c r="EP35" s="87">
        <v>0</v>
      </c>
      <c r="EQ35" s="88">
        <v>0</v>
      </c>
      <c r="ER35" s="89">
        <v>0</v>
      </c>
      <c r="ES35" s="399">
        <v>0</v>
      </c>
      <c r="ET35" s="88">
        <v>0</v>
      </c>
      <c r="EU35" s="88">
        <v>1</v>
      </c>
      <c r="EV35" s="88">
        <v>0</v>
      </c>
      <c r="EW35" s="88">
        <v>0</v>
      </c>
      <c r="EX35" s="88">
        <v>0</v>
      </c>
      <c r="EY35" s="89">
        <v>1</v>
      </c>
      <c r="EZ35" s="90">
        <v>1</v>
      </c>
      <c r="FA35" s="87">
        <v>0</v>
      </c>
      <c r="FB35" s="88">
        <v>0</v>
      </c>
      <c r="FC35" s="89">
        <v>0</v>
      </c>
      <c r="FD35" s="399">
        <v>0</v>
      </c>
      <c r="FE35" s="88">
        <v>0</v>
      </c>
      <c r="FF35" s="88">
        <v>0</v>
      </c>
      <c r="FG35" s="88">
        <v>1</v>
      </c>
      <c r="FH35" s="88">
        <v>1</v>
      </c>
      <c r="FI35" s="88">
        <v>0</v>
      </c>
      <c r="FJ35" s="89">
        <v>2</v>
      </c>
      <c r="FK35" s="90">
        <v>2</v>
      </c>
      <c r="FL35" s="87">
        <v>0</v>
      </c>
      <c r="FM35" s="88">
        <v>0</v>
      </c>
      <c r="FN35" s="89">
        <v>0</v>
      </c>
      <c r="FO35" s="399">
        <v>0</v>
      </c>
      <c r="FP35" s="88">
        <v>0</v>
      </c>
      <c r="FQ35" s="88">
        <v>1</v>
      </c>
      <c r="FR35" s="88">
        <v>0</v>
      </c>
      <c r="FS35" s="88">
        <v>1</v>
      </c>
      <c r="FT35" s="88">
        <v>1</v>
      </c>
      <c r="FU35" s="89">
        <v>3</v>
      </c>
      <c r="FV35" s="90">
        <v>3</v>
      </c>
      <c r="FW35" s="87">
        <v>0</v>
      </c>
      <c r="FX35" s="88">
        <v>0</v>
      </c>
      <c r="FY35" s="89">
        <v>0</v>
      </c>
      <c r="FZ35" s="399">
        <v>0</v>
      </c>
      <c r="GA35" s="88">
        <v>0</v>
      </c>
      <c r="GB35" s="88">
        <v>0</v>
      </c>
      <c r="GC35" s="88">
        <v>0</v>
      </c>
      <c r="GD35" s="88">
        <v>0</v>
      </c>
      <c r="GE35" s="88">
        <v>0</v>
      </c>
      <c r="GF35" s="89">
        <v>0</v>
      </c>
      <c r="GG35" s="90">
        <v>0</v>
      </c>
      <c r="GH35" s="87">
        <v>0</v>
      </c>
      <c r="GI35" s="88">
        <v>0</v>
      </c>
      <c r="GJ35" s="89">
        <v>0</v>
      </c>
      <c r="GK35" s="399">
        <v>0</v>
      </c>
      <c r="GL35" s="88">
        <v>0</v>
      </c>
      <c r="GM35" s="88">
        <v>2</v>
      </c>
      <c r="GN35" s="88">
        <v>1</v>
      </c>
      <c r="GO35" s="88">
        <v>2</v>
      </c>
      <c r="GP35" s="88">
        <v>1</v>
      </c>
      <c r="GQ35" s="89">
        <v>6</v>
      </c>
      <c r="GR35" s="90">
        <v>6</v>
      </c>
      <c r="GS35" s="91">
        <v>7</v>
      </c>
      <c r="GT35" s="83">
        <v>3</v>
      </c>
      <c r="GU35" s="84">
        <v>10</v>
      </c>
      <c r="GV35" s="399">
        <v>0</v>
      </c>
      <c r="GW35" s="83">
        <v>16</v>
      </c>
      <c r="GX35" s="83">
        <v>17</v>
      </c>
      <c r="GY35" s="83">
        <v>5</v>
      </c>
      <c r="GZ35" s="83">
        <v>5</v>
      </c>
      <c r="HA35" s="83">
        <v>1</v>
      </c>
      <c r="HB35" s="85">
        <v>44</v>
      </c>
      <c r="HC35" s="86">
        <v>54</v>
      </c>
      <c r="HD35" s="87">
        <v>0</v>
      </c>
      <c r="HE35" s="88">
        <v>0</v>
      </c>
      <c r="HF35" s="89">
        <v>0</v>
      </c>
      <c r="HG35" s="399">
        <v>0</v>
      </c>
      <c r="HH35" s="88">
        <v>0</v>
      </c>
      <c r="HI35" s="88">
        <v>0</v>
      </c>
      <c r="HJ35" s="88">
        <v>0</v>
      </c>
      <c r="HK35" s="88">
        <v>0</v>
      </c>
      <c r="HL35" s="88">
        <v>0</v>
      </c>
      <c r="HM35" s="89">
        <v>0</v>
      </c>
      <c r="HN35" s="90">
        <v>0</v>
      </c>
      <c r="HO35" s="87">
        <v>1</v>
      </c>
      <c r="HP35" s="88">
        <v>0</v>
      </c>
      <c r="HQ35" s="89">
        <v>1</v>
      </c>
      <c r="HR35" s="399">
        <v>0</v>
      </c>
      <c r="HS35" s="88">
        <v>0</v>
      </c>
      <c r="HT35" s="88">
        <v>0</v>
      </c>
      <c r="HU35" s="88">
        <v>0</v>
      </c>
      <c r="HV35" s="88">
        <v>0</v>
      </c>
      <c r="HW35" s="88">
        <v>0</v>
      </c>
      <c r="HX35" s="89">
        <v>0</v>
      </c>
      <c r="HY35" s="90">
        <v>1</v>
      </c>
      <c r="HZ35" s="87">
        <v>0</v>
      </c>
      <c r="IA35" s="88">
        <v>0</v>
      </c>
      <c r="IB35" s="89">
        <v>0</v>
      </c>
      <c r="IC35" s="399">
        <v>0</v>
      </c>
      <c r="ID35" s="88">
        <v>0</v>
      </c>
      <c r="IE35" s="88">
        <v>2</v>
      </c>
      <c r="IF35" s="88">
        <v>0</v>
      </c>
      <c r="IG35" s="88">
        <v>0</v>
      </c>
      <c r="IH35" s="88">
        <v>0</v>
      </c>
      <c r="II35" s="89">
        <v>2</v>
      </c>
      <c r="IJ35" s="90">
        <v>2</v>
      </c>
      <c r="IK35" s="87">
        <v>2</v>
      </c>
      <c r="IL35" s="88">
        <v>0</v>
      </c>
      <c r="IM35" s="89">
        <v>2</v>
      </c>
      <c r="IN35" s="399">
        <v>0</v>
      </c>
      <c r="IO35" s="88">
        <v>5</v>
      </c>
      <c r="IP35" s="88">
        <v>5</v>
      </c>
      <c r="IQ35" s="88">
        <v>1</v>
      </c>
      <c r="IR35" s="88">
        <v>0</v>
      </c>
      <c r="IS35" s="88">
        <v>0</v>
      </c>
      <c r="IT35" s="89">
        <v>11</v>
      </c>
      <c r="IU35" s="90">
        <v>13</v>
      </c>
      <c r="IV35" s="87">
        <v>1</v>
      </c>
      <c r="IW35" s="88">
        <v>2</v>
      </c>
      <c r="IX35" s="89">
        <v>3</v>
      </c>
      <c r="IY35" s="399">
        <v>0</v>
      </c>
      <c r="IZ35" s="88">
        <v>6</v>
      </c>
      <c r="JA35" s="88">
        <v>4</v>
      </c>
      <c r="JB35" s="88">
        <v>3</v>
      </c>
      <c r="JC35" s="88">
        <v>3</v>
      </c>
      <c r="JD35" s="88">
        <v>0</v>
      </c>
      <c r="JE35" s="89">
        <v>16</v>
      </c>
      <c r="JF35" s="90">
        <v>19</v>
      </c>
      <c r="JG35" s="87">
        <v>3</v>
      </c>
      <c r="JH35" s="88">
        <v>1</v>
      </c>
      <c r="JI35" s="89">
        <v>4</v>
      </c>
      <c r="JJ35" s="399">
        <v>0</v>
      </c>
      <c r="JK35" s="88">
        <v>5</v>
      </c>
      <c r="JL35" s="88">
        <v>6</v>
      </c>
      <c r="JM35" s="88">
        <v>1</v>
      </c>
      <c r="JN35" s="88">
        <v>2</v>
      </c>
      <c r="JO35" s="88">
        <v>1</v>
      </c>
      <c r="JP35" s="89">
        <v>15</v>
      </c>
      <c r="JQ35" s="90">
        <v>19</v>
      </c>
      <c r="JR35" s="87">
        <v>0</v>
      </c>
      <c r="JS35" s="88">
        <v>0</v>
      </c>
      <c r="JT35" s="89">
        <v>0</v>
      </c>
      <c r="JU35" s="399">
        <v>0</v>
      </c>
      <c r="JV35" s="88">
        <v>0</v>
      </c>
      <c r="JW35" s="88">
        <v>0</v>
      </c>
      <c r="JX35" s="88">
        <v>0</v>
      </c>
      <c r="JY35" s="88">
        <v>0</v>
      </c>
      <c r="JZ35" s="88">
        <v>0</v>
      </c>
      <c r="KA35" s="89">
        <v>0</v>
      </c>
      <c r="KB35" s="90">
        <v>0</v>
      </c>
      <c r="KC35" s="87">
        <v>7</v>
      </c>
      <c r="KD35" s="88">
        <v>3</v>
      </c>
      <c r="KE35" s="89">
        <v>10</v>
      </c>
      <c r="KF35" s="399">
        <v>0</v>
      </c>
      <c r="KG35" s="88">
        <v>16</v>
      </c>
      <c r="KH35" s="88">
        <v>17</v>
      </c>
      <c r="KI35" s="88">
        <v>5</v>
      </c>
      <c r="KJ35" s="88">
        <v>5</v>
      </c>
      <c r="KK35" s="88">
        <v>1</v>
      </c>
      <c r="KL35" s="89">
        <v>44</v>
      </c>
      <c r="KM35" s="90">
        <v>54</v>
      </c>
    </row>
    <row r="36" spans="2:299" s="56" customFormat="1" ht="21" customHeight="1" x14ac:dyDescent="0.2">
      <c r="B36" s="92" t="s">
        <v>33</v>
      </c>
      <c r="C36" s="82">
        <v>4</v>
      </c>
      <c r="D36" s="83">
        <v>1</v>
      </c>
      <c r="E36" s="84">
        <v>5</v>
      </c>
      <c r="F36" s="399">
        <v>0</v>
      </c>
      <c r="G36" s="83">
        <v>6</v>
      </c>
      <c r="H36" s="83">
        <v>1</v>
      </c>
      <c r="I36" s="83">
        <v>5</v>
      </c>
      <c r="J36" s="83">
        <v>1</v>
      </c>
      <c r="K36" s="83">
        <v>1</v>
      </c>
      <c r="L36" s="85">
        <v>14</v>
      </c>
      <c r="M36" s="86">
        <v>19</v>
      </c>
      <c r="N36" s="87">
        <v>0</v>
      </c>
      <c r="O36" s="88">
        <v>0</v>
      </c>
      <c r="P36" s="89">
        <v>0</v>
      </c>
      <c r="Q36" s="399">
        <v>0</v>
      </c>
      <c r="R36" s="88">
        <v>0</v>
      </c>
      <c r="S36" s="88">
        <v>0</v>
      </c>
      <c r="T36" s="88">
        <v>0</v>
      </c>
      <c r="U36" s="88">
        <v>0</v>
      </c>
      <c r="V36" s="88">
        <v>0</v>
      </c>
      <c r="W36" s="89">
        <v>0</v>
      </c>
      <c r="X36" s="90">
        <v>0</v>
      </c>
      <c r="Y36" s="87">
        <v>0</v>
      </c>
      <c r="Z36" s="88">
        <v>0</v>
      </c>
      <c r="AA36" s="89">
        <v>0</v>
      </c>
      <c r="AB36" s="399">
        <v>0</v>
      </c>
      <c r="AC36" s="88">
        <v>0</v>
      </c>
      <c r="AD36" s="88">
        <v>0</v>
      </c>
      <c r="AE36" s="88">
        <v>0</v>
      </c>
      <c r="AF36" s="88">
        <v>0</v>
      </c>
      <c r="AG36" s="88">
        <v>0</v>
      </c>
      <c r="AH36" s="89">
        <v>0</v>
      </c>
      <c r="AI36" s="90">
        <v>0</v>
      </c>
      <c r="AJ36" s="87">
        <v>1</v>
      </c>
      <c r="AK36" s="88">
        <v>0</v>
      </c>
      <c r="AL36" s="89">
        <v>1</v>
      </c>
      <c r="AM36" s="399">
        <v>0</v>
      </c>
      <c r="AN36" s="88">
        <v>1</v>
      </c>
      <c r="AO36" s="88">
        <v>1</v>
      </c>
      <c r="AP36" s="88">
        <v>0</v>
      </c>
      <c r="AQ36" s="88">
        <v>0</v>
      </c>
      <c r="AR36" s="88">
        <v>0</v>
      </c>
      <c r="AS36" s="89">
        <v>2</v>
      </c>
      <c r="AT36" s="90">
        <v>3</v>
      </c>
      <c r="AU36" s="87">
        <v>1</v>
      </c>
      <c r="AV36" s="88">
        <v>0</v>
      </c>
      <c r="AW36" s="89">
        <v>1</v>
      </c>
      <c r="AX36" s="399">
        <v>0</v>
      </c>
      <c r="AY36" s="88">
        <v>0</v>
      </c>
      <c r="AZ36" s="88">
        <v>0</v>
      </c>
      <c r="BA36" s="88">
        <v>1</v>
      </c>
      <c r="BB36" s="88">
        <v>0</v>
      </c>
      <c r="BC36" s="88">
        <v>0</v>
      </c>
      <c r="BD36" s="89">
        <v>1</v>
      </c>
      <c r="BE36" s="90">
        <v>2</v>
      </c>
      <c r="BF36" s="87">
        <v>1</v>
      </c>
      <c r="BG36" s="88">
        <v>1</v>
      </c>
      <c r="BH36" s="89">
        <v>2</v>
      </c>
      <c r="BI36" s="399">
        <v>0</v>
      </c>
      <c r="BJ36" s="88">
        <v>3</v>
      </c>
      <c r="BK36" s="88">
        <v>0</v>
      </c>
      <c r="BL36" s="88">
        <v>1</v>
      </c>
      <c r="BM36" s="88">
        <v>0</v>
      </c>
      <c r="BN36" s="88">
        <v>0</v>
      </c>
      <c r="BO36" s="89">
        <v>4</v>
      </c>
      <c r="BP36" s="90">
        <v>6</v>
      </c>
      <c r="BQ36" s="87">
        <v>1</v>
      </c>
      <c r="BR36" s="88">
        <v>0</v>
      </c>
      <c r="BS36" s="89">
        <v>1</v>
      </c>
      <c r="BT36" s="399">
        <v>0</v>
      </c>
      <c r="BU36" s="88">
        <v>2</v>
      </c>
      <c r="BV36" s="88">
        <v>0</v>
      </c>
      <c r="BW36" s="88">
        <v>3</v>
      </c>
      <c r="BX36" s="88">
        <v>1</v>
      </c>
      <c r="BY36" s="88">
        <v>1</v>
      </c>
      <c r="BZ36" s="89">
        <v>7</v>
      </c>
      <c r="CA36" s="90">
        <v>8</v>
      </c>
      <c r="CB36" s="87">
        <v>0</v>
      </c>
      <c r="CC36" s="88">
        <v>0</v>
      </c>
      <c r="CD36" s="89">
        <v>0</v>
      </c>
      <c r="CE36" s="399">
        <v>0</v>
      </c>
      <c r="CF36" s="88">
        <v>0</v>
      </c>
      <c r="CG36" s="88">
        <v>0</v>
      </c>
      <c r="CH36" s="88">
        <v>0</v>
      </c>
      <c r="CI36" s="88">
        <v>0</v>
      </c>
      <c r="CJ36" s="88">
        <v>0</v>
      </c>
      <c r="CK36" s="89">
        <v>0</v>
      </c>
      <c r="CL36" s="90">
        <v>0</v>
      </c>
      <c r="CM36" s="87">
        <v>4</v>
      </c>
      <c r="CN36" s="88">
        <v>1</v>
      </c>
      <c r="CO36" s="89">
        <v>5</v>
      </c>
      <c r="CP36" s="399">
        <v>0</v>
      </c>
      <c r="CQ36" s="88">
        <v>6</v>
      </c>
      <c r="CR36" s="88">
        <v>1</v>
      </c>
      <c r="CS36" s="88">
        <v>5</v>
      </c>
      <c r="CT36" s="88">
        <v>1</v>
      </c>
      <c r="CU36" s="88">
        <v>1</v>
      </c>
      <c r="CV36" s="89">
        <v>14</v>
      </c>
      <c r="CW36" s="90">
        <v>19</v>
      </c>
      <c r="CX36" s="91">
        <v>0</v>
      </c>
      <c r="CY36" s="83">
        <v>2</v>
      </c>
      <c r="CZ36" s="84">
        <v>2</v>
      </c>
      <c r="DA36" s="399">
        <v>0</v>
      </c>
      <c r="DB36" s="83">
        <v>0</v>
      </c>
      <c r="DC36" s="83">
        <v>0</v>
      </c>
      <c r="DD36" s="83">
        <v>0</v>
      </c>
      <c r="DE36" s="83">
        <v>0</v>
      </c>
      <c r="DF36" s="83">
        <v>1</v>
      </c>
      <c r="DG36" s="85">
        <v>1</v>
      </c>
      <c r="DH36" s="86">
        <v>3</v>
      </c>
      <c r="DI36" s="87">
        <v>0</v>
      </c>
      <c r="DJ36" s="88">
        <v>0</v>
      </c>
      <c r="DK36" s="89">
        <v>0</v>
      </c>
      <c r="DL36" s="399">
        <v>0</v>
      </c>
      <c r="DM36" s="88">
        <v>0</v>
      </c>
      <c r="DN36" s="88">
        <v>0</v>
      </c>
      <c r="DO36" s="88">
        <v>0</v>
      </c>
      <c r="DP36" s="88">
        <v>0</v>
      </c>
      <c r="DQ36" s="88">
        <v>0</v>
      </c>
      <c r="DR36" s="89">
        <v>0</v>
      </c>
      <c r="DS36" s="90">
        <v>0</v>
      </c>
      <c r="DT36" s="87">
        <v>0</v>
      </c>
      <c r="DU36" s="88">
        <v>0</v>
      </c>
      <c r="DV36" s="89">
        <v>0</v>
      </c>
      <c r="DW36" s="399">
        <v>0</v>
      </c>
      <c r="DX36" s="88">
        <v>0</v>
      </c>
      <c r="DY36" s="88">
        <v>0</v>
      </c>
      <c r="DZ36" s="88">
        <v>0</v>
      </c>
      <c r="EA36" s="88">
        <v>0</v>
      </c>
      <c r="EB36" s="88">
        <v>0</v>
      </c>
      <c r="EC36" s="89">
        <v>0</v>
      </c>
      <c r="ED36" s="90">
        <v>0</v>
      </c>
      <c r="EE36" s="87">
        <v>0</v>
      </c>
      <c r="EF36" s="88">
        <v>0</v>
      </c>
      <c r="EG36" s="89">
        <v>0</v>
      </c>
      <c r="EH36" s="399">
        <v>0</v>
      </c>
      <c r="EI36" s="88">
        <v>0</v>
      </c>
      <c r="EJ36" s="88">
        <v>0</v>
      </c>
      <c r="EK36" s="88">
        <v>0</v>
      </c>
      <c r="EL36" s="88">
        <v>0</v>
      </c>
      <c r="EM36" s="88">
        <v>0</v>
      </c>
      <c r="EN36" s="89">
        <v>0</v>
      </c>
      <c r="EO36" s="90">
        <v>0</v>
      </c>
      <c r="EP36" s="87">
        <v>0</v>
      </c>
      <c r="EQ36" s="88">
        <v>1</v>
      </c>
      <c r="ER36" s="89">
        <v>1</v>
      </c>
      <c r="ES36" s="399">
        <v>0</v>
      </c>
      <c r="ET36" s="88">
        <v>0</v>
      </c>
      <c r="EU36" s="88">
        <v>0</v>
      </c>
      <c r="EV36" s="88">
        <v>0</v>
      </c>
      <c r="EW36" s="88">
        <v>0</v>
      </c>
      <c r="EX36" s="88">
        <v>0</v>
      </c>
      <c r="EY36" s="89">
        <v>0</v>
      </c>
      <c r="EZ36" s="90">
        <v>1</v>
      </c>
      <c r="FA36" s="87">
        <v>0</v>
      </c>
      <c r="FB36" s="88">
        <v>0</v>
      </c>
      <c r="FC36" s="89">
        <v>0</v>
      </c>
      <c r="FD36" s="399">
        <v>0</v>
      </c>
      <c r="FE36" s="88">
        <v>0</v>
      </c>
      <c r="FF36" s="88">
        <v>0</v>
      </c>
      <c r="FG36" s="88">
        <v>0</v>
      </c>
      <c r="FH36" s="88">
        <v>0</v>
      </c>
      <c r="FI36" s="88">
        <v>0</v>
      </c>
      <c r="FJ36" s="89">
        <v>0</v>
      </c>
      <c r="FK36" s="90">
        <v>0</v>
      </c>
      <c r="FL36" s="87">
        <v>0</v>
      </c>
      <c r="FM36" s="88">
        <v>1</v>
      </c>
      <c r="FN36" s="89">
        <v>1</v>
      </c>
      <c r="FO36" s="399">
        <v>0</v>
      </c>
      <c r="FP36" s="88">
        <v>0</v>
      </c>
      <c r="FQ36" s="88">
        <v>0</v>
      </c>
      <c r="FR36" s="88">
        <v>0</v>
      </c>
      <c r="FS36" s="88">
        <v>0</v>
      </c>
      <c r="FT36" s="88">
        <v>1</v>
      </c>
      <c r="FU36" s="89">
        <v>1</v>
      </c>
      <c r="FV36" s="90">
        <v>2</v>
      </c>
      <c r="FW36" s="87">
        <v>0</v>
      </c>
      <c r="FX36" s="88">
        <v>0</v>
      </c>
      <c r="FY36" s="89">
        <v>0</v>
      </c>
      <c r="FZ36" s="399">
        <v>0</v>
      </c>
      <c r="GA36" s="88">
        <v>0</v>
      </c>
      <c r="GB36" s="88">
        <v>0</v>
      </c>
      <c r="GC36" s="88">
        <v>0</v>
      </c>
      <c r="GD36" s="88">
        <v>0</v>
      </c>
      <c r="GE36" s="88">
        <v>0</v>
      </c>
      <c r="GF36" s="89">
        <v>0</v>
      </c>
      <c r="GG36" s="90">
        <v>0</v>
      </c>
      <c r="GH36" s="87">
        <v>0</v>
      </c>
      <c r="GI36" s="88">
        <v>2</v>
      </c>
      <c r="GJ36" s="89">
        <v>2</v>
      </c>
      <c r="GK36" s="399">
        <v>0</v>
      </c>
      <c r="GL36" s="88">
        <v>0</v>
      </c>
      <c r="GM36" s="88">
        <v>0</v>
      </c>
      <c r="GN36" s="88">
        <v>0</v>
      </c>
      <c r="GO36" s="88">
        <v>0</v>
      </c>
      <c r="GP36" s="88">
        <v>1</v>
      </c>
      <c r="GQ36" s="89">
        <v>1</v>
      </c>
      <c r="GR36" s="90">
        <v>3</v>
      </c>
      <c r="GS36" s="91">
        <v>4</v>
      </c>
      <c r="GT36" s="83">
        <v>3</v>
      </c>
      <c r="GU36" s="84">
        <v>7</v>
      </c>
      <c r="GV36" s="399">
        <v>0</v>
      </c>
      <c r="GW36" s="83">
        <v>6</v>
      </c>
      <c r="GX36" s="83">
        <v>1</v>
      </c>
      <c r="GY36" s="83">
        <v>5</v>
      </c>
      <c r="GZ36" s="83">
        <v>1</v>
      </c>
      <c r="HA36" s="83">
        <v>2</v>
      </c>
      <c r="HB36" s="85">
        <v>15</v>
      </c>
      <c r="HC36" s="86">
        <v>22</v>
      </c>
      <c r="HD36" s="87">
        <v>0</v>
      </c>
      <c r="HE36" s="88">
        <v>0</v>
      </c>
      <c r="HF36" s="89">
        <v>0</v>
      </c>
      <c r="HG36" s="399">
        <v>0</v>
      </c>
      <c r="HH36" s="88">
        <v>0</v>
      </c>
      <c r="HI36" s="88">
        <v>0</v>
      </c>
      <c r="HJ36" s="88">
        <v>0</v>
      </c>
      <c r="HK36" s="88">
        <v>0</v>
      </c>
      <c r="HL36" s="88">
        <v>0</v>
      </c>
      <c r="HM36" s="89">
        <v>0</v>
      </c>
      <c r="HN36" s="90">
        <v>0</v>
      </c>
      <c r="HO36" s="87">
        <v>0</v>
      </c>
      <c r="HP36" s="88">
        <v>0</v>
      </c>
      <c r="HQ36" s="89">
        <v>0</v>
      </c>
      <c r="HR36" s="399">
        <v>0</v>
      </c>
      <c r="HS36" s="88">
        <v>0</v>
      </c>
      <c r="HT36" s="88">
        <v>0</v>
      </c>
      <c r="HU36" s="88">
        <v>0</v>
      </c>
      <c r="HV36" s="88">
        <v>0</v>
      </c>
      <c r="HW36" s="88">
        <v>0</v>
      </c>
      <c r="HX36" s="89">
        <v>0</v>
      </c>
      <c r="HY36" s="90">
        <v>0</v>
      </c>
      <c r="HZ36" s="87">
        <v>1</v>
      </c>
      <c r="IA36" s="88">
        <v>0</v>
      </c>
      <c r="IB36" s="89">
        <v>1</v>
      </c>
      <c r="IC36" s="399">
        <v>0</v>
      </c>
      <c r="ID36" s="88">
        <v>1</v>
      </c>
      <c r="IE36" s="88">
        <v>1</v>
      </c>
      <c r="IF36" s="88">
        <v>0</v>
      </c>
      <c r="IG36" s="88">
        <v>0</v>
      </c>
      <c r="IH36" s="88">
        <v>0</v>
      </c>
      <c r="II36" s="89">
        <v>2</v>
      </c>
      <c r="IJ36" s="90">
        <v>3</v>
      </c>
      <c r="IK36" s="87">
        <v>1</v>
      </c>
      <c r="IL36" s="88">
        <v>1</v>
      </c>
      <c r="IM36" s="89">
        <v>2</v>
      </c>
      <c r="IN36" s="399">
        <v>0</v>
      </c>
      <c r="IO36" s="88">
        <v>0</v>
      </c>
      <c r="IP36" s="88">
        <v>0</v>
      </c>
      <c r="IQ36" s="88">
        <v>1</v>
      </c>
      <c r="IR36" s="88">
        <v>0</v>
      </c>
      <c r="IS36" s="88">
        <v>0</v>
      </c>
      <c r="IT36" s="89">
        <v>1</v>
      </c>
      <c r="IU36" s="90">
        <v>3</v>
      </c>
      <c r="IV36" s="87">
        <v>1</v>
      </c>
      <c r="IW36" s="88">
        <v>1</v>
      </c>
      <c r="IX36" s="89">
        <v>2</v>
      </c>
      <c r="IY36" s="399">
        <v>0</v>
      </c>
      <c r="IZ36" s="88">
        <v>3</v>
      </c>
      <c r="JA36" s="88">
        <v>0</v>
      </c>
      <c r="JB36" s="88">
        <v>1</v>
      </c>
      <c r="JC36" s="88">
        <v>0</v>
      </c>
      <c r="JD36" s="88">
        <v>0</v>
      </c>
      <c r="JE36" s="89">
        <v>4</v>
      </c>
      <c r="JF36" s="90">
        <v>6</v>
      </c>
      <c r="JG36" s="87">
        <v>1</v>
      </c>
      <c r="JH36" s="88">
        <v>1</v>
      </c>
      <c r="JI36" s="89">
        <v>2</v>
      </c>
      <c r="JJ36" s="399">
        <v>0</v>
      </c>
      <c r="JK36" s="88">
        <v>2</v>
      </c>
      <c r="JL36" s="88">
        <v>0</v>
      </c>
      <c r="JM36" s="88">
        <v>3</v>
      </c>
      <c r="JN36" s="88">
        <v>1</v>
      </c>
      <c r="JO36" s="88">
        <v>2</v>
      </c>
      <c r="JP36" s="89">
        <v>8</v>
      </c>
      <c r="JQ36" s="90">
        <v>10</v>
      </c>
      <c r="JR36" s="87">
        <v>0</v>
      </c>
      <c r="JS36" s="88">
        <v>0</v>
      </c>
      <c r="JT36" s="89">
        <v>0</v>
      </c>
      <c r="JU36" s="399">
        <v>0</v>
      </c>
      <c r="JV36" s="88">
        <v>0</v>
      </c>
      <c r="JW36" s="88">
        <v>0</v>
      </c>
      <c r="JX36" s="88">
        <v>0</v>
      </c>
      <c r="JY36" s="88">
        <v>0</v>
      </c>
      <c r="JZ36" s="88">
        <v>0</v>
      </c>
      <c r="KA36" s="89">
        <v>0</v>
      </c>
      <c r="KB36" s="90">
        <v>0</v>
      </c>
      <c r="KC36" s="87">
        <v>4</v>
      </c>
      <c r="KD36" s="88">
        <v>3</v>
      </c>
      <c r="KE36" s="89">
        <v>7</v>
      </c>
      <c r="KF36" s="399">
        <v>0</v>
      </c>
      <c r="KG36" s="88">
        <v>6</v>
      </c>
      <c r="KH36" s="88">
        <v>1</v>
      </c>
      <c r="KI36" s="88">
        <v>5</v>
      </c>
      <c r="KJ36" s="88">
        <v>1</v>
      </c>
      <c r="KK36" s="88">
        <v>2</v>
      </c>
      <c r="KL36" s="89">
        <v>15</v>
      </c>
      <c r="KM36" s="90">
        <v>22</v>
      </c>
    </row>
    <row r="37" spans="2:299" s="56" customFormat="1" ht="21" customHeight="1" x14ac:dyDescent="0.2">
      <c r="B37" s="92" t="s">
        <v>34</v>
      </c>
      <c r="C37" s="82">
        <v>2</v>
      </c>
      <c r="D37" s="83">
        <v>3</v>
      </c>
      <c r="E37" s="84">
        <v>5</v>
      </c>
      <c r="F37" s="399">
        <v>0</v>
      </c>
      <c r="G37" s="83">
        <v>5</v>
      </c>
      <c r="H37" s="83">
        <v>7</v>
      </c>
      <c r="I37" s="83">
        <v>3</v>
      </c>
      <c r="J37" s="83">
        <v>2</v>
      </c>
      <c r="K37" s="83">
        <v>1</v>
      </c>
      <c r="L37" s="85">
        <v>18</v>
      </c>
      <c r="M37" s="86">
        <v>23</v>
      </c>
      <c r="N37" s="87">
        <v>0</v>
      </c>
      <c r="O37" s="88">
        <v>0</v>
      </c>
      <c r="P37" s="89">
        <v>0</v>
      </c>
      <c r="Q37" s="399">
        <v>0</v>
      </c>
      <c r="R37" s="88">
        <v>0</v>
      </c>
      <c r="S37" s="88">
        <v>0</v>
      </c>
      <c r="T37" s="88">
        <v>0</v>
      </c>
      <c r="U37" s="88">
        <v>0</v>
      </c>
      <c r="V37" s="88">
        <v>0</v>
      </c>
      <c r="W37" s="89">
        <v>0</v>
      </c>
      <c r="X37" s="90">
        <v>0</v>
      </c>
      <c r="Y37" s="87">
        <v>0</v>
      </c>
      <c r="Z37" s="88">
        <v>0</v>
      </c>
      <c r="AA37" s="89">
        <v>0</v>
      </c>
      <c r="AB37" s="399">
        <v>0</v>
      </c>
      <c r="AC37" s="88">
        <v>0</v>
      </c>
      <c r="AD37" s="88">
        <v>0</v>
      </c>
      <c r="AE37" s="88">
        <v>0</v>
      </c>
      <c r="AF37" s="88">
        <v>0</v>
      </c>
      <c r="AG37" s="88">
        <v>0</v>
      </c>
      <c r="AH37" s="89">
        <v>0</v>
      </c>
      <c r="AI37" s="90">
        <v>0</v>
      </c>
      <c r="AJ37" s="87">
        <v>0</v>
      </c>
      <c r="AK37" s="88">
        <v>0</v>
      </c>
      <c r="AL37" s="89">
        <v>0</v>
      </c>
      <c r="AM37" s="399">
        <v>0</v>
      </c>
      <c r="AN37" s="88">
        <v>0</v>
      </c>
      <c r="AO37" s="88">
        <v>0</v>
      </c>
      <c r="AP37" s="88">
        <v>0</v>
      </c>
      <c r="AQ37" s="88">
        <v>0</v>
      </c>
      <c r="AR37" s="88">
        <v>0</v>
      </c>
      <c r="AS37" s="89">
        <v>0</v>
      </c>
      <c r="AT37" s="90">
        <v>0</v>
      </c>
      <c r="AU37" s="87">
        <v>1</v>
      </c>
      <c r="AV37" s="88">
        <v>0</v>
      </c>
      <c r="AW37" s="89">
        <v>1</v>
      </c>
      <c r="AX37" s="399">
        <v>0</v>
      </c>
      <c r="AY37" s="88">
        <v>0</v>
      </c>
      <c r="AZ37" s="88">
        <v>4</v>
      </c>
      <c r="BA37" s="88">
        <v>0</v>
      </c>
      <c r="BB37" s="88">
        <v>0</v>
      </c>
      <c r="BC37" s="88">
        <v>0</v>
      </c>
      <c r="BD37" s="89">
        <v>4</v>
      </c>
      <c r="BE37" s="90">
        <v>5</v>
      </c>
      <c r="BF37" s="87">
        <v>1</v>
      </c>
      <c r="BG37" s="88">
        <v>2</v>
      </c>
      <c r="BH37" s="89">
        <v>3</v>
      </c>
      <c r="BI37" s="399">
        <v>0</v>
      </c>
      <c r="BJ37" s="88">
        <v>3</v>
      </c>
      <c r="BK37" s="88">
        <v>0</v>
      </c>
      <c r="BL37" s="88">
        <v>2</v>
      </c>
      <c r="BM37" s="88">
        <v>0</v>
      </c>
      <c r="BN37" s="88">
        <v>0</v>
      </c>
      <c r="BO37" s="89">
        <v>5</v>
      </c>
      <c r="BP37" s="90">
        <v>8</v>
      </c>
      <c r="BQ37" s="87">
        <v>0</v>
      </c>
      <c r="BR37" s="88">
        <v>1</v>
      </c>
      <c r="BS37" s="89">
        <v>1</v>
      </c>
      <c r="BT37" s="399">
        <v>0</v>
      </c>
      <c r="BU37" s="88">
        <v>2</v>
      </c>
      <c r="BV37" s="88">
        <v>3</v>
      </c>
      <c r="BW37" s="88">
        <v>1</v>
      </c>
      <c r="BX37" s="88">
        <v>2</v>
      </c>
      <c r="BY37" s="88">
        <v>1</v>
      </c>
      <c r="BZ37" s="89">
        <v>9</v>
      </c>
      <c r="CA37" s="90">
        <v>10</v>
      </c>
      <c r="CB37" s="87">
        <v>0</v>
      </c>
      <c r="CC37" s="88">
        <v>0</v>
      </c>
      <c r="CD37" s="89">
        <v>0</v>
      </c>
      <c r="CE37" s="399">
        <v>0</v>
      </c>
      <c r="CF37" s="88">
        <v>0</v>
      </c>
      <c r="CG37" s="88">
        <v>0</v>
      </c>
      <c r="CH37" s="88">
        <v>0</v>
      </c>
      <c r="CI37" s="88">
        <v>0</v>
      </c>
      <c r="CJ37" s="88">
        <v>0</v>
      </c>
      <c r="CK37" s="89">
        <v>0</v>
      </c>
      <c r="CL37" s="90">
        <v>0</v>
      </c>
      <c r="CM37" s="87">
        <v>2</v>
      </c>
      <c r="CN37" s="88">
        <v>3</v>
      </c>
      <c r="CO37" s="89">
        <v>5</v>
      </c>
      <c r="CP37" s="399">
        <v>0</v>
      </c>
      <c r="CQ37" s="88">
        <v>5</v>
      </c>
      <c r="CR37" s="88">
        <v>7</v>
      </c>
      <c r="CS37" s="88">
        <v>3</v>
      </c>
      <c r="CT37" s="88">
        <v>2</v>
      </c>
      <c r="CU37" s="88">
        <v>1</v>
      </c>
      <c r="CV37" s="89">
        <v>18</v>
      </c>
      <c r="CW37" s="90">
        <v>23</v>
      </c>
      <c r="CX37" s="91">
        <v>0</v>
      </c>
      <c r="CY37" s="83">
        <v>0</v>
      </c>
      <c r="CZ37" s="84">
        <v>0</v>
      </c>
      <c r="DA37" s="399">
        <v>0</v>
      </c>
      <c r="DB37" s="83">
        <v>1</v>
      </c>
      <c r="DC37" s="83">
        <v>0</v>
      </c>
      <c r="DD37" s="83">
        <v>0</v>
      </c>
      <c r="DE37" s="83">
        <v>1</v>
      </c>
      <c r="DF37" s="83">
        <v>0</v>
      </c>
      <c r="DG37" s="85">
        <v>2</v>
      </c>
      <c r="DH37" s="86">
        <v>2</v>
      </c>
      <c r="DI37" s="87">
        <v>0</v>
      </c>
      <c r="DJ37" s="88">
        <v>0</v>
      </c>
      <c r="DK37" s="89">
        <v>0</v>
      </c>
      <c r="DL37" s="399">
        <v>0</v>
      </c>
      <c r="DM37" s="88">
        <v>0</v>
      </c>
      <c r="DN37" s="88">
        <v>0</v>
      </c>
      <c r="DO37" s="88">
        <v>0</v>
      </c>
      <c r="DP37" s="88">
        <v>0</v>
      </c>
      <c r="DQ37" s="88">
        <v>0</v>
      </c>
      <c r="DR37" s="89">
        <v>0</v>
      </c>
      <c r="DS37" s="90">
        <v>0</v>
      </c>
      <c r="DT37" s="87">
        <v>0</v>
      </c>
      <c r="DU37" s="88">
        <v>0</v>
      </c>
      <c r="DV37" s="89">
        <v>0</v>
      </c>
      <c r="DW37" s="399">
        <v>0</v>
      </c>
      <c r="DX37" s="88">
        <v>0</v>
      </c>
      <c r="DY37" s="88">
        <v>0</v>
      </c>
      <c r="DZ37" s="88">
        <v>0</v>
      </c>
      <c r="EA37" s="88">
        <v>0</v>
      </c>
      <c r="EB37" s="88">
        <v>0</v>
      </c>
      <c r="EC37" s="89">
        <v>0</v>
      </c>
      <c r="ED37" s="90">
        <v>0</v>
      </c>
      <c r="EE37" s="87">
        <v>0</v>
      </c>
      <c r="EF37" s="88">
        <v>0</v>
      </c>
      <c r="EG37" s="89">
        <v>0</v>
      </c>
      <c r="EH37" s="399">
        <v>0</v>
      </c>
      <c r="EI37" s="88">
        <v>0</v>
      </c>
      <c r="EJ37" s="88">
        <v>0</v>
      </c>
      <c r="EK37" s="88">
        <v>0</v>
      </c>
      <c r="EL37" s="88">
        <v>0</v>
      </c>
      <c r="EM37" s="88">
        <v>0</v>
      </c>
      <c r="EN37" s="89">
        <v>0</v>
      </c>
      <c r="EO37" s="90">
        <v>0</v>
      </c>
      <c r="EP37" s="87">
        <v>0</v>
      </c>
      <c r="EQ37" s="88">
        <v>0</v>
      </c>
      <c r="ER37" s="89">
        <v>0</v>
      </c>
      <c r="ES37" s="399">
        <v>0</v>
      </c>
      <c r="ET37" s="88">
        <v>0</v>
      </c>
      <c r="EU37" s="88">
        <v>0</v>
      </c>
      <c r="EV37" s="88">
        <v>0</v>
      </c>
      <c r="EW37" s="88">
        <v>0</v>
      </c>
      <c r="EX37" s="88">
        <v>0</v>
      </c>
      <c r="EY37" s="89">
        <v>0</v>
      </c>
      <c r="EZ37" s="90">
        <v>0</v>
      </c>
      <c r="FA37" s="87">
        <v>0</v>
      </c>
      <c r="FB37" s="88">
        <v>0</v>
      </c>
      <c r="FC37" s="89">
        <v>0</v>
      </c>
      <c r="FD37" s="399">
        <v>0</v>
      </c>
      <c r="FE37" s="88">
        <v>0</v>
      </c>
      <c r="FF37" s="88">
        <v>0</v>
      </c>
      <c r="FG37" s="88">
        <v>0</v>
      </c>
      <c r="FH37" s="88">
        <v>0</v>
      </c>
      <c r="FI37" s="88">
        <v>0</v>
      </c>
      <c r="FJ37" s="89">
        <v>0</v>
      </c>
      <c r="FK37" s="90">
        <v>0</v>
      </c>
      <c r="FL37" s="87">
        <v>0</v>
      </c>
      <c r="FM37" s="88">
        <v>0</v>
      </c>
      <c r="FN37" s="89">
        <v>0</v>
      </c>
      <c r="FO37" s="399">
        <v>0</v>
      </c>
      <c r="FP37" s="88">
        <v>1</v>
      </c>
      <c r="FQ37" s="88">
        <v>0</v>
      </c>
      <c r="FR37" s="88">
        <v>0</v>
      </c>
      <c r="FS37" s="88">
        <v>1</v>
      </c>
      <c r="FT37" s="88">
        <v>0</v>
      </c>
      <c r="FU37" s="89">
        <v>2</v>
      </c>
      <c r="FV37" s="90">
        <v>2</v>
      </c>
      <c r="FW37" s="87">
        <v>0</v>
      </c>
      <c r="FX37" s="88">
        <v>0</v>
      </c>
      <c r="FY37" s="89">
        <v>0</v>
      </c>
      <c r="FZ37" s="399">
        <v>0</v>
      </c>
      <c r="GA37" s="88">
        <v>0</v>
      </c>
      <c r="GB37" s="88">
        <v>0</v>
      </c>
      <c r="GC37" s="88">
        <v>0</v>
      </c>
      <c r="GD37" s="88">
        <v>0</v>
      </c>
      <c r="GE37" s="88">
        <v>0</v>
      </c>
      <c r="GF37" s="89">
        <v>0</v>
      </c>
      <c r="GG37" s="90">
        <v>0</v>
      </c>
      <c r="GH37" s="87">
        <v>0</v>
      </c>
      <c r="GI37" s="88">
        <v>0</v>
      </c>
      <c r="GJ37" s="89">
        <v>0</v>
      </c>
      <c r="GK37" s="399">
        <v>0</v>
      </c>
      <c r="GL37" s="88">
        <v>1</v>
      </c>
      <c r="GM37" s="88">
        <v>0</v>
      </c>
      <c r="GN37" s="88">
        <v>0</v>
      </c>
      <c r="GO37" s="88">
        <v>1</v>
      </c>
      <c r="GP37" s="88">
        <v>0</v>
      </c>
      <c r="GQ37" s="89">
        <v>2</v>
      </c>
      <c r="GR37" s="90">
        <v>2</v>
      </c>
      <c r="GS37" s="91">
        <v>2</v>
      </c>
      <c r="GT37" s="83">
        <v>3</v>
      </c>
      <c r="GU37" s="84">
        <v>5</v>
      </c>
      <c r="GV37" s="399">
        <v>0</v>
      </c>
      <c r="GW37" s="83">
        <v>6</v>
      </c>
      <c r="GX37" s="83">
        <v>7</v>
      </c>
      <c r="GY37" s="83">
        <v>3</v>
      </c>
      <c r="GZ37" s="83">
        <v>3</v>
      </c>
      <c r="HA37" s="83">
        <v>1</v>
      </c>
      <c r="HB37" s="85">
        <v>20</v>
      </c>
      <c r="HC37" s="86">
        <v>25</v>
      </c>
      <c r="HD37" s="87">
        <v>0</v>
      </c>
      <c r="HE37" s="88">
        <v>0</v>
      </c>
      <c r="HF37" s="89">
        <v>0</v>
      </c>
      <c r="HG37" s="399">
        <v>0</v>
      </c>
      <c r="HH37" s="88">
        <v>0</v>
      </c>
      <c r="HI37" s="88">
        <v>0</v>
      </c>
      <c r="HJ37" s="88">
        <v>0</v>
      </c>
      <c r="HK37" s="88">
        <v>0</v>
      </c>
      <c r="HL37" s="88">
        <v>0</v>
      </c>
      <c r="HM37" s="89">
        <v>0</v>
      </c>
      <c r="HN37" s="90">
        <v>0</v>
      </c>
      <c r="HO37" s="87">
        <v>0</v>
      </c>
      <c r="HP37" s="88">
        <v>0</v>
      </c>
      <c r="HQ37" s="89">
        <v>0</v>
      </c>
      <c r="HR37" s="399">
        <v>0</v>
      </c>
      <c r="HS37" s="88">
        <v>0</v>
      </c>
      <c r="HT37" s="88">
        <v>0</v>
      </c>
      <c r="HU37" s="88">
        <v>0</v>
      </c>
      <c r="HV37" s="88">
        <v>0</v>
      </c>
      <c r="HW37" s="88">
        <v>0</v>
      </c>
      <c r="HX37" s="89">
        <v>0</v>
      </c>
      <c r="HY37" s="90">
        <v>0</v>
      </c>
      <c r="HZ37" s="87">
        <v>0</v>
      </c>
      <c r="IA37" s="88">
        <v>0</v>
      </c>
      <c r="IB37" s="89">
        <v>0</v>
      </c>
      <c r="IC37" s="399">
        <v>0</v>
      </c>
      <c r="ID37" s="88">
        <v>0</v>
      </c>
      <c r="IE37" s="88">
        <v>0</v>
      </c>
      <c r="IF37" s="88">
        <v>0</v>
      </c>
      <c r="IG37" s="88">
        <v>0</v>
      </c>
      <c r="IH37" s="88">
        <v>0</v>
      </c>
      <c r="II37" s="89">
        <v>0</v>
      </c>
      <c r="IJ37" s="90">
        <v>0</v>
      </c>
      <c r="IK37" s="87">
        <v>1</v>
      </c>
      <c r="IL37" s="88">
        <v>0</v>
      </c>
      <c r="IM37" s="89">
        <v>1</v>
      </c>
      <c r="IN37" s="399">
        <v>0</v>
      </c>
      <c r="IO37" s="88">
        <v>0</v>
      </c>
      <c r="IP37" s="88">
        <v>4</v>
      </c>
      <c r="IQ37" s="88">
        <v>0</v>
      </c>
      <c r="IR37" s="88">
        <v>0</v>
      </c>
      <c r="IS37" s="88">
        <v>0</v>
      </c>
      <c r="IT37" s="89">
        <v>4</v>
      </c>
      <c r="IU37" s="90">
        <v>5</v>
      </c>
      <c r="IV37" s="87">
        <v>1</v>
      </c>
      <c r="IW37" s="88">
        <v>2</v>
      </c>
      <c r="IX37" s="89">
        <v>3</v>
      </c>
      <c r="IY37" s="399">
        <v>0</v>
      </c>
      <c r="IZ37" s="88">
        <v>3</v>
      </c>
      <c r="JA37" s="88">
        <v>0</v>
      </c>
      <c r="JB37" s="88">
        <v>2</v>
      </c>
      <c r="JC37" s="88">
        <v>0</v>
      </c>
      <c r="JD37" s="88">
        <v>0</v>
      </c>
      <c r="JE37" s="89">
        <v>5</v>
      </c>
      <c r="JF37" s="90">
        <v>8</v>
      </c>
      <c r="JG37" s="87">
        <v>0</v>
      </c>
      <c r="JH37" s="88">
        <v>1</v>
      </c>
      <c r="JI37" s="89">
        <v>1</v>
      </c>
      <c r="JJ37" s="399">
        <v>0</v>
      </c>
      <c r="JK37" s="88">
        <v>3</v>
      </c>
      <c r="JL37" s="88">
        <v>3</v>
      </c>
      <c r="JM37" s="88">
        <v>1</v>
      </c>
      <c r="JN37" s="88">
        <v>3</v>
      </c>
      <c r="JO37" s="88">
        <v>1</v>
      </c>
      <c r="JP37" s="89">
        <v>11</v>
      </c>
      <c r="JQ37" s="90">
        <v>12</v>
      </c>
      <c r="JR37" s="87">
        <v>0</v>
      </c>
      <c r="JS37" s="88">
        <v>0</v>
      </c>
      <c r="JT37" s="89">
        <v>0</v>
      </c>
      <c r="JU37" s="399">
        <v>0</v>
      </c>
      <c r="JV37" s="88">
        <v>0</v>
      </c>
      <c r="JW37" s="88">
        <v>0</v>
      </c>
      <c r="JX37" s="88">
        <v>0</v>
      </c>
      <c r="JY37" s="88">
        <v>0</v>
      </c>
      <c r="JZ37" s="88">
        <v>0</v>
      </c>
      <c r="KA37" s="89">
        <v>0</v>
      </c>
      <c r="KB37" s="90">
        <v>0</v>
      </c>
      <c r="KC37" s="87">
        <v>2</v>
      </c>
      <c r="KD37" s="88">
        <v>3</v>
      </c>
      <c r="KE37" s="89">
        <v>5</v>
      </c>
      <c r="KF37" s="399">
        <v>0</v>
      </c>
      <c r="KG37" s="88">
        <v>6</v>
      </c>
      <c r="KH37" s="88">
        <v>7</v>
      </c>
      <c r="KI37" s="88">
        <v>3</v>
      </c>
      <c r="KJ37" s="88">
        <v>3</v>
      </c>
      <c r="KK37" s="88">
        <v>1</v>
      </c>
      <c r="KL37" s="89">
        <v>20</v>
      </c>
      <c r="KM37" s="90">
        <v>25</v>
      </c>
    </row>
    <row r="38" spans="2:299" s="56" customFormat="1" ht="21" customHeight="1" x14ac:dyDescent="0.2">
      <c r="B38" s="92" t="s">
        <v>35</v>
      </c>
      <c r="C38" s="82">
        <v>11</v>
      </c>
      <c r="D38" s="83">
        <v>5</v>
      </c>
      <c r="E38" s="84">
        <v>16</v>
      </c>
      <c r="F38" s="399">
        <v>0</v>
      </c>
      <c r="G38" s="83">
        <v>16</v>
      </c>
      <c r="H38" s="83">
        <v>11</v>
      </c>
      <c r="I38" s="83">
        <v>3</v>
      </c>
      <c r="J38" s="83">
        <v>4</v>
      </c>
      <c r="K38" s="83">
        <v>5</v>
      </c>
      <c r="L38" s="85">
        <v>39</v>
      </c>
      <c r="M38" s="86">
        <v>55</v>
      </c>
      <c r="N38" s="87">
        <v>0</v>
      </c>
      <c r="O38" s="88">
        <v>0</v>
      </c>
      <c r="P38" s="89">
        <v>0</v>
      </c>
      <c r="Q38" s="399">
        <v>0</v>
      </c>
      <c r="R38" s="88">
        <v>1</v>
      </c>
      <c r="S38" s="88">
        <v>2</v>
      </c>
      <c r="T38" s="88">
        <v>0</v>
      </c>
      <c r="U38" s="88">
        <v>0</v>
      </c>
      <c r="V38" s="88">
        <v>0</v>
      </c>
      <c r="W38" s="89">
        <v>3</v>
      </c>
      <c r="X38" s="90">
        <v>3</v>
      </c>
      <c r="Y38" s="87">
        <v>0</v>
      </c>
      <c r="Z38" s="88">
        <v>0</v>
      </c>
      <c r="AA38" s="89">
        <v>0</v>
      </c>
      <c r="AB38" s="399">
        <v>0</v>
      </c>
      <c r="AC38" s="88">
        <v>0</v>
      </c>
      <c r="AD38" s="88">
        <v>1</v>
      </c>
      <c r="AE38" s="88">
        <v>1</v>
      </c>
      <c r="AF38" s="88">
        <v>0</v>
      </c>
      <c r="AG38" s="88">
        <v>0</v>
      </c>
      <c r="AH38" s="89">
        <v>2</v>
      </c>
      <c r="AI38" s="90">
        <v>2</v>
      </c>
      <c r="AJ38" s="87">
        <v>2</v>
      </c>
      <c r="AK38" s="88">
        <v>2</v>
      </c>
      <c r="AL38" s="89">
        <v>4</v>
      </c>
      <c r="AM38" s="399">
        <v>0</v>
      </c>
      <c r="AN38" s="88">
        <v>0</v>
      </c>
      <c r="AO38" s="88">
        <v>0</v>
      </c>
      <c r="AP38" s="88">
        <v>0</v>
      </c>
      <c r="AQ38" s="88">
        <v>0</v>
      </c>
      <c r="AR38" s="88">
        <v>1</v>
      </c>
      <c r="AS38" s="89">
        <v>1</v>
      </c>
      <c r="AT38" s="90">
        <v>5</v>
      </c>
      <c r="AU38" s="87">
        <v>2</v>
      </c>
      <c r="AV38" s="88">
        <v>1</v>
      </c>
      <c r="AW38" s="89">
        <v>3</v>
      </c>
      <c r="AX38" s="399">
        <v>0</v>
      </c>
      <c r="AY38" s="88">
        <v>6</v>
      </c>
      <c r="AZ38" s="88">
        <v>0</v>
      </c>
      <c r="BA38" s="88">
        <v>1</v>
      </c>
      <c r="BB38" s="88">
        <v>1</v>
      </c>
      <c r="BC38" s="88">
        <v>0</v>
      </c>
      <c r="BD38" s="89">
        <v>8</v>
      </c>
      <c r="BE38" s="90">
        <v>11</v>
      </c>
      <c r="BF38" s="87">
        <v>5</v>
      </c>
      <c r="BG38" s="88">
        <v>1</v>
      </c>
      <c r="BH38" s="89">
        <v>6</v>
      </c>
      <c r="BI38" s="399">
        <v>0</v>
      </c>
      <c r="BJ38" s="88">
        <v>3</v>
      </c>
      <c r="BK38" s="88">
        <v>1</v>
      </c>
      <c r="BL38" s="88">
        <v>1</v>
      </c>
      <c r="BM38" s="88">
        <v>0</v>
      </c>
      <c r="BN38" s="88">
        <v>0</v>
      </c>
      <c r="BO38" s="89">
        <v>5</v>
      </c>
      <c r="BP38" s="90">
        <v>11</v>
      </c>
      <c r="BQ38" s="87">
        <v>2</v>
      </c>
      <c r="BR38" s="88">
        <v>1</v>
      </c>
      <c r="BS38" s="89">
        <v>3</v>
      </c>
      <c r="BT38" s="399">
        <v>0</v>
      </c>
      <c r="BU38" s="88">
        <v>6</v>
      </c>
      <c r="BV38" s="88">
        <v>7</v>
      </c>
      <c r="BW38" s="88">
        <v>0</v>
      </c>
      <c r="BX38" s="88">
        <v>3</v>
      </c>
      <c r="BY38" s="88">
        <v>4</v>
      </c>
      <c r="BZ38" s="89">
        <v>20</v>
      </c>
      <c r="CA38" s="90">
        <v>23</v>
      </c>
      <c r="CB38" s="87">
        <v>0</v>
      </c>
      <c r="CC38" s="88">
        <v>0</v>
      </c>
      <c r="CD38" s="89">
        <v>0</v>
      </c>
      <c r="CE38" s="399">
        <v>0</v>
      </c>
      <c r="CF38" s="88">
        <v>0</v>
      </c>
      <c r="CG38" s="88">
        <v>0</v>
      </c>
      <c r="CH38" s="88">
        <v>0</v>
      </c>
      <c r="CI38" s="88">
        <v>0</v>
      </c>
      <c r="CJ38" s="88">
        <v>0</v>
      </c>
      <c r="CK38" s="89">
        <v>0</v>
      </c>
      <c r="CL38" s="90">
        <v>0</v>
      </c>
      <c r="CM38" s="87">
        <v>11</v>
      </c>
      <c r="CN38" s="88">
        <v>5</v>
      </c>
      <c r="CO38" s="89">
        <v>16</v>
      </c>
      <c r="CP38" s="399">
        <v>0</v>
      </c>
      <c r="CQ38" s="88">
        <v>16</v>
      </c>
      <c r="CR38" s="88">
        <v>11</v>
      </c>
      <c r="CS38" s="88">
        <v>3</v>
      </c>
      <c r="CT38" s="88">
        <v>4</v>
      </c>
      <c r="CU38" s="88">
        <v>5</v>
      </c>
      <c r="CV38" s="89">
        <v>39</v>
      </c>
      <c r="CW38" s="90">
        <v>55</v>
      </c>
      <c r="CX38" s="91">
        <v>2</v>
      </c>
      <c r="CY38" s="83">
        <v>0</v>
      </c>
      <c r="CZ38" s="84">
        <v>2</v>
      </c>
      <c r="DA38" s="399">
        <v>0</v>
      </c>
      <c r="DB38" s="83">
        <v>3</v>
      </c>
      <c r="DC38" s="83">
        <v>3</v>
      </c>
      <c r="DD38" s="83">
        <v>1</v>
      </c>
      <c r="DE38" s="83">
        <v>2</v>
      </c>
      <c r="DF38" s="83">
        <v>3</v>
      </c>
      <c r="DG38" s="85">
        <v>12</v>
      </c>
      <c r="DH38" s="86">
        <v>14</v>
      </c>
      <c r="DI38" s="87">
        <v>0</v>
      </c>
      <c r="DJ38" s="88">
        <v>0</v>
      </c>
      <c r="DK38" s="89">
        <v>0</v>
      </c>
      <c r="DL38" s="399">
        <v>0</v>
      </c>
      <c r="DM38" s="88">
        <v>0</v>
      </c>
      <c r="DN38" s="88">
        <v>0</v>
      </c>
      <c r="DO38" s="88">
        <v>0</v>
      </c>
      <c r="DP38" s="88">
        <v>0</v>
      </c>
      <c r="DQ38" s="88">
        <v>0</v>
      </c>
      <c r="DR38" s="89">
        <v>0</v>
      </c>
      <c r="DS38" s="90">
        <v>0</v>
      </c>
      <c r="DT38" s="87">
        <v>0</v>
      </c>
      <c r="DU38" s="88">
        <v>0</v>
      </c>
      <c r="DV38" s="89">
        <v>0</v>
      </c>
      <c r="DW38" s="399">
        <v>0</v>
      </c>
      <c r="DX38" s="88">
        <v>0</v>
      </c>
      <c r="DY38" s="88">
        <v>0</v>
      </c>
      <c r="DZ38" s="88">
        <v>0</v>
      </c>
      <c r="EA38" s="88">
        <v>0</v>
      </c>
      <c r="EB38" s="88">
        <v>2</v>
      </c>
      <c r="EC38" s="89">
        <v>2</v>
      </c>
      <c r="ED38" s="90">
        <v>2</v>
      </c>
      <c r="EE38" s="87">
        <v>0</v>
      </c>
      <c r="EF38" s="88">
        <v>0</v>
      </c>
      <c r="EG38" s="89">
        <v>0</v>
      </c>
      <c r="EH38" s="399">
        <v>0</v>
      </c>
      <c r="EI38" s="88">
        <v>0</v>
      </c>
      <c r="EJ38" s="88">
        <v>0</v>
      </c>
      <c r="EK38" s="88">
        <v>0</v>
      </c>
      <c r="EL38" s="88">
        <v>0</v>
      </c>
      <c r="EM38" s="88">
        <v>0</v>
      </c>
      <c r="EN38" s="89">
        <v>0</v>
      </c>
      <c r="EO38" s="90">
        <v>0</v>
      </c>
      <c r="EP38" s="87">
        <v>1</v>
      </c>
      <c r="EQ38" s="88">
        <v>0</v>
      </c>
      <c r="ER38" s="89">
        <v>1</v>
      </c>
      <c r="ES38" s="399">
        <v>0</v>
      </c>
      <c r="ET38" s="88">
        <v>1</v>
      </c>
      <c r="EU38" s="88">
        <v>0</v>
      </c>
      <c r="EV38" s="88">
        <v>0</v>
      </c>
      <c r="EW38" s="88">
        <v>0</v>
      </c>
      <c r="EX38" s="88">
        <v>0</v>
      </c>
      <c r="EY38" s="89">
        <v>1</v>
      </c>
      <c r="EZ38" s="90">
        <v>2</v>
      </c>
      <c r="FA38" s="87">
        <v>1</v>
      </c>
      <c r="FB38" s="88">
        <v>0</v>
      </c>
      <c r="FC38" s="89">
        <v>1</v>
      </c>
      <c r="FD38" s="399">
        <v>0</v>
      </c>
      <c r="FE38" s="88">
        <v>0</v>
      </c>
      <c r="FF38" s="88">
        <v>1</v>
      </c>
      <c r="FG38" s="88">
        <v>0</v>
      </c>
      <c r="FH38" s="88">
        <v>0</v>
      </c>
      <c r="FI38" s="88">
        <v>1</v>
      </c>
      <c r="FJ38" s="89">
        <v>2</v>
      </c>
      <c r="FK38" s="90">
        <v>3</v>
      </c>
      <c r="FL38" s="87">
        <v>0</v>
      </c>
      <c r="FM38" s="88">
        <v>0</v>
      </c>
      <c r="FN38" s="89">
        <v>0</v>
      </c>
      <c r="FO38" s="399">
        <v>0</v>
      </c>
      <c r="FP38" s="88">
        <v>2</v>
      </c>
      <c r="FQ38" s="88">
        <v>2</v>
      </c>
      <c r="FR38" s="88">
        <v>1</v>
      </c>
      <c r="FS38" s="88">
        <v>2</v>
      </c>
      <c r="FT38" s="88">
        <v>0</v>
      </c>
      <c r="FU38" s="89">
        <v>7</v>
      </c>
      <c r="FV38" s="90">
        <v>7</v>
      </c>
      <c r="FW38" s="87">
        <v>0</v>
      </c>
      <c r="FX38" s="88">
        <v>0</v>
      </c>
      <c r="FY38" s="89">
        <v>0</v>
      </c>
      <c r="FZ38" s="399">
        <v>0</v>
      </c>
      <c r="GA38" s="88">
        <v>0</v>
      </c>
      <c r="GB38" s="88">
        <v>0</v>
      </c>
      <c r="GC38" s="88">
        <v>0</v>
      </c>
      <c r="GD38" s="88">
        <v>0</v>
      </c>
      <c r="GE38" s="88">
        <v>0</v>
      </c>
      <c r="GF38" s="89">
        <v>0</v>
      </c>
      <c r="GG38" s="90">
        <v>0</v>
      </c>
      <c r="GH38" s="87">
        <v>2</v>
      </c>
      <c r="GI38" s="88">
        <v>0</v>
      </c>
      <c r="GJ38" s="89">
        <v>2</v>
      </c>
      <c r="GK38" s="399">
        <v>0</v>
      </c>
      <c r="GL38" s="88">
        <v>3</v>
      </c>
      <c r="GM38" s="88">
        <v>3</v>
      </c>
      <c r="GN38" s="88">
        <v>1</v>
      </c>
      <c r="GO38" s="88">
        <v>2</v>
      </c>
      <c r="GP38" s="88">
        <v>3</v>
      </c>
      <c r="GQ38" s="89">
        <v>12</v>
      </c>
      <c r="GR38" s="90">
        <v>14</v>
      </c>
      <c r="GS38" s="91">
        <v>13</v>
      </c>
      <c r="GT38" s="83">
        <v>5</v>
      </c>
      <c r="GU38" s="84">
        <v>18</v>
      </c>
      <c r="GV38" s="399">
        <v>0</v>
      </c>
      <c r="GW38" s="83">
        <v>19</v>
      </c>
      <c r="GX38" s="83">
        <v>14</v>
      </c>
      <c r="GY38" s="83">
        <v>4</v>
      </c>
      <c r="GZ38" s="83">
        <v>6</v>
      </c>
      <c r="HA38" s="83">
        <v>8</v>
      </c>
      <c r="HB38" s="85">
        <v>51</v>
      </c>
      <c r="HC38" s="86">
        <v>69</v>
      </c>
      <c r="HD38" s="87">
        <v>0</v>
      </c>
      <c r="HE38" s="88">
        <v>0</v>
      </c>
      <c r="HF38" s="89">
        <v>0</v>
      </c>
      <c r="HG38" s="399">
        <v>0</v>
      </c>
      <c r="HH38" s="88">
        <v>1</v>
      </c>
      <c r="HI38" s="88">
        <v>2</v>
      </c>
      <c r="HJ38" s="88">
        <v>0</v>
      </c>
      <c r="HK38" s="88">
        <v>0</v>
      </c>
      <c r="HL38" s="88">
        <v>0</v>
      </c>
      <c r="HM38" s="89">
        <v>3</v>
      </c>
      <c r="HN38" s="90">
        <v>3</v>
      </c>
      <c r="HO38" s="87">
        <v>0</v>
      </c>
      <c r="HP38" s="88">
        <v>0</v>
      </c>
      <c r="HQ38" s="89">
        <v>0</v>
      </c>
      <c r="HR38" s="399">
        <v>0</v>
      </c>
      <c r="HS38" s="88">
        <v>0</v>
      </c>
      <c r="HT38" s="88">
        <v>1</v>
      </c>
      <c r="HU38" s="88">
        <v>1</v>
      </c>
      <c r="HV38" s="88">
        <v>0</v>
      </c>
      <c r="HW38" s="88">
        <v>2</v>
      </c>
      <c r="HX38" s="89">
        <v>4</v>
      </c>
      <c r="HY38" s="90">
        <v>4</v>
      </c>
      <c r="HZ38" s="87">
        <v>2</v>
      </c>
      <c r="IA38" s="88">
        <v>2</v>
      </c>
      <c r="IB38" s="89">
        <v>4</v>
      </c>
      <c r="IC38" s="399">
        <v>0</v>
      </c>
      <c r="ID38" s="88">
        <v>0</v>
      </c>
      <c r="IE38" s="88">
        <v>0</v>
      </c>
      <c r="IF38" s="88">
        <v>0</v>
      </c>
      <c r="IG38" s="88">
        <v>0</v>
      </c>
      <c r="IH38" s="88">
        <v>1</v>
      </c>
      <c r="II38" s="89">
        <v>1</v>
      </c>
      <c r="IJ38" s="90">
        <v>5</v>
      </c>
      <c r="IK38" s="87">
        <v>3</v>
      </c>
      <c r="IL38" s="88">
        <v>1</v>
      </c>
      <c r="IM38" s="89">
        <v>4</v>
      </c>
      <c r="IN38" s="399">
        <v>0</v>
      </c>
      <c r="IO38" s="88">
        <v>7</v>
      </c>
      <c r="IP38" s="88">
        <v>0</v>
      </c>
      <c r="IQ38" s="88">
        <v>1</v>
      </c>
      <c r="IR38" s="88">
        <v>1</v>
      </c>
      <c r="IS38" s="88">
        <v>0</v>
      </c>
      <c r="IT38" s="89">
        <v>9</v>
      </c>
      <c r="IU38" s="90">
        <v>13</v>
      </c>
      <c r="IV38" s="87">
        <v>6</v>
      </c>
      <c r="IW38" s="88">
        <v>1</v>
      </c>
      <c r="IX38" s="89">
        <v>7</v>
      </c>
      <c r="IY38" s="399">
        <v>0</v>
      </c>
      <c r="IZ38" s="88">
        <v>3</v>
      </c>
      <c r="JA38" s="88">
        <v>2</v>
      </c>
      <c r="JB38" s="88">
        <v>1</v>
      </c>
      <c r="JC38" s="88">
        <v>0</v>
      </c>
      <c r="JD38" s="88">
        <v>1</v>
      </c>
      <c r="JE38" s="89">
        <v>7</v>
      </c>
      <c r="JF38" s="90">
        <v>14</v>
      </c>
      <c r="JG38" s="87">
        <v>2</v>
      </c>
      <c r="JH38" s="88">
        <v>1</v>
      </c>
      <c r="JI38" s="89">
        <v>3</v>
      </c>
      <c r="JJ38" s="399">
        <v>0</v>
      </c>
      <c r="JK38" s="88">
        <v>8</v>
      </c>
      <c r="JL38" s="88">
        <v>9</v>
      </c>
      <c r="JM38" s="88">
        <v>1</v>
      </c>
      <c r="JN38" s="88">
        <v>5</v>
      </c>
      <c r="JO38" s="88">
        <v>4</v>
      </c>
      <c r="JP38" s="89">
        <v>27</v>
      </c>
      <c r="JQ38" s="90">
        <v>30</v>
      </c>
      <c r="JR38" s="87">
        <v>0</v>
      </c>
      <c r="JS38" s="88">
        <v>0</v>
      </c>
      <c r="JT38" s="89">
        <v>0</v>
      </c>
      <c r="JU38" s="399">
        <v>0</v>
      </c>
      <c r="JV38" s="88">
        <v>0</v>
      </c>
      <c r="JW38" s="88">
        <v>0</v>
      </c>
      <c r="JX38" s="88">
        <v>0</v>
      </c>
      <c r="JY38" s="88">
        <v>0</v>
      </c>
      <c r="JZ38" s="88">
        <v>0</v>
      </c>
      <c r="KA38" s="89">
        <v>0</v>
      </c>
      <c r="KB38" s="90">
        <v>0</v>
      </c>
      <c r="KC38" s="87">
        <v>13</v>
      </c>
      <c r="KD38" s="88">
        <v>5</v>
      </c>
      <c r="KE38" s="89">
        <v>18</v>
      </c>
      <c r="KF38" s="399">
        <v>0</v>
      </c>
      <c r="KG38" s="88">
        <v>19</v>
      </c>
      <c r="KH38" s="88">
        <v>14</v>
      </c>
      <c r="KI38" s="88">
        <v>4</v>
      </c>
      <c r="KJ38" s="88">
        <v>6</v>
      </c>
      <c r="KK38" s="88">
        <v>8</v>
      </c>
      <c r="KL38" s="89">
        <v>51</v>
      </c>
      <c r="KM38" s="90">
        <v>69</v>
      </c>
    </row>
    <row r="39" spans="2:299" s="56" customFormat="1" ht="21" customHeight="1" x14ac:dyDescent="0.2">
      <c r="B39" s="92" t="s">
        <v>36</v>
      </c>
      <c r="C39" s="82">
        <v>4</v>
      </c>
      <c r="D39" s="83">
        <v>4</v>
      </c>
      <c r="E39" s="84">
        <v>8</v>
      </c>
      <c r="F39" s="399">
        <v>0</v>
      </c>
      <c r="G39" s="83">
        <v>16</v>
      </c>
      <c r="H39" s="83">
        <v>6</v>
      </c>
      <c r="I39" s="83">
        <v>6</v>
      </c>
      <c r="J39" s="83">
        <v>6</v>
      </c>
      <c r="K39" s="83">
        <v>3</v>
      </c>
      <c r="L39" s="85">
        <v>37</v>
      </c>
      <c r="M39" s="86">
        <v>45</v>
      </c>
      <c r="N39" s="87">
        <v>0</v>
      </c>
      <c r="O39" s="88">
        <v>0</v>
      </c>
      <c r="P39" s="89">
        <v>0</v>
      </c>
      <c r="Q39" s="399">
        <v>0</v>
      </c>
      <c r="R39" s="88">
        <v>1</v>
      </c>
      <c r="S39" s="88">
        <v>1</v>
      </c>
      <c r="T39" s="88">
        <v>0</v>
      </c>
      <c r="U39" s="88">
        <v>0</v>
      </c>
      <c r="V39" s="88">
        <v>1</v>
      </c>
      <c r="W39" s="89">
        <v>3</v>
      </c>
      <c r="X39" s="90">
        <v>3</v>
      </c>
      <c r="Y39" s="87">
        <v>1</v>
      </c>
      <c r="Z39" s="88">
        <v>0</v>
      </c>
      <c r="AA39" s="89">
        <v>1</v>
      </c>
      <c r="AB39" s="399">
        <v>0</v>
      </c>
      <c r="AC39" s="88">
        <v>1</v>
      </c>
      <c r="AD39" s="88">
        <v>1</v>
      </c>
      <c r="AE39" s="88">
        <v>0</v>
      </c>
      <c r="AF39" s="88">
        <v>0</v>
      </c>
      <c r="AG39" s="88">
        <v>1</v>
      </c>
      <c r="AH39" s="89">
        <v>3</v>
      </c>
      <c r="AI39" s="90">
        <v>4</v>
      </c>
      <c r="AJ39" s="87">
        <v>0</v>
      </c>
      <c r="AK39" s="88">
        <v>0</v>
      </c>
      <c r="AL39" s="89">
        <v>0</v>
      </c>
      <c r="AM39" s="399">
        <v>0</v>
      </c>
      <c r="AN39" s="88">
        <v>0</v>
      </c>
      <c r="AO39" s="88">
        <v>0</v>
      </c>
      <c r="AP39" s="88">
        <v>1</v>
      </c>
      <c r="AQ39" s="88">
        <v>3</v>
      </c>
      <c r="AR39" s="88">
        <v>0</v>
      </c>
      <c r="AS39" s="89">
        <v>4</v>
      </c>
      <c r="AT39" s="90">
        <v>4</v>
      </c>
      <c r="AU39" s="87">
        <v>0</v>
      </c>
      <c r="AV39" s="88">
        <v>1</v>
      </c>
      <c r="AW39" s="89">
        <v>1</v>
      </c>
      <c r="AX39" s="399">
        <v>0</v>
      </c>
      <c r="AY39" s="88">
        <v>2</v>
      </c>
      <c r="AZ39" s="88">
        <v>2</v>
      </c>
      <c r="BA39" s="88">
        <v>1</v>
      </c>
      <c r="BB39" s="88">
        <v>0</v>
      </c>
      <c r="BC39" s="88">
        <v>1</v>
      </c>
      <c r="BD39" s="89">
        <v>6</v>
      </c>
      <c r="BE39" s="90">
        <v>7</v>
      </c>
      <c r="BF39" s="87">
        <v>1</v>
      </c>
      <c r="BG39" s="88">
        <v>0</v>
      </c>
      <c r="BH39" s="89">
        <v>1</v>
      </c>
      <c r="BI39" s="399">
        <v>0</v>
      </c>
      <c r="BJ39" s="88">
        <v>8</v>
      </c>
      <c r="BK39" s="88">
        <v>2</v>
      </c>
      <c r="BL39" s="88">
        <v>1</v>
      </c>
      <c r="BM39" s="88">
        <v>2</v>
      </c>
      <c r="BN39" s="88">
        <v>0</v>
      </c>
      <c r="BO39" s="89">
        <v>13</v>
      </c>
      <c r="BP39" s="90">
        <v>14</v>
      </c>
      <c r="BQ39" s="87">
        <v>2</v>
      </c>
      <c r="BR39" s="88">
        <v>3</v>
      </c>
      <c r="BS39" s="89">
        <v>5</v>
      </c>
      <c r="BT39" s="399">
        <v>0</v>
      </c>
      <c r="BU39" s="88">
        <v>4</v>
      </c>
      <c r="BV39" s="88">
        <v>0</v>
      </c>
      <c r="BW39" s="88">
        <v>3</v>
      </c>
      <c r="BX39" s="88">
        <v>1</v>
      </c>
      <c r="BY39" s="88">
        <v>0</v>
      </c>
      <c r="BZ39" s="89">
        <v>8</v>
      </c>
      <c r="CA39" s="90">
        <v>13</v>
      </c>
      <c r="CB39" s="87">
        <v>0</v>
      </c>
      <c r="CC39" s="88">
        <v>0</v>
      </c>
      <c r="CD39" s="89">
        <v>0</v>
      </c>
      <c r="CE39" s="399">
        <v>0</v>
      </c>
      <c r="CF39" s="88">
        <v>0</v>
      </c>
      <c r="CG39" s="88">
        <v>0</v>
      </c>
      <c r="CH39" s="88">
        <v>0</v>
      </c>
      <c r="CI39" s="88">
        <v>0</v>
      </c>
      <c r="CJ39" s="88">
        <v>0</v>
      </c>
      <c r="CK39" s="89">
        <v>0</v>
      </c>
      <c r="CL39" s="90">
        <v>0</v>
      </c>
      <c r="CM39" s="87">
        <v>4</v>
      </c>
      <c r="CN39" s="88">
        <v>4</v>
      </c>
      <c r="CO39" s="89">
        <v>8</v>
      </c>
      <c r="CP39" s="399">
        <v>0</v>
      </c>
      <c r="CQ39" s="88">
        <v>16</v>
      </c>
      <c r="CR39" s="88">
        <v>6</v>
      </c>
      <c r="CS39" s="88">
        <v>6</v>
      </c>
      <c r="CT39" s="88">
        <v>6</v>
      </c>
      <c r="CU39" s="88">
        <v>3</v>
      </c>
      <c r="CV39" s="89">
        <v>37</v>
      </c>
      <c r="CW39" s="90">
        <v>45</v>
      </c>
      <c r="CX39" s="91">
        <v>2</v>
      </c>
      <c r="CY39" s="83">
        <v>3</v>
      </c>
      <c r="CZ39" s="84">
        <v>5</v>
      </c>
      <c r="DA39" s="399">
        <v>0</v>
      </c>
      <c r="DB39" s="83">
        <v>3</v>
      </c>
      <c r="DC39" s="83">
        <v>3</v>
      </c>
      <c r="DD39" s="83">
        <v>1</v>
      </c>
      <c r="DE39" s="83">
        <v>1</v>
      </c>
      <c r="DF39" s="83">
        <v>0</v>
      </c>
      <c r="DG39" s="85">
        <v>8</v>
      </c>
      <c r="DH39" s="86">
        <v>13</v>
      </c>
      <c r="DI39" s="87">
        <v>0</v>
      </c>
      <c r="DJ39" s="88">
        <v>0</v>
      </c>
      <c r="DK39" s="89">
        <v>0</v>
      </c>
      <c r="DL39" s="399">
        <v>0</v>
      </c>
      <c r="DM39" s="88">
        <v>0</v>
      </c>
      <c r="DN39" s="88">
        <v>1</v>
      </c>
      <c r="DO39" s="88">
        <v>0</v>
      </c>
      <c r="DP39" s="88">
        <v>0</v>
      </c>
      <c r="DQ39" s="88">
        <v>0</v>
      </c>
      <c r="DR39" s="89">
        <v>1</v>
      </c>
      <c r="DS39" s="90">
        <v>1</v>
      </c>
      <c r="DT39" s="87">
        <v>0</v>
      </c>
      <c r="DU39" s="88">
        <v>0</v>
      </c>
      <c r="DV39" s="89">
        <v>0</v>
      </c>
      <c r="DW39" s="399">
        <v>0</v>
      </c>
      <c r="DX39" s="88">
        <v>0</v>
      </c>
      <c r="DY39" s="88">
        <v>1</v>
      </c>
      <c r="DZ39" s="88">
        <v>0</v>
      </c>
      <c r="EA39" s="88">
        <v>0</v>
      </c>
      <c r="EB39" s="88">
        <v>0</v>
      </c>
      <c r="EC39" s="89">
        <v>1</v>
      </c>
      <c r="ED39" s="90">
        <v>1</v>
      </c>
      <c r="EE39" s="87">
        <v>1</v>
      </c>
      <c r="EF39" s="88">
        <v>0</v>
      </c>
      <c r="EG39" s="89">
        <v>1</v>
      </c>
      <c r="EH39" s="399">
        <v>0</v>
      </c>
      <c r="EI39" s="88">
        <v>0</v>
      </c>
      <c r="EJ39" s="88">
        <v>0</v>
      </c>
      <c r="EK39" s="88">
        <v>0</v>
      </c>
      <c r="EL39" s="88">
        <v>0</v>
      </c>
      <c r="EM39" s="88">
        <v>0</v>
      </c>
      <c r="EN39" s="89">
        <v>0</v>
      </c>
      <c r="EO39" s="90">
        <v>1</v>
      </c>
      <c r="EP39" s="87">
        <v>0</v>
      </c>
      <c r="EQ39" s="88">
        <v>0</v>
      </c>
      <c r="ER39" s="89">
        <v>0</v>
      </c>
      <c r="ES39" s="399">
        <v>0</v>
      </c>
      <c r="ET39" s="88">
        <v>1</v>
      </c>
      <c r="EU39" s="88">
        <v>0</v>
      </c>
      <c r="EV39" s="88">
        <v>0</v>
      </c>
      <c r="EW39" s="88">
        <v>0</v>
      </c>
      <c r="EX39" s="88">
        <v>0</v>
      </c>
      <c r="EY39" s="89">
        <v>1</v>
      </c>
      <c r="EZ39" s="90">
        <v>1</v>
      </c>
      <c r="FA39" s="87">
        <v>0</v>
      </c>
      <c r="FB39" s="88">
        <v>2</v>
      </c>
      <c r="FC39" s="89">
        <v>2</v>
      </c>
      <c r="FD39" s="399">
        <v>0</v>
      </c>
      <c r="FE39" s="88">
        <v>0</v>
      </c>
      <c r="FF39" s="88">
        <v>1</v>
      </c>
      <c r="FG39" s="88">
        <v>0</v>
      </c>
      <c r="FH39" s="88">
        <v>1</v>
      </c>
      <c r="FI39" s="88">
        <v>0</v>
      </c>
      <c r="FJ39" s="89">
        <v>2</v>
      </c>
      <c r="FK39" s="90">
        <v>4</v>
      </c>
      <c r="FL39" s="87">
        <v>1</v>
      </c>
      <c r="FM39" s="88">
        <v>1</v>
      </c>
      <c r="FN39" s="89">
        <v>2</v>
      </c>
      <c r="FO39" s="399">
        <v>0</v>
      </c>
      <c r="FP39" s="88">
        <v>2</v>
      </c>
      <c r="FQ39" s="88">
        <v>0</v>
      </c>
      <c r="FR39" s="88">
        <v>1</v>
      </c>
      <c r="FS39" s="88">
        <v>0</v>
      </c>
      <c r="FT39" s="88">
        <v>0</v>
      </c>
      <c r="FU39" s="89">
        <v>3</v>
      </c>
      <c r="FV39" s="90">
        <v>5</v>
      </c>
      <c r="FW39" s="87">
        <v>0</v>
      </c>
      <c r="FX39" s="88">
        <v>0</v>
      </c>
      <c r="FY39" s="89">
        <v>0</v>
      </c>
      <c r="FZ39" s="399">
        <v>0</v>
      </c>
      <c r="GA39" s="88">
        <v>0</v>
      </c>
      <c r="GB39" s="88">
        <v>0</v>
      </c>
      <c r="GC39" s="88">
        <v>0</v>
      </c>
      <c r="GD39" s="88">
        <v>0</v>
      </c>
      <c r="GE39" s="88">
        <v>0</v>
      </c>
      <c r="GF39" s="89">
        <v>0</v>
      </c>
      <c r="GG39" s="90">
        <v>0</v>
      </c>
      <c r="GH39" s="87">
        <v>2</v>
      </c>
      <c r="GI39" s="88">
        <v>3</v>
      </c>
      <c r="GJ39" s="89">
        <v>5</v>
      </c>
      <c r="GK39" s="399">
        <v>0</v>
      </c>
      <c r="GL39" s="88">
        <v>3</v>
      </c>
      <c r="GM39" s="88">
        <v>3</v>
      </c>
      <c r="GN39" s="88">
        <v>1</v>
      </c>
      <c r="GO39" s="88">
        <v>1</v>
      </c>
      <c r="GP39" s="88">
        <v>0</v>
      </c>
      <c r="GQ39" s="89">
        <v>8</v>
      </c>
      <c r="GR39" s="90">
        <v>13</v>
      </c>
      <c r="GS39" s="91">
        <v>6</v>
      </c>
      <c r="GT39" s="83">
        <v>7</v>
      </c>
      <c r="GU39" s="84">
        <v>13</v>
      </c>
      <c r="GV39" s="399">
        <v>0</v>
      </c>
      <c r="GW39" s="83">
        <v>19</v>
      </c>
      <c r="GX39" s="83">
        <v>9</v>
      </c>
      <c r="GY39" s="83">
        <v>7</v>
      </c>
      <c r="GZ39" s="83">
        <v>7</v>
      </c>
      <c r="HA39" s="83">
        <v>3</v>
      </c>
      <c r="HB39" s="85">
        <v>45</v>
      </c>
      <c r="HC39" s="86">
        <v>58</v>
      </c>
      <c r="HD39" s="87">
        <v>0</v>
      </c>
      <c r="HE39" s="88">
        <v>0</v>
      </c>
      <c r="HF39" s="89">
        <v>0</v>
      </c>
      <c r="HG39" s="399">
        <v>0</v>
      </c>
      <c r="HH39" s="88">
        <v>1</v>
      </c>
      <c r="HI39" s="88">
        <v>2</v>
      </c>
      <c r="HJ39" s="88">
        <v>0</v>
      </c>
      <c r="HK39" s="88">
        <v>0</v>
      </c>
      <c r="HL39" s="88">
        <v>1</v>
      </c>
      <c r="HM39" s="89">
        <v>4</v>
      </c>
      <c r="HN39" s="90">
        <v>4</v>
      </c>
      <c r="HO39" s="87">
        <v>1</v>
      </c>
      <c r="HP39" s="88">
        <v>0</v>
      </c>
      <c r="HQ39" s="89">
        <v>1</v>
      </c>
      <c r="HR39" s="399">
        <v>0</v>
      </c>
      <c r="HS39" s="88">
        <v>1</v>
      </c>
      <c r="HT39" s="88">
        <v>2</v>
      </c>
      <c r="HU39" s="88">
        <v>0</v>
      </c>
      <c r="HV39" s="88">
        <v>0</v>
      </c>
      <c r="HW39" s="88">
        <v>1</v>
      </c>
      <c r="HX39" s="89">
        <v>4</v>
      </c>
      <c r="HY39" s="90">
        <v>5</v>
      </c>
      <c r="HZ39" s="87">
        <v>1</v>
      </c>
      <c r="IA39" s="88">
        <v>0</v>
      </c>
      <c r="IB39" s="89">
        <v>1</v>
      </c>
      <c r="IC39" s="399">
        <v>0</v>
      </c>
      <c r="ID39" s="88">
        <v>0</v>
      </c>
      <c r="IE39" s="88">
        <v>0</v>
      </c>
      <c r="IF39" s="88">
        <v>1</v>
      </c>
      <c r="IG39" s="88">
        <v>3</v>
      </c>
      <c r="IH39" s="88">
        <v>0</v>
      </c>
      <c r="II39" s="89">
        <v>4</v>
      </c>
      <c r="IJ39" s="90">
        <v>5</v>
      </c>
      <c r="IK39" s="87">
        <v>0</v>
      </c>
      <c r="IL39" s="88">
        <v>1</v>
      </c>
      <c r="IM39" s="89">
        <v>1</v>
      </c>
      <c r="IN39" s="399">
        <v>0</v>
      </c>
      <c r="IO39" s="88">
        <v>3</v>
      </c>
      <c r="IP39" s="88">
        <v>2</v>
      </c>
      <c r="IQ39" s="88">
        <v>1</v>
      </c>
      <c r="IR39" s="88">
        <v>0</v>
      </c>
      <c r="IS39" s="88">
        <v>1</v>
      </c>
      <c r="IT39" s="89">
        <v>7</v>
      </c>
      <c r="IU39" s="90">
        <v>8</v>
      </c>
      <c r="IV39" s="87">
        <v>1</v>
      </c>
      <c r="IW39" s="88">
        <v>2</v>
      </c>
      <c r="IX39" s="89">
        <v>3</v>
      </c>
      <c r="IY39" s="399">
        <v>0</v>
      </c>
      <c r="IZ39" s="88">
        <v>8</v>
      </c>
      <c r="JA39" s="88">
        <v>3</v>
      </c>
      <c r="JB39" s="88">
        <v>1</v>
      </c>
      <c r="JC39" s="88">
        <v>3</v>
      </c>
      <c r="JD39" s="88">
        <v>0</v>
      </c>
      <c r="JE39" s="89">
        <v>15</v>
      </c>
      <c r="JF39" s="90">
        <v>18</v>
      </c>
      <c r="JG39" s="87">
        <v>3</v>
      </c>
      <c r="JH39" s="88">
        <v>4</v>
      </c>
      <c r="JI39" s="89">
        <v>7</v>
      </c>
      <c r="JJ39" s="399">
        <v>0</v>
      </c>
      <c r="JK39" s="88">
        <v>6</v>
      </c>
      <c r="JL39" s="88">
        <v>0</v>
      </c>
      <c r="JM39" s="88">
        <v>4</v>
      </c>
      <c r="JN39" s="88">
        <v>1</v>
      </c>
      <c r="JO39" s="88">
        <v>0</v>
      </c>
      <c r="JP39" s="89">
        <v>11</v>
      </c>
      <c r="JQ39" s="90">
        <v>18</v>
      </c>
      <c r="JR39" s="87">
        <v>0</v>
      </c>
      <c r="JS39" s="88">
        <v>0</v>
      </c>
      <c r="JT39" s="89">
        <v>0</v>
      </c>
      <c r="JU39" s="399">
        <v>0</v>
      </c>
      <c r="JV39" s="88">
        <v>0</v>
      </c>
      <c r="JW39" s="88">
        <v>0</v>
      </c>
      <c r="JX39" s="88">
        <v>0</v>
      </c>
      <c r="JY39" s="88">
        <v>0</v>
      </c>
      <c r="JZ39" s="88">
        <v>0</v>
      </c>
      <c r="KA39" s="89">
        <v>0</v>
      </c>
      <c r="KB39" s="90">
        <v>0</v>
      </c>
      <c r="KC39" s="87">
        <v>6</v>
      </c>
      <c r="KD39" s="88">
        <v>7</v>
      </c>
      <c r="KE39" s="89">
        <v>13</v>
      </c>
      <c r="KF39" s="399">
        <v>0</v>
      </c>
      <c r="KG39" s="88">
        <v>19</v>
      </c>
      <c r="KH39" s="88">
        <v>9</v>
      </c>
      <c r="KI39" s="88">
        <v>7</v>
      </c>
      <c r="KJ39" s="88">
        <v>7</v>
      </c>
      <c r="KK39" s="88">
        <v>3</v>
      </c>
      <c r="KL39" s="89">
        <v>45</v>
      </c>
      <c r="KM39" s="90">
        <v>58</v>
      </c>
    </row>
    <row r="40" spans="2:299" s="56" customFormat="1" ht="21" customHeight="1" thickBot="1" x14ac:dyDescent="0.25">
      <c r="B40" s="94" t="s">
        <v>37</v>
      </c>
      <c r="C40" s="95">
        <v>0</v>
      </c>
      <c r="D40" s="96">
        <v>0</v>
      </c>
      <c r="E40" s="97">
        <v>0</v>
      </c>
      <c r="F40" s="400">
        <v>0</v>
      </c>
      <c r="G40" s="96">
        <v>1</v>
      </c>
      <c r="H40" s="96">
        <v>4</v>
      </c>
      <c r="I40" s="96">
        <v>1</v>
      </c>
      <c r="J40" s="96">
        <v>0</v>
      </c>
      <c r="K40" s="96">
        <v>0</v>
      </c>
      <c r="L40" s="98">
        <v>6</v>
      </c>
      <c r="M40" s="99">
        <v>6</v>
      </c>
      <c r="N40" s="100">
        <v>0</v>
      </c>
      <c r="O40" s="101">
        <v>0</v>
      </c>
      <c r="P40" s="102">
        <v>0</v>
      </c>
      <c r="Q40" s="400">
        <v>0</v>
      </c>
      <c r="R40" s="101">
        <v>0</v>
      </c>
      <c r="S40" s="101">
        <v>0</v>
      </c>
      <c r="T40" s="101">
        <v>0</v>
      </c>
      <c r="U40" s="101">
        <v>0</v>
      </c>
      <c r="V40" s="101">
        <v>0</v>
      </c>
      <c r="W40" s="102">
        <v>0</v>
      </c>
      <c r="X40" s="103">
        <v>0</v>
      </c>
      <c r="Y40" s="100">
        <v>0</v>
      </c>
      <c r="Z40" s="101">
        <v>0</v>
      </c>
      <c r="AA40" s="102">
        <v>0</v>
      </c>
      <c r="AB40" s="400">
        <v>0</v>
      </c>
      <c r="AC40" s="101">
        <v>0</v>
      </c>
      <c r="AD40" s="101">
        <v>0</v>
      </c>
      <c r="AE40" s="101">
        <v>1</v>
      </c>
      <c r="AF40" s="101">
        <v>0</v>
      </c>
      <c r="AG40" s="101">
        <v>0</v>
      </c>
      <c r="AH40" s="102">
        <v>1</v>
      </c>
      <c r="AI40" s="103">
        <v>1</v>
      </c>
      <c r="AJ40" s="100">
        <v>0</v>
      </c>
      <c r="AK40" s="101">
        <v>0</v>
      </c>
      <c r="AL40" s="102">
        <v>0</v>
      </c>
      <c r="AM40" s="400">
        <v>0</v>
      </c>
      <c r="AN40" s="101">
        <v>1</v>
      </c>
      <c r="AO40" s="101">
        <v>2</v>
      </c>
      <c r="AP40" s="101">
        <v>0</v>
      </c>
      <c r="AQ40" s="101">
        <v>0</v>
      </c>
      <c r="AR40" s="101">
        <v>0</v>
      </c>
      <c r="AS40" s="102">
        <v>3</v>
      </c>
      <c r="AT40" s="103">
        <v>3</v>
      </c>
      <c r="AU40" s="100">
        <v>0</v>
      </c>
      <c r="AV40" s="101">
        <v>0</v>
      </c>
      <c r="AW40" s="102">
        <v>0</v>
      </c>
      <c r="AX40" s="400">
        <v>0</v>
      </c>
      <c r="AY40" s="101">
        <v>0</v>
      </c>
      <c r="AZ40" s="101">
        <v>0</v>
      </c>
      <c r="BA40" s="101">
        <v>0</v>
      </c>
      <c r="BB40" s="101">
        <v>0</v>
      </c>
      <c r="BC40" s="101">
        <v>0</v>
      </c>
      <c r="BD40" s="102">
        <v>0</v>
      </c>
      <c r="BE40" s="103">
        <v>0</v>
      </c>
      <c r="BF40" s="100">
        <v>0</v>
      </c>
      <c r="BG40" s="101">
        <v>0</v>
      </c>
      <c r="BH40" s="102">
        <v>0</v>
      </c>
      <c r="BI40" s="400">
        <v>0</v>
      </c>
      <c r="BJ40" s="101">
        <v>0</v>
      </c>
      <c r="BK40" s="101">
        <v>1</v>
      </c>
      <c r="BL40" s="101">
        <v>0</v>
      </c>
      <c r="BM40" s="101">
        <v>0</v>
      </c>
      <c r="BN40" s="101">
        <v>0</v>
      </c>
      <c r="BO40" s="102">
        <v>1</v>
      </c>
      <c r="BP40" s="103">
        <v>1</v>
      </c>
      <c r="BQ40" s="100">
        <v>0</v>
      </c>
      <c r="BR40" s="101">
        <v>0</v>
      </c>
      <c r="BS40" s="102">
        <v>0</v>
      </c>
      <c r="BT40" s="400">
        <v>0</v>
      </c>
      <c r="BU40" s="101">
        <v>0</v>
      </c>
      <c r="BV40" s="101">
        <v>1</v>
      </c>
      <c r="BW40" s="101">
        <v>0</v>
      </c>
      <c r="BX40" s="101">
        <v>0</v>
      </c>
      <c r="BY40" s="101">
        <v>0</v>
      </c>
      <c r="BZ40" s="102">
        <v>1</v>
      </c>
      <c r="CA40" s="103">
        <v>1</v>
      </c>
      <c r="CB40" s="100">
        <v>0</v>
      </c>
      <c r="CC40" s="101">
        <v>0</v>
      </c>
      <c r="CD40" s="102">
        <v>0</v>
      </c>
      <c r="CE40" s="400">
        <v>0</v>
      </c>
      <c r="CF40" s="101">
        <v>0</v>
      </c>
      <c r="CG40" s="101">
        <v>0</v>
      </c>
      <c r="CH40" s="101">
        <v>0</v>
      </c>
      <c r="CI40" s="101">
        <v>0</v>
      </c>
      <c r="CJ40" s="101">
        <v>0</v>
      </c>
      <c r="CK40" s="102">
        <v>0</v>
      </c>
      <c r="CL40" s="103">
        <v>0</v>
      </c>
      <c r="CM40" s="100">
        <v>0</v>
      </c>
      <c r="CN40" s="101">
        <v>0</v>
      </c>
      <c r="CO40" s="102">
        <v>0</v>
      </c>
      <c r="CP40" s="400">
        <v>0</v>
      </c>
      <c r="CQ40" s="101">
        <v>1</v>
      </c>
      <c r="CR40" s="101">
        <v>4</v>
      </c>
      <c r="CS40" s="101">
        <v>1</v>
      </c>
      <c r="CT40" s="101">
        <v>0</v>
      </c>
      <c r="CU40" s="101">
        <v>0</v>
      </c>
      <c r="CV40" s="102">
        <v>6</v>
      </c>
      <c r="CW40" s="103">
        <v>6</v>
      </c>
      <c r="CX40" s="104">
        <v>0</v>
      </c>
      <c r="CY40" s="96">
        <v>0</v>
      </c>
      <c r="CZ40" s="97">
        <v>0</v>
      </c>
      <c r="DA40" s="400">
        <v>0</v>
      </c>
      <c r="DB40" s="96">
        <v>0</v>
      </c>
      <c r="DC40" s="96">
        <v>0</v>
      </c>
      <c r="DD40" s="96">
        <v>0</v>
      </c>
      <c r="DE40" s="96">
        <v>1</v>
      </c>
      <c r="DF40" s="96">
        <v>0</v>
      </c>
      <c r="DG40" s="98">
        <v>1</v>
      </c>
      <c r="DH40" s="99">
        <v>1</v>
      </c>
      <c r="DI40" s="100">
        <v>0</v>
      </c>
      <c r="DJ40" s="101">
        <v>0</v>
      </c>
      <c r="DK40" s="102">
        <v>0</v>
      </c>
      <c r="DL40" s="400">
        <v>0</v>
      </c>
      <c r="DM40" s="101">
        <v>0</v>
      </c>
      <c r="DN40" s="101">
        <v>0</v>
      </c>
      <c r="DO40" s="101">
        <v>0</v>
      </c>
      <c r="DP40" s="101">
        <v>0</v>
      </c>
      <c r="DQ40" s="101">
        <v>0</v>
      </c>
      <c r="DR40" s="102">
        <v>0</v>
      </c>
      <c r="DS40" s="103">
        <v>0</v>
      </c>
      <c r="DT40" s="100">
        <v>0</v>
      </c>
      <c r="DU40" s="101">
        <v>0</v>
      </c>
      <c r="DV40" s="102">
        <v>0</v>
      </c>
      <c r="DW40" s="400">
        <v>0</v>
      </c>
      <c r="DX40" s="101">
        <v>0</v>
      </c>
      <c r="DY40" s="101">
        <v>0</v>
      </c>
      <c r="DZ40" s="101">
        <v>0</v>
      </c>
      <c r="EA40" s="101">
        <v>1</v>
      </c>
      <c r="EB40" s="101">
        <v>0</v>
      </c>
      <c r="EC40" s="102">
        <v>1</v>
      </c>
      <c r="ED40" s="103">
        <v>1</v>
      </c>
      <c r="EE40" s="100">
        <v>0</v>
      </c>
      <c r="EF40" s="101">
        <v>0</v>
      </c>
      <c r="EG40" s="102">
        <v>0</v>
      </c>
      <c r="EH40" s="400">
        <v>0</v>
      </c>
      <c r="EI40" s="101">
        <v>0</v>
      </c>
      <c r="EJ40" s="101">
        <v>0</v>
      </c>
      <c r="EK40" s="101">
        <v>0</v>
      </c>
      <c r="EL40" s="101">
        <v>0</v>
      </c>
      <c r="EM40" s="101">
        <v>0</v>
      </c>
      <c r="EN40" s="102">
        <v>0</v>
      </c>
      <c r="EO40" s="103">
        <v>0</v>
      </c>
      <c r="EP40" s="100">
        <v>0</v>
      </c>
      <c r="EQ40" s="101">
        <v>0</v>
      </c>
      <c r="ER40" s="102">
        <v>0</v>
      </c>
      <c r="ES40" s="400">
        <v>0</v>
      </c>
      <c r="ET40" s="101">
        <v>0</v>
      </c>
      <c r="EU40" s="101">
        <v>0</v>
      </c>
      <c r="EV40" s="101">
        <v>0</v>
      </c>
      <c r="EW40" s="101">
        <v>0</v>
      </c>
      <c r="EX40" s="101">
        <v>0</v>
      </c>
      <c r="EY40" s="102">
        <v>0</v>
      </c>
      <c r="EZ40" s="103">
        <v>0</v>
      </c>
      <c r="FA40" s="100">
        <v>0</v>
      </c>
      <c r="FB40" s="101">
        <v>0</v>
      </c>
      <c r="FC40" s="102">
        <v>0</v>
      </c>
      <c r="FD40" s="400">
        <v>0</v>
      </c>
      <c r="FE40" s="101">
        <v>0</v>
      </c>
      <c r="FF40" s="101">
        <v>0</v>
      </c>
      <c r="FG40" s="101">
        <v>0</v>
      </c>
      <c r="FH40" s="101">
        <v>0</v>
      </c>
      <c r="FI40" s="101">
        <v>0</v>
      </c>
      <c r="FJ40" s="102">
        <v>0</v>
      </c>
      <c r="FK40" s="103">
        <v>0</v>
      </c>
      <c r="FL40" s="100">
        <v>0</v>
      </c>
      <c r="FM40" s="101">
        <v>0</v>
      </c>
      <c r="FN40" s="102">
        <v>0</v>
      </c>
      <c r="FO40" s="400">
        <v>0</v>
      </c>
      <c r="FP40" s="101">
        <v>0</v>
      </c>
      <c r="FQ40" s="101">
        <v>0</v>
      </c>
      <c r="FR40" s="101">
        <v>0</v>
      </c>
      <c r="FS40" s="101">
        <v>0</v>
      </c>
      <c r="FT40" s="101">
        <v>0</v>
      </c>
      <c r="FU40" s="102">
        <v>0</v>
      </c>
      <c r="FV40" s="103">
        <v>0</v>
      </c>
      <c r="FW40" s="100">
        <v>0</v>
      </c>
      <c r="FX40" s="101">
        <v>0</v>
      </c>
      <c r="FY40" s="102">
        <v>0</v>
      </c>
      <c r="FZ40" s="400">
        <v>0</v>
      </c>
      <c r="GA40" s="101">
        <v>0</v>
      </c>
      <c r="GB40" s="101">
        <v>0</v>
      </c>
      <c r="GC40" s="101">
        <v>0</v>
      </c>
      <c r="GD40" s="101">
        <v>0</v>
      </c>
      <c r="GE40" s="101">
        <v>0</v>
      </c>
      <c r="GF40" s="102">
        <v>0</v>
      </c>
      <c r="GG40" s="103">
        <v>0</v>
      </c>
      <c r="GH40" s="100">
        <v>0</v>
      </c>
      <c r="GI40" s="101">
        <v>0</v>
      </c>
      <c r="GJ40" s="102">
        <v>0</v>
      </c>
      <c r="GK40" s="400">
        <v>0</v>
      </c>
      <c r="GL40" s="101">
        <v>0</v>
      </c>
      <c r="GM40" s="101">
        <v>0</v>
      </c>
      <c r="GN40" s="101">
        <v>0</v>
      </c>
      <c r="GO40" s="101">
        <v>1</v>
      </c>
      <c r="GP40" s="101">
        <v>0</v>
      </c>
      <c r="GQ40" s="102">
        <v>1</v>
      </c>
      <c r="GR40" s="103">
        <v>1</v>
      </c>
      <c r="GS40" s="104">
        <v>0</v>
      </c>
      <c r="GT40" s="96">
        <v>0</v>
      </c>
      <c r="GU40" s="97">
        <v>0</v>
      </c>
      <c r="GV40" s="400">
        <v>0</v>
      </c>
      <c r="GW40" s="96">
        <v>1</v>
      </c>
      <c r="GX40" s="96">
        <v>4</v>
      </c>
      <c r="GY40" s="96">
        <v>1</v>
      </c>
      <c r="GZ40" s="96">
        <v>1</v>
      </c>
      <c r="HA40" s="96">
        <v>0</v>
      </c>
      <c r="HB40" s="98">
        <v>7</v>
      </c>
      <c r="HC40" s="99">
        <v>7</v>
      </c>
      <c r="HD40" s="100">
        <v>0</v>
      </c>
      <c r="HE40" s="101">
        <v>0</v>
      </c>
      <c r="HF40" s="102">
        <v>0</v>
      </c>
      <c r="HG40" s="400">
        <v>0</v>
      </c>
      <c r="HH40" s="101">
        <v>0</v>
      </c>
      <c r="HI40" s="101">
        <v>0</v>
      </c>
      <c r="HJ40" s="101">
        <v>0</v>
      </c>
      <c r="HK40" s="101">
        <v>0</v>
      </c>
      <c r="HL40" s="101">
        <v>0</v>
      </c>
      <c r="HM40" s="102">
        <v>0</v>
      </c>
      <c r="HN40" s="103">
        <v>0</v>
      </c>
      <c r="HO40" s="100">
        <v>0</v>
      </c>
      <c r="HP40" s="101">
        <v>0</v>
      </c>
      <c r="HQ40" s="102">
        <v>0</v>
      </c>
      <c r="HR40" s="400">
        <v>0</v>
      </c>
      <c r="HS40" s="101">
        <v>0</v>
      </c>
      <c r="HT40" s="101">
        <v>0</v>
      </c>
      <c r="HU40" s="101">
        <v>1</v>
      </c>
      <c r="HV40" s="101">
        <v>1</v>
      </c>
      <c r="HW40" s="101">
        <v>0</v>
      </c>
      <c r="HX40" s="102">
        <v>2</v>
      </c>
      <c r="HY40" s="103">
        <v>2</v>
      </c>
      <c r="HZ40" s="100">
        <v>0</v>
      </c>
      <c r="IA40" s="101">
        <v>0</v>
      </c>
      <c r="IB40" s="102">
        <v>0</v>
      </c>
      <c r="IC40" s="400">
        <v>0</v>
      </c>
      <c r="ID40" s="101">
        <v>1</v>
      </c>
      <c r="IE40" s="101">
        <v>2</v>
      </c>
      <c r="IF40" s="101">
        <v>0</v>
      </c>
      <c r="IG40" s="101">
        <v>0</v>
      </c>
      <c r="IH40" s="101">
        <v>0</v>
      </c>
      <c r="II40" s="102">
        <v>3</v>
      </c>
      <c r="IJ40" s="103">
        <v>3</v>
      </c>
      <c r="IK40" s="100">
        <v>0</v>
      </c>
      <c r="IL40" s="101">
        <v>0</v>
      </c>
      <c r="IM40" s="102">
        <v>0</v>
      </c>
      <c r="IN40" s="400">
        <v>0</v>
      </c>
      <c r="IO40" s="101">
        <v>0</v>
      </c>
      <c r="IP40" s="101">
        <v>0</v>
      </c>
      <c r="IQ40" s="101">
        <v>0</v>
      </c>
      <c r="IR40" s="101">
        <v>0</v>
      </c>
      <c r="IS40" s="101">
        <v>0</v>
      </c>
      <c r="IT40" s="102">
        <v>0</v>
      </c>
      <c r="IU40" s="103">
        <v>0</v>
      </c>
      <c r="IV40" s="100">
        <v>0</v>
      </c>
      <c r="IW40" s="101">
        <v>0</v>
      </c>
      <c r="IX40" s="102">
        <v>0</v>
      </c>
      <c r="IY40" s="400">
        <v>0</v>
      </c>
      <c r="IZ40" s="101">
        <v>0</v>
      </c>
      <c r="JA40" s="101">
        <v>1</v>
      </c>
      <c r="JB40" s="101">
        <v>0</v>
      </c>
      <c r="JC40" s="101">
        <v>0</v>
      </c>
      <c r="JD40" s="101">
        <v>0</v>
      </c>
      <c r="JE40" s="102">
        <v>1</v>
      </c>
      <c r="JF40" s="103">
        <v>1</v>
      </c>
      <c r="JG40" s="100">
        <v>0</v>
      </c>
      <c r="JH40" s="101">
        <v>0</v>
      </c>
      <c r="JI40" s="102">
        <v>0</v>
      </c>
      <c r="JJ40" s="400">
        <v>0</v>
      </c>
      <c r="JK40" s="101">
        <v>0</v>
      </c>
      <c r="JL40" s="101">
        <v>1</v>
      </c>
      <c r="JM40" s="101">
        <v>0</v>
      </c>
      <c r="JN40" s="101">
        <v>0</v>
      </c>
      <c r="JO40" s="101">
        <v>0</v>
      </c>
      <c r="JP40" s="102">
        <v>1</v>
      </c>
      <c r="JQ40" s="103">
        <v>1</v>
      </c>
      <c r="JR40" s="100">
        <v>0</v>
      </c>
      <c r="JS40" s="101">
        <v>0</v>
      </c>
      <c r="JT40" s="102">
        <v>0</v>
      </c>
      <c r="JU40" s="400">
        <v>0</v>
      </c>
      <c r="JV40" s="101">
        <v>0</v>
      </c>
      <c r="JW40" s="101">
        <v>0</v>
      </c>
      <c r="JX40" s="101">
        <v>0</v>
      </c>
      <c r="JY40" s="101">
        <v>0</v>
      </c>
      <c r="JZ40" s="101">
        <v>0</v>
      </c>
      <c r="KA40" s="102">
        <v>0</v>
      </c>
      <c r="KB40" s="103">
        <v>0</v>
      </c>
      <c r="KC40" s="100">
        <v>0</v>
      </c>
      <c r="KD40" s="101">
        <v>0</v>
      </c>
      <c r="KE40" s="102">
        <v>0</v>
      </c>
      <c r="KF40" s="400">
        <v>0</v>
      </c>
      <c r="KG40" s="101">
        <v>1</v>
      </c>
      <c r="KH40" s="101">
        <v>4</v>
      </c>
      <c r="KI40" s="101">
        <v>1</v>
      </c>
      <c r="KJ40" s="101">
        <v>1</v>
      </c>
      <c r="KK40" s="101">
        <v>0</v>
      </c>
      <c r="KL40" s="102">
        <v>7</v>
      </c>
      <c r="KM40" s="103">
        <v>7</v>
      </c>
    </row>
    <row r="41" spans="2:299" ht="32.25" customHeight="1" x14ac:dyDescent="0.2"/>
  </sheetData>
  <mergeCells count="36">
    <mergeCell ref="CX3:GR3"/>
    <mergeCell ref="C5:M5"/>
    <mergeCell ref="N5:X5"/>
    <mergeCell ref="Y5:AI5"/>
    <mergeCell ref="AJ5:AT5"/>
    <mergeCell ref="AU5:BE5"/>
    <mergeCell ref="EP5:EZ5"/>
    <mergeCell ref="GH4:GR5"/>
    <mergeCell ref="BQ5:CA5"/>
    <mergeCell ref="CX5:DH5"/>
    <mergeCell ref="FA5:FK5"/>
    <mergeCell ref="FL5:FV5"/>
    <mergeCell ref="C4:CA4"/>
    <mergeCell ref="CM4:CW5"/>
    <mergeCell ref="BF5:BP5"/>
    <mergeCell ref="I1:J1"/>
    <mergeCell ref="F1:G1"/>
    <mergeCell ref="CB4:CL5"/>
    <mergeCell ref="B3:B5"/>
    <mergeCell ref="C3:CW3"/>
    <mergeCell ref="GS5:HC5"/>
    <mergeCell ref="DI5:DS5"/>
    <mergeCell ref="DT5:ED5"/>
    <mergeCell ref="EE5:EO5"/>
    <mergeCell ref="GS3:KM3"/>
    <mergeCell ref="GS4:JQ4"/>
    <mergeCell ref="JR4:KB5"/>
    <mergeCell ref="KC4:KM5"/>
    <mergeCell ref="IK5:IU5"/>
    <mergeCell ref="IV5:JF5"/>
    <mergeCell ref="JG5:JQ5"/>
    <mergeCell ref="HD5:HN5"/>
    <mergeCell ref="HO5:HY5"/>
    <mergeCell ref="HZ5:IJ5"/>
    <mergeCell ref="CX4:FV4"/>
    <mergeCell ref="FW4:GG5"/>
  </mergeCells>
  <phoneticPr fontId="4"/>
  <printOptions horizontalCentered="1"/>
  <pageMargins left="0.59055118110236227" right="0.39370078740157483" top="0.59055118110236227" bottom="0.55118110236220474" header="0.23622047244094491" footer="0.27559055118110237"/>
  <pageSetup paperSize="9" scale="45" orientation="landscape" r:id="rId1"/>
  <headerFooter alignWithMargins="0">
    <oddFooter>&amp;L&amp;20&amp;X&amp;A&amp;C&amp;P/&amp;N</oddFooter>
  </headerFooter>
  <colBreaks count="4" manualBreakCount="4">
    <brk id="35" max="40" man="1"/>
    <brk id="68" max="1048575" man="1"/>
    <brk id="101" max="1048575" man="1"/>
    <brk id="134" max="40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KM41"/>
  <sheetViews>
    <sheetView zoomScaleNormal="100" workbookViewId="0">
      <pane xSplit="2" ySplit="7" topLeftCell="C8" activePane="bottomRight" state="frozen"/>
      <selection activeCell="F37" sqref="F37"/>
      <selection pane="topRight" activeCell="F37" sqref="F37"/>
      <selection pane="bottomLeft" activeCell="F37" sqref="F37"/>
      <selection pane="bottomRight" activeCell="C7" sqref="C7"/>
    </sheetView>
  </sheetViews>
  <sheetFormatPr defaultColWidth="9" defaultRowHeight="13.2" x14ac:dyDescent="0.2"/>
  <cols>
    <col min="1" max="1" width="3.77734375" style="57" customWidth="1"/>
    <col min="2" max="2" width="9.77734375" style="57" customWidth="1"/>
    <col min="3" max="11" width="7.88671875" style="56" customWidth="1"/>
    <col min="12" max="13" width="8.77734375" style="56" customWidth="1"/>
    <col min="14" max="33" width="7.88671875" style="56" customWidth="1"/>
    <col min="34" max="34" width="9.109375" style="56" customWidth="1"/>
    <col min="35" max="35" width="8.44140625" style="56" customWidth="1"/>
    <col min="36" max="55" width="7.88671875" style="56" customWidth="1"/>
    <col min="56" max="56" width="9.109375" style="56" customWidth="1"/>
    <col min="57" max="57" width="8.44140625" style="56" customWidth="1"/>
    <col min="58" max="77" width="7.88671875" style="56" customWidth="1"/>
    <col min="78" max="78" width="9.109375" style="56" customWidth="1"/>
    <col min="79" max="79" width="8.44140625" style="56" customWidth="1"/>
    <col min="80" max="86" width="7.88671875" style="56" customWidth="1"/>
    <col min="87" max="93" width="9" style="56"/>
    <col min="94" max="94" width="8.44140625" style="56" customWidth="1"/>
    <col min="95" max="102" width="9" style="56"/>
    <col min="103" max="104" width="9" style="57"/>
    <col min="105" max="105" width="7.77734375" style="57" customWidth="1"/>
    <col min="106" max="115" width="9" style="57"/>
    <col min="116" max="116" width="7.77734375" style="57" customWidth="1"/>
    <col min="117" max="126" width="9" style="57"/>
    <col min="127" max="127" width="7.77734375" style="57" customWidth="1"/>
    <col min="128" max="137" width="9" style="57"/>
    <col min="138" max="138" width="8" style="57" customWidth="1"/>
    <col min="139" max="148" width="9" style="57"/>
    <col min="149" max="149" width="7.77734375" style="57" customWidth="1"/>
    <col min="150" max="159" width="9" style="57"/>
    <col min="160" max="160" width="7.44140625" style="57" customWidth="1"/>
    <col min="161" max="170" width="9" style="57"/>
    <col min="171" max="171" width="7.88671875" style="57" customWidth="1"/>
    <col min="172" max="181" width="9" style="57"/>
    <col min="182" max="182" width="7.21875" style="57" customWidth="1"/>
    <col min="183" max="192" width="9" style="57"/>
    <col min="193" max="193" width="8" style="57" customWidth="1"/>
    <col min="194" max="203" width="9" style="57"/>
    <col min="204" max="204" width="7.88671875" style="57" customWidth="1"/>
    <col min="205" max="214" width="9" style="57"/>
    <col min="215" max="215" width="7.88671875" style="57" customWidth="1"/>
    <col min="216" max="225" width="9" style="57"/>
    <col min="226" max="226" width="7.33203125" style="57" customWidth="1"/>
    <col min="227" max="236" width="9" style="57"/>
    <col min="237" max="237" width="7.6640625" style="57" customWidth="1"/>
    <col min="238" max="247" width="9" style="57"/>
    <col min="248" max="248" width="8" style="57" customWidth="1"/>
    <col min="249" max="258" width="9" style="57"/>
    <col min="259" max="259" width="8" style="57" customWidth="1"/>
    <col min="260" max="269" width="9" style="57"/>
    <col min="270" max="270" width="8" style="57" customWidth="1"/>
    <col min="271" max="280" width="9" style="57"/>
    <col min="281" max="281" width="8" style="57" customWidth="1"/>
    <col min="282" max="291" width="9" style="57"/>
    <col min="292" max="292" width="8.109375" style="57" customWidth="1"/>
    <col min="293" max="16384" width="9" style="57"/>
  </cols>
  <sheetData>
    <row r="1" spans="2:299" ht="24" customHeight="1" x14ac:dyDescent="0.2">
      <c r="B1" s="6" t="s">
        <v>119</v>
      </c>
      <c r="F1" s="441">
        <f>第１表!F2</f>
        <v>7</v>
      </c>
      <c r="G1" s="441"/>
      <c r="H1" s="15">
        <f>第１表!G2</f>
        <v>1</v>
      </c>
      <c r="I1" s="440">
        <f>H1</f>
        <v>1</v>
      </c>
      <c r="J1" s="440"/>
    </row>
    <row r="2" spans="2:299" ht="24" customHeight="1" thickBot="1" x14ac:dyDescent="0.25">
      <c r="B2" s="7" t="s">
        <v>147</v>
      </c>
    </row>
    <row r="3" spans="2:299" ht="21" customHeight="1" thickBot="1" x14ac:dyDescent="0.25">
      <c r="B3" s="427" t="s">
        <v>38</v>
      </c>
      <c r="C3" s="422" t="s">
        <v>96</v>
      </c>
      <c r="D3" s="422"/>
      <c r="E3" s="422"/>
      <c r="F3" s="422"/>
      <c r="G3" s="422"/>
      <c r="H3" s="422"/>
      <c r="I3" s="422"/>
      <c r="J3" s="422"/>
      <c r="K3" s="422"/>
      <c r="L3" s="422"/>
      <c r="M3" s="422"/>
      <c r="N3" s="422"/>
      <c r="O3" s="422"/>
      <c r="P3" s="422"/>
      <c r="Q3" s="422"/>
      <c r="R3" s="422"/>
      <c r="S3" s="422"/>
      <c r="T3" s="422"/>
      <c r="U3" s="422"/>
      <c r="V3" s="422"/>
      <c r="W3" s="422"/>
      <c r="X3" s="422"/>
      <c r="Y3" s="422"/>
      <c r="Z3" s="422"/>
      <c r="AA3" s="422"/>
      <c r="AB3" s="422"/>
      <c r="AC3" s="422"/>
      <c r="AD3" s="422"/>
      <c r="AE3" s="422"/>
      <c r="AF3" s="422"/>
      <c r="AG3" s="422"/>
      <c r="AH3" s="422"/>
      <c r="AI3" s="422"/>
      <c r="AJ3" s="422"/>
      <c r="AK3" s="422"/>
      <c r="AL3" s="422"/>
      <c r="AM3" s="422"/>
      <c r="AN3" s="422"/>
      <c r="AO3" s="422"/>
      <c r="AP3" s="422"/>
      <c r="AQ3" s="422"/>
      <c r="AR3" s="422"/>
      <c r="AS3" s="422"/>
      <c r="AT3" s="422"/>
      <c r="AU3" s="422"/>
      <c r="AV3" s="422"/>
      <c r="AW3" s="422"/>
      <c r="AX3" s="422"/>
      <c r="AY3" s="422"/>
      <c r="AZ3" s="422"/>
      <c r="BA3" s="422"/>
      <c r="BB3" s="422"/>
      <c r="BC3" s="422"/>
      <c r="BD3" s="422"/>
      <c r="BE3" s="422"/>
      <c r="BF3" s="422"/>
      <c r="BG3" s="422"/>
      <c r="BH3" s="422"/>
      <c r="BI3" s="422"/>
      <c r="BJ3" s="422"/>
      <c r="BK3" s="422"/>
      <c r="BL3" s="422"/>
      <c r="BM3" s="422"/>
      <c r="BN3" s="422"/>
      <c r="BO3" s="422"/>
      <c r="BP3" s="422"/>
      <c r="BQ3" s="422"/>
      <c r="BR3" s="422"/>
      <c r="BS3" s="422"/>
      <c r="BT3" s="422"/>
      <c r="BU3" s="422"/>
      <c r="BV3" s="422"/>
      <c r="BW3" s="422"/>
      <c r="BX3" s="422"/>
      <c r="BY3" s="422"/>
      <c r="BZ3" s="422"/>
      <c r="CA3" s="422"/>
      <c r="CB3" s="422"/>
      <c r="CC3" s="422"/>
      <c r="CD3" s="422"/>
      <c r="CE3" s="422"/>
      <c r="CF3" s="422"/>
      <c r="CG3" s="422"/>
      <c r="CH3" s="422"/>
      <c r="CI3" s="422"/>
      <c r="CJ3" s="422"/>
      <c r="CK3" s="422"/>
      <c r="CL3" s="422"/>
      <c r="CM3" s="422"/>
      <c r="CN3" s="422"/>
      <c r="CO3" s="422"/>
      <c r="CP3" s="422"/>
      <c r="CQ3" s="422"/>
      <c r="CR3" s="422"/>
      <c r="CS3" s="422"/>
      <c r="CT3" s="422"/>
      <c r="CU3" s="422"/>
      <c r="CV3" s="422"/>
      <c r="CW3" s="423"/>
      <c r="CX3" s="422" t="s">
        <v>102</v>
      </c>
      <c r="CY3" s="422"/>
      <c r="CZ3" s="422"/>
      <c r="DA3" s="422"/>
      <c r="DB3" s="422"/>
      <c r="DC3" s="422"/>
      <c r="DD3" s="422"/>
      <c r="DE3" s="422"/>
      <c r="DF3" s="422"/>
      <c r="DG3" s="422"/>
      <c r="DH3" s="422"/>
      <c r="DI3" s="422"/>
      <c r="DJ3" s="422"/>
      <c r="DK3" s="422"/>
      <c r="DL3" s="422"/>
      <c r="DM3" s="422"/>
      <c r="DN3" s="422"/>
      <c r="DO3" s="422"/>
      <c r="DP3" s="422"/>
      <c r="DQ3" s="422"/>
      <c r="DR3" s="422"/>
      <c r="DS3" s="422"/>
      <c r="DT3" s="422"/>
      <c r="DU3" s="422"/>
      <c r="DV3" s="422"/>
      <c r="DW3" s="422"/>
      <c r="DX3" s="422"/>
      <c r="DY3" s="422"/>
      <c r="DZ3" s="422"/>
      <c r="EA3" s="422"/>
      <c r="EB3" s="422"/>
      <c r="EC3" s="422"/>
      <c r="ED3" s="422"/>
      <c r="EE3" s="422"/>
      <c r="EF3" s="422"/>
      <c r="EG3" s="422"/>
      <c r="EH3" s="422"/>
      <c r="EI3" s="422"/>
      <c r="EJ3" s="422"/>
      <c r="EK3" s="422"/>
      <c r="EL3" s="422"/>
      <c r="EM3" s="422"/>
      <c r="EN3" s="422"/>
      <c r="EO3" s="422"/>
      <c r="EP3" s="422"/>
      <c r="EQ3" s="422"/>
      <c r="ER3" s="422"/>
      <c r="ES3" s="422"/>
      <c r="ET3" s="422"/>
      <c r="EU3" s="422"/>
      <c r="EV3" s="422"/>
      <c r="EW3" s="422"/>
      <c r="EX3" s="422"/>
      <c r="EY3" s="422"/>
      <c r="EZ3" s="422"/>
      <c r="FA3" s="422"/>
      <c r="FB3" s="422"/>
      <c r="FC3" s="422"/>
      <c r="FD3" s="422"/>
      <c r="FE3" s="422"/>
      <c r="FF3" s="422"/>
      <c r="FG3" s="422"/>
      <c r="FH3" s="422"/>
      <c r="FI3" s="422"/>
      <c r="FJ3" s="422"/>
      <c r="FK3" s="422"/>
      <c r="FL3" s="422"/>
      <c r="FM3" s="422"/>
      <c r="FN3" s="422"/>
      <c r="FO3" s="422"/>
      <c r="FP3" s="422"/>
      <c r="FQ3" s="422"/>
      <c r="FR3" s="422"/>
      <c r="FS3" s="422"/>
      <c r="FT3" s="422"/>
      <c r="FU3" s="422"/>
      <c r="FV3" s="422"/>
      <c r="FW3" s="422"/>
      <c r="FX3" s="422"/>
      <c r="FY3" s="422"/>
      <c r="FZ3" s="422"/>
      <c r="GA3" s="422"/>
      <c r="GB3" s="422"/>
      <c r="GC3" s="422"/>
      <c r="GD3" s="422"/>
      <c r="GE3" s="422"/>
      <c r="GF3" s="422"/>
      <c r="GG3" s="422"/>
      <c r="GH3" s="422"/>
      <c r="GI3" s="422"/>
      <c r="GJ3" s="422"/>
      <c r="GK3" s="422"/>
      <c r="GL3" s="422"/>
      <c r="GM3" s="422"/>
      <c r="GN3" s="422"/>
      <c r="GO3" s="422"/>
      <c r="GP3" s="422"/>
      <c r="GQ3" s="422"/>
      <c r="GR3" s="423"/>
      <c r="GS3" s="422" t="s">
        <v>103</v>
      </c>
      <c r="GT3" s="422"/>
      <c r="GU3" s="422"/>
      <c r="GV3" s="422"/>
      <c r="GW3" s="422"/>
      <c r="GX3" s="422"/>
      <c r="GY3" s="422"/>
      <c r="GZ3" s="422"/>
      <c r="HA3" s="422"/>
      <c r="HB3" s="422"/>
      <c r="HC3" s="422"/>
      <c r="HD3" s="422"/>
      <c r="HE3" s="422"/>
      <c r="HF3" s="422"/>
      <c r="HG3" s="422"/>
      <c r="HH3" s="422"/>
      <c r="HI3" s="422"/>
      <c r="HJ3" s="422"/>
      <c r="HK3" s="422"/>
      <c r="HL3" s="422"/>
      <c r="HM3" s="422"/>
      <c r="HN3" s="422"/>
      <c r="HO3" s="422"/>
      <c r="HP3" s="422"/>
      <c r="HQ3" s="422"/>
      <c r="HR3" s="422"/>
      <c r="HS3" s="422"/>
      <c r="HT3" s="422"/>
      <c r="HU3" s="422"/>
      <c r="HV3" s="422"/>
      <c r="HW3" s="422"/>
      <c r="HX3" s="422"/>
      <c r="HY3" s="422"/>
      <c r="HZ3" s="422"/>
      <c r="IA3" s="422"/>
      <c r="IB3" s="422"/>
      <c r="IC3" s="422"/>
      <c r="ID3" s="422"/>
      <c r="IE3" s="422"/>
      <c r="IF3" s="422"/>
      <c r="IG3" s="422"/>
      <c r="IH3" s="422"/>
      <c r="II3" s="422"/>
      <c r="IJ3" s="422"/>
      <c r="IK3" s="422"/>
      <c r="IL3" s="422"/>
      <c r="IM3" s="422"/>
      <c r="IN3" s="422"/>
      <c r="IO3" s="422"/>
      <c r="IP3" s="422"/>
      <c r="IQ3" s="422"/>
      <c r="IR3" s="422"/>
      <c r="IS3" s="422"/>
      <c r="IT3" s="422"/>
      <c r="IU3" s="422"/>
      <c r="IV3" s="422"/>
      <c r="IW3" s="422"/>
      <c r="IX3" s="422"/>
      <c r="IY3" s="422"/>
      <c r="IZ3" s="422"/>
      <c r="JA3" s="422"/>
      <c r="JB3" s="422"/>
      <c r="JC3" s="422"/>
      <c r="JD3" s="422"/>
      <c r="JE3" s="422"/>
      <c r="JF3" s="422"/>
      <c r="JG3" s="422"/>
      <c r="JH3" s="422"/>
      <c r="JI3" s="422"/>
      <c r="JJ3" s="422"/>
      <c r="JK3" s="422"/>
      <c r="JL3" s="422"/>
      <c r="JM3" s="422"/>
      <c r="JN3" s="422"/>
      <c r="JO3" s="422"/>
      <c r="JP3" s="422"/>
      <c r="JQ3" s="422"/>
      <c r="JR3" s="422"/>
      <c r="JS3" s="422"/>
      <c r="JT3" s="422"/>
      <c r="JU3" s="422"/>
      <c r="JV3" s="422"/>
      <c r="JW3" s="422"/>
      <c r="JX3" s="422"/>
      <c r="JY3" s="422"/>
      <c r="JZ3" s="422"/>
      <c r="KA3" s="422"/>
      <c r="KB3" s="422"/>
      <c r="KC3" s="422"/>
      <c r="KD3" s="422"/>
      <c r="KE3" s="422"/>
      <c r="KF3" s="422"/>
      <c r="KG3" s="422"/>
      <c r="KH3" s="422"/>
      <c r="KI3" s="422"/>
      <c r="KJ3" s="422"/>
      <c r="KK3" s="422"/>
      <c r="KL3" s="422"/>
      <c r="KM3" s="423"/>
    </row>
    <row r="4" spans="2:299" ht="21" customHeight="1" thickBot="1" x14ac:dyDescent="0.25">
      <c r="B4" s="439"/>
      <c r="C4" s="424" t="s">
        <v>39</v>
      </c>
      <c r="D4" s="425"/>
      <c r="E4" s="425"/>
      <c r="F4" s="425"/>
      <c r="G4" s="425"/>
      <c r="H4" s="425"/>
      <c r="I4" s="425"/>
      <c r="J4" s="425"/>
      <c r="K4" s="425"/>
      <c r="L4" s="425"/>
      <c r="M4" s="425"/>
      <c r="N4" s="425"/>
      <c r="O4" s="425"/>
      <c r="P4" s="425"/>
      <c r="Q4" s="425"/>
      <c r="R4" s="425"/>
      <c r="S4" s="425"/>
      <c r="T4" s="425"/>
      <c r="U4" s="425"/>
      <c r="V4" s="425"/>
      <c r="W4" s="425"/>
      <c r="X4" s="425"/>
      <c r="Y4" s="425"/>
      <c r="Z4" s="425"/>
      <c r="AA4" s="425"/>
      <c r="AB4" s="425"/>
      <c r="AC4" s="425"/>
      <c r="AD4" s="425"/>
      <c r="AE4" s="425"/>
      <c r="AF4" s="425"/>
      <c r="AG4" s="425"/>
      <c r="AH4" s="425"/>
      <c r="AI4" s="425"/>
      <c r="AJ4" s="425"/>
      <c r="AK4" s="425"/>
      <c r="AL4" s="425"/>
      <c r="AM4" s="425"/>
      <c r="AN4" s="425"/>
      <c r="AO4" s="425"/>
      <c r="AP4" s="425"/>
      <c r="AQ4" s="425"/>
      <c r="AR4" s="425"/>
      <c r="AS4" s="425"/>
      <c r="AT4" s="425"/>
      <c r="AU4" s="425"/>
      <c r="AV4" s="425"/>
      <c r="AW4" s="425"/>
      <c r="AX4" s="425"/>
      <c r="AY4" s="425"/>
      <c r="AZ4" s="425"/>
      <c r="BA4" s="425"/>
      <c r="BB4" s="425"/>
      <c r="BC4" s="425"/>
      <c r="BD4" s="425"/>
      <c r="BE4" s="425"/>
      <c r="BF4" s="425"/>
      <c r="BG4" s="425"/>
      <c r="BH4" s="425"/>
      <c r="BI4" s="425"/>
      <c r="BJ4" s="425"/>
      <c r="BK4" s="425"/>
      <c r="BL4" s="425"/>
      <c r="BM4" s="425"/>
      <c r="BN4" s="425"/>
      <c r="BO4" s="425"/>
      <c r="BP4" s="425"/>
      <c r="BQ4" s="425"/>
      <c r="BR4" s="425"/>
      <c r="BS4" s="425"/>
      <c r="BT4" s="425"/>
      <c r="BU4" s="425"/>
      <c r="BV4" s="425"/>
      <c r="BW4" s="425"/>
      <c r="BX4" s="425"/>
      <c r="BY4" s="425"/>
      <c r="BZ4" s="425"/>
      <c r="CA4" s="426"/>
      <c r="CB4" s="427" t="s">
        <v>40</v>
      </c>
      <c r="CC4" s="428"/>
      <c r="CD4" s="428"/>
      <c r="CE4" s="428"/>
      <c r="CF4" s="428"/>
      <c r="CG4" s="428"/>
      <c r="CH4" s="428"/>
      <c r="CI4" s="428"/>
      <c r="CJ4" s="428"/>
      <c r="CK4" s="428"/>
      <c r="CL4" s="429"/>
      <c r="CM4" s="427" t="s">
        <v>41</v>
      </c>
      <c r="CN4" s="428"/>
      <c r="CO4" s="428"/>
      <c r="CP4" s="428"/>
      <c r="CQ4" s="428"/>
      <c r="CR4" s="428"/>
      <c r="CS4" s="428"/>
      <c r="CT4" s="428"/>
      <c r="CU4" s="428"/>
      <c r="CV4" s="428"/>
      <c r="CW4" s="429"/>
      <c r="CX4" s="424" t="s">
        <v>39</v>
      </c>
      <c r="CY4" s="425"/>
      <c r="CZ4" s="425"/>
      <c r="DA4" s="425"/>
      <c r="DB4" s="425"/>
      <c r="DC4" s="425"/>
      <c r="DD4" s="425"/>
      <c r="DE4" s="425"/>
      <c r="DF4" s="425"/>
      <c r="DG4" s="425"/>
      <c r="DH4" s="425"/>
      <c r="DI4" s="425"/>
      <c r="DJ4" s="425"/>
      <c r="DK4" s="425"/>
      <c r="DL4" s="425"/>
      <c r="DM4" s="425"/>
      <c r="DN4" s="425"/>
      <c r="DO4" s="425"/>
      <c r="DP4" s="425"/>
      <c r="DQ4" s="425"/>
      <c r="DR4" s="425"/>
      <c r="DS4" s="425"/>
      <c r="DT4" s="425"/>
      <c r="DU4" s="425"/>
      <c r="DV4" s="425"/>
      <c r="DW4" s="425"/>
      <c r="DX4" s="425"/>
      <c r="DY4" s="425"/>
      <c r="DZ4" s="425"/>
      <c r="EA4" s="425"/>
      <c r="EB4" s="425"/>
      <c r="EC4" s="425"/>
      <c r="ED4" s="425"/>
      <c r="EE4" s="425"/>
      <c r="EF4" s="425"/>
      <c r="EG4" s="425"/>
      <c r="EH4" s="425"/>
      <c r="EI4" s="425"/>
      <c r="EJ4" s="425"/>
      <c r="EK4" s="425"/>
      <c r="EL4" s="425"/>
      <c r="EM4" s="425"/>
      <c r="EN4" s="425"/>
      <c r="EO4" s="425"/>
      <c r="EP4" s="425"/>
      <c r="EQ4" s="425"/>
      <c r="ER4" s="425"/>
      <c r="ES4" s="425"/>
      <c r="ET4" s="425"/>
      <c r="EU4" s="425"/>
      <c r="EV4" s="425"/>
      <c r="EW4" s="425"/>
      <c r="EX4" s="425"/>
      <c r="EY4" s="425"/>
      <c r="EZ4" s="425"/>
      <c r="FA4" s="425"/>
      <c r="FB4" s="425"/>
      <c r="FC4" s="425"/>
      <c r="FD4" s="425"/>
      <c r="FE4" s="425"/>
      <c r="FF4" s="425"/>
      <c r="FG4" s="425"/>
      <c r="FH4" s="425"/>
      <c r="FI4" s="425"/>
      <c r="FJ4" s="425"/>
      <c r="FK4" s="425"/>
      <c r="FL4" s="425"/>
      <c r="FM4" s="425"/>
      <c r="FN4" s="425"/>
      <c r="FO4" s="425"/>
      <c r="FP4" s="425"/>
      <c r="FQ4" s="425"/>
      <c r="FR4" s="425"/>
      <c r="FS4" s="425"/>
      <c r="FT4" s="425"/>
      <c r="FU4" s="425"/>
      <c r="FV4" s="426"/>
      <c r="FW4" s="427" t="s">
        <v>40</v>
      </c>
      <c r="FX4" s="428"/>
      <c r="FY4" s="428"/>
      <c r="FZ4" s="428"/>
      <c r="GA4" s="428"/>
      <c r="GB4" s="428"/>
      <c r="GC4" s="428"/>
      <c r="GD4" s="428"/>
      <c r="GE4" s="428"/>
      <c r="GF4" s="428"/>
      <c r="GG4" s="429"/>
      <c r="GH4" s="427" t="s">
        <v>41</v>
      </c>
      <c r="GI4" s="428"/>
      <c r="GJ4" s="428"/>
      <c r="GK4" s="428"/>
      <c r="GL4" s="428"/>
      <c r="GM4" s="428"/>
      <c r="GN4" s="428"/>
      <c r="GO4" s="428"/>
      <c r="GP4" s="428"/>
      <c r="GQ4" s="428"/>
      <c r="GR4" s="429"/>
      <c r="GS4" s="424" t="s">
        <v>39</v>
      </c>
      <c r="GT4" s="425"/>
      <c r="GU4" s="425"/>
      <c r="GV4" s="425"/>
      <c r="GW4" s="425"/>
      <c r="GX4" s="425"/>
      <c r="GY4" s="425"/>
      <c r="GZ4" s="425"/>
      <c r="HA4" s="425"/>
      <c r="HB4" s="425"/>
      <c r="HC4" s="425"/>
      <c r="HD4" s="425"/>
      <c r="HE4" s="425"/>
      <c r="HF4" s="425"/>
      <c r="HG4" s="425"/>
      <c r="HH4" s="425"/>
      <c r="HI4" s="425"/>
      <c r="HJ4" s="425"/>
      <c r="HK4" s="425"/>
      <c r="HL4" s="425"/>
      <c r="HM4" s="425"/>
      <c r="HN4" s="425"/>
      <c r="HO4" s="425"/>
      <c r="HP4" s="425"/>
      <c r="HQ4" s="425"/>
      <c r="HR4" s="425"/>
      <c r="HS4" s="425"/>
      <c r="HT4" s="425"/>
      <c r="HU4" s="425"/>
      <c r="HV4" s="425"/>
      <c r="HW4" s="425"/>
      <c r="HX4" s="425"/>
      <c r="HY4" s="425"/>
      <c r="HZ4" s="425"/>
      <c r="IA4" s="425"/>
      <c r="IB4" s="425"/>
      <c r="IC4" s="425"/>
      <c r="ID4" s="425"/>
      <c r="IE4" s="425"/>
      <c r="IF4" s="425"/>
      <c r="IG4" s="425"/>
      <c r="IH4" s="425"/>
      <c r="II4" s="425"/>
      <c r="IJ4" s="425"/>
      <c r="IK4" s="425"/>
      <c r="IL4" s="425"/>
      <c r="IM4" s="425"/>
      <c r="IN4" s="425"/>
      <c r="IO4" s="425"/>
      <c r="IP4" s="425"/>
      <c r="IQ4" s="425"/>
      <c r="IR4" s="425"/>
      <c r="IS4" s="425"/>
      <c r="IT4" s="425"/>
      <c r="IU4" s="425"/>
      <c r="IV4" s="425"/>
      <c r="IW4" s="425"/>
      <c r="IX4" s="425"/>
      <c r="IY4" s="425"/>
      <c r="IZ4" s="425"/>
      <c r="JA4" s="425"/>
      <c r="JB4" s="425"/>
      <c r="JC4" s="425"/>
      <c r="JD4" s="425"/>
      <c r="JE4" s="425"/>
      <c r="JF4" s="425"/>
      <c r="JG4" s="425"/>
      <c r="JH4" s="425"/>
      <c r="JI4" s="425"/>
      <c r="JJ4" s="425"/>
      <c r="JK4" s="425"/>
      <c r="JL4" s="425"/>
      <c r="JM4" s="425"/>
      <c r="JN4" s="425"/>
      <c r="JO4" s="425"/>
      <c r="JP4" s="425"/>
      <c r="JQ4" s="426"/>
      <c r="JR4" s="427" t="s">
        <v>40</v>
      </c>
      <c r="JS4" s="428"/>
      <c r="JT4" s="428"/>
      <c r="JU4" s="428"/>
      <c r="JV4" s="428"/>
      <c r="JW4" s="428"/>
      <c r="JX4" s="428"/>
      <c r="JY4" s="428"/>
      <c r="JZ4" s="428"/>
      <c r="KA4" s="428"/>
      <c r="KB4" s="429"/>
      <c r="KC4" s="427" t="s">
        <v>41</v>
      </c>
      <c r="KD4" s="428"/>
      <c r="KE4" s="428"/>
      <c r="KF4" s="428"/>
      <c r="KG4" s="428"/>
      <c r="KH4" s="428"/>
      <c r="KI4" s="428"/>
      <c r="KJ4" s="428"/>
      <c r="KK4" s="428"/>
      <c r="KL4" s="428"/>
      <c r="KM4" s="429"/>
    </row>
    <row r="5" spans="2:299" ht="21" customHeight="1" thickBot="1" x14ac:dyDescent="0.25">
      <c r="B5" s="433"/>
      <c r="C5" s="433"/>
      <c r="D5" s="434"/>
      <c r="E5" s="434"/>
      <c r="F5" s="434"/>
      <c r="G5" s="434"/>
      <c r="H5" s="434"/>
      <c r="I5" s="434"/>
      <c r="J5" s="434"/>
      <c r="K5" s="434"/>
      <c r="L5" s="434"/>
      <c r="M5" s="435"/>
      <c r="N5" s="436" t="s">
        <v>97</v>
      </c>
      <c r="O5" s="437"/>
      <c r="P5" s="437"/>
      <c r="Q5" s="437"/>
      <c r="R5" s="437"/>
      <c r="S5" s="437"/>
      <c r="T5" s="437"/>
      <c r="U5" s="437"/>
      <c r="V5" s="437"/>
      <c r="W5" s="437"/>
      <c r="X5" s="438"/>
      <c r="Y5" s="436" t="s">
        <v>98</v>
      </c>
      <c r="Z5" s="437"/>
      <c r="AA5" s="437"/>
      <c r="AB5" s="437"/>
      <c r="AC5" s="437"/>
      <c r="AD5" s="437"/>
      <c r="AE5" s="437"/>
      <c r="AF5" s="437"/>
      <c r="AG5" s="437"/>
      <c r="AH5" s="437"/>
      <c r="AI5" s="438"/>
      <c r="AJ5" s="436" t="s">
        <v>99</v>
      </c>
      <c r="AK5" s="437"/>
      <c r="AL5" s="437"/>
      <c r="AM5" s="437"/>
      <c r="AN5" s="437"/>
      <c r="AO5" s="437"/>
      <c r="AP5" s="437"/>
      <c r="AQ5" s="437"/>
      <c r="AR5" s="437"/>
      <c r="AS5" s="437"/>
      <c r="AT5" s="438"/>
      <c r="AU5" s="436" t="s">
        <v>100</v>
      </c>
      <c r="AV5" s="437"/>
      <c r="AW5" s="437"/>
      <c r="AX5" s="437"/>
      <c r="AY5" s="437"/>
      <c r="AZ5" s="437"/>
      <c r="BA5" s="437"/>
      <c r="BB5" s="437"/>
      <c r="BC5" s="437"/>
      <c r="BD5" s="437"/>
      <c r="BE5" s="438"/>
      <c r="BF5" s="436" t="s">
        <v>159</v>
      </c>
      <c r="BG5" s="437"/>
      <c r="BH5" s="437"/>
      <c r="BI5" s="437"/>
      <c r="BJ5" s="437"/>
      <c r="BK5" s="437"/>
      <c r="BL5" s="437"/>
      <c r="BM5" s="437"/>
      <c r="BN5" s="437"/>
      <c r="BO5" s="437"/>
      <c r="BP5" s="438"/>
      <c r="BQ5" s="436" t="s">
        <v>101</v>
      </c>
      <c r="BR5" s="437"/>
      <c r="BS5" s="437"/>
      <c r="BT5" s="437"/>
      <c r="BU5" s="437"/>
      <c r="BV5" s="437"/>
      <c r="BW5" s="437"/>
      <c r="BX5" s="437"/>
      <c r="BY5" s="437"/>
      <c r="BZ5" s="437"/>
      <c r="CA5" s="438"/>
      <c r="CB5" s="430"/>
      <c r="CC5" s="431"/>
      <c r="CD5" s="431"/>
      <c r="CE5" s="431"/>
      <c r="CF5" s="431"/>
      <c r="CG5" s="431"/>
      <c r="CH5" s="431"/>
      <c r="CI5" s="431"/>
      <c r="CJ5" s="431"/>
      <c r="CK5" s="431"/>
      <c r="CL5" s="432"/>
      <c r="CM5" s="430"/>
      <c r="CN5" s="431"/>
      <c r="CO5" s="431"/>
      <c r="CP5" s="431"/>
      <c r="CQ5" s="431"/>
      <c r="CR5" s="431"/>
      <c r="CS5" s="431"/>
      <c r="CT5" s="431"/>
      <c r="CU5" s="431"/>
      <c r="CV5" s="431"/>
      <c r="CW5" s="432"/>
      <c r="CX5" s="433"/>
      <c r="CY5" s="434"/>
      <c r="CZ5" s="434"/>
      <c r="DA5" s="434"/>
      <c r="DB5" s="434"/>
      <c r="DC5" s="434"/>
      <c r="DD5" s="434"/>
      <c r="DE5" s="434"/>
      <c r="DF5" s="434"/>
      <c r="DG5" s="434"/>
      <c r="DH5" s="435"/>
      <c r="DI5" s="436" t="s">
        <v>97</v>
      </c>
      <c r="DJ5" s="437"/>
      <c r="DK5" s="437"/>
      <c r="DL5" s="437"/>
      <c r="DM5" s="437"/>
      <c r="DN5" s="437"/>
      <c r="DO5" s="437"/>
      <c r="DP5" s="437"/>
      <c r="DQ5" s="437"/>
      <c r="DR5" s="437"/>
      <c r="DS5" s="438"/>
      <c r="DT5" s="436" t="s">
        <v>98</v>
      </c>
      <c r="DU5" s="437"/>
      <c r="DV5" s="437"/>
      <c r="DW5" s="437"/>
      <c r="DX5" s="437"/>
      <c r="DY5" s="437"/>
      <c r="DZ5" s="437"/>
      <c r="EA5" s="437"/>
      <c r="EB5" s="437"/>
      <c r="EC5" s="437"/>
      <c r="ED5" s="438"/>
      <c r="EE5" s="436" t="s">
        <v>99</v>
      </c>
      <c r="EF5" s="437"/>
      <c r="EG5" s="437"/>
      <c r="EH5" s="437"/>
      <c r="EI5" s="437"/>
      <c r="EJ5" s="437"/>
      <c r="EK5" s="437"/>
      <c r="EL5" s="437"/>
      <c r="EM5" s="437"/>
      <c r="EN5" s="437"/>
      <c r="EO5" s="438"/>
      <c r="EP5" s="436" t="s">
        <v>100</v>
      </c>
      <c r="EQ5" s="437"/>
      <c r="ER5" s="437"/>
      <c r="ES5" s="437"/>
      <c r="ET5" s="437"/>
      <c r="EU5" s="437"/>
      <c r="EV5" s="437"/>
      <c r="EW5" s="437"/>
      <c r="EX5" s="437"/>
      <c r="EY5" s="437"/>
      <c r="EZ5" s="438"/>
      <c r="FA5" s="436" t="s">
        <v>159</v>
      </c>
      <c r="FB5" s="437"/>
      <c r="FC5" s="437"/>
      <c r="FD5" s="437"/>
      <c r="FE5" s="437"/>
      <c r="FF5" s="437"/>
      <c r="FG5" s="437"/>
      <c r="FH5" s="437"/>
      <c r="FI5" s="437"/>
      <c r="FJ5" s="437"/>
      <c r="FK5" s="438"/>
      <c r="FL5" s="436" t="s">
        <v>101</v>
      </c>
      <c r="FM5" s="437"/>
      <c r="FN5" s="437"/>
      <c r="FO5" s="437"/>
      <c r="FP5" s="437"/>
      <c r="FQ5" s="437"/>
      <c r="FR5" s="437"/>
      <c r="FS5" s="437"/>
      <c r="FT5" s="437"/>
      <c r="FU5" s="437"/>
      <c r="FV5" s="438"/>
      <c r="FW5" s="430"/>
      <c r="FX5" s="431"/>
      <c r="FY5" s="431"/>
      <c r="FZ5" s="431"/>
      <c r="GA5" s="431"/>
      <c r="GB5" s="431"/>
      <c r="GC5" s="431"/>
      <c r="GD5" s="431"/>
      <c r="GE5" s="431"/>
      <c r="GF5" s="431"/>
      <c r="GG5" s="432"/>
      <c r="GH5" s="430"/>
      <c r="GI5" s="431"/>
      <c r="GJ5" s="431"/>
      <c r="GK5" s="431"/>
      <c r="GL5" s="431"/>
      <c r="GM5" s="431"/>
      <c r="GN5" s="431"/>
      <c r="GO5" s="431"/>
      <c r="GP5" s="431"/>
      <c r="GQ5" s="431"/>
      <c r="GR5" s="432"/>
      <c r="GS5" s="433"/>
      <c r="GT5" s="434"/>
      <c r="GU5" s="434"/>
      <c r="GV5" s="434"/>
      <c r="GW5" s="434"/>
      <c r="GX5" s="434"/>
      <c r="GY5" s="434"/>
      <c r="GZ5" s="434"/>
      <c r="HA5" s="434"/>
      <c r="HB5" s="434"/>
      <c r="HC5" s="435"/>
      <c r="HD5" s="436" t="s">
        <v>97</v>
      </c>
      <c r="HE5" s="437"/>
      <c r="HF5" s="437"/>
      <c r="HG5" s="437"/>
      <c r="HH5" s="437"/>
      <c r="HI5" s="437"/>
      <c r="HJ5" s="437"/>
      <c r="HK5" s="437"/>
      <c r="HL5" s="437"/>
      <c r="HM5" s="437"/>
      <c r="HN5" s="438"/>
      <c r="HO5" s="436" t="s">
        <v>98</v>
      </c>
      <c r="HP5" s="437"/>
      <c r="HQ5" s="437"/>
      <c r="HR5" s="437"/>
      <c r="HS5" s="437"/>
      <c r="HT5" s="437"/>
      <c r="HU5" s="437"/>
      <c r="HV5" s="437"/>
      <c r="HW5" s="437"/>
      <c r="HX5" s="437"/>
      <c r="HY5" s="438"/>
      <c r="HZ5" s="436" t="s">
        <v>99</v>
      </c>
      <c r="IA5" s="437"/>
      <c r="IB5" s="437"/>
      <c r="IC5" s="437"/>
      <c r="ID5" s="437"/>
      <c r="IE5" s="437"/>
      <c r="IF5" s="437"/>
      <c r="IG5" s="437"/>
      <c r="IH5" s="437"/>
      <c r="II5" s="437"/>
      <c r="IJ5" s="438"/>
      <c r="IK5" s="436" t="s">
        <v>100</v>
      </c>
      <c r="IL5" s="437"/>
      <c r="IM5" s="437"/>
      <c r="IN5" s="437"/>
      <c r="IO5" s="437"/>
      <c r="IP5" s="437"/>
      <c r="IQ5" s="437"/>
      <c r="IR5" s="437"/>
      <c r="IS5" s="437"/>
      <c r="IT5" s="437"/>
      <c r="IU5" s="438"/>
      <c r="IV5" s="436" t="s">
        <v>159</v>
      </c>
      <c r="IW5" s="437"/>
      <c r="IX5" s="437"/>
      <c r="IY5" s="437"/>
      <c r="IZ5" s="437"/>
      <c r="JA5" s="437"/>
      <c r="JB5" s="437"/>
      <c r="JC5" s="437"/>
      <c r="JD5" s="437"/>
      <c r="JE5" s="437"/>
      <c r="JF5" s="438"/>
      <c r="JG5" s="436" t="s">
        <v>101</v>
      </c>
      <c r="JH5" s="437"/>
      <c r="JI5" s="437"/>
      <c r="JJ5" s="437"/>
      <c r="JK5" s="437"/>
      <c r="JL5" s="437"/>
      <c r="JM5" s="437"/>
      <c r="JN5" s="437"/>
      <c r="JO5" s="437"/>
      <c r="JP5" s="437"/>
      <c r="JQ5" s="438"/>
      <c r="JR5" s="430"/>
      <c r="JS5" s="431"/>
      <c r="JT5" s="431"/>
      <c r="JU5" s="431"/>
      <c r="JV5" s="431"/>
      <c r="JW5" s="431"/>
      <c r="JX5" s="431"/>
      <c r="JY5" s="431"/>
      <c r="JZ5" s="431"/>
      <c r="KA5" s="431"/>
      <c r="KB5" s="432"/>
      <c r="KC5" s="430"/>
      <c r="KD5" s="431"/>
      <c r="KE5" s="431"/>
      <c r="KF5" s="431"/>
      <c r="KG5" s="431"/>
      <c r="KH5" s="431"/>
      <c r="KI5" s="431"/>
      <c r="KJ5" s="431"/>
      <c r="KK5" s="431"/>
      <c r="KL5" s="431"/>
      <c r="KM5" s="432"/>
    </row>
    <row r="6" spans="2:299" ht="30" customHeight="1" thickBot="1" x14ac:dyDescent="0.25">
      <c r="B6" s="58" t="s">
        <v>42</v>
      </c>
      <c r="C6" s="59" t="s">
        <v>43</v>
      </c>
      <c r="D6" s="60" t="s">
        <v>44</v>
      </c>
      <c r="E6" s="61" t="s">
        <v>45</v>
      </c>
      <c r="F6" s="62" t="s">
        <v>46</v>
      </c>
      <c r="G6" s="60" t="s">
        <v>47</v>
      </c>
      <c r="H6" s="60" t="s">
        <v>48</v>
      </c>
      <c r="I6" s="60" t="s">
        <v>49</v>
      </c>
      <c r="J6" s="60" t="s">
        <v>50</v>
      </c>
      <c r="K6" s="60" t="s">
        <v>51</v>
      </c>
      <c r="L6" s="61" t="s">
        <v>45</v>
      </c>
      <c r="M6" s="63" t="s">
        <v>52</v>
      </c>
      <c r="N6" s="64" t="s">
        <v>43</v>
      </c>
      <c r="O6" s="65" t="s">
        <v>44</v>
      </c>
      <c r="P6" s="66" t="s">
        <v>45</v>
      </c>
      <c r="Q6" s="67" t="s">
        <v>46</v>
      </c>
      <c r="R6" s="65" t="s">
        <v>47</v>
      </c>
      <c r="S6" s="65" t="s">
        <v>48</v>
      </c>
      <c r="T6" s="65" t="s">
        <v>49</v>
      </c>
      <c r="U6" s="65" t="s">
        <v>50</v>
      </c>
      <c r="V6" s="65" t="s">
        <v>51</v>
      </c>
      <c r="W6" s="66" t="s">
        <v>45</v>
      </c>
      <c r="X6" s="68" t="s">
        <v>52</v>
      </c>
      <c r="Y6" s="64" t="s">
        <v>43</v>
      </c>
      <c r="Z6" s="65" t="s">
        <v>44</v>
      </c>
      <c r="AA6" s="66" t="s">
        <v>45</v>
      </c>
      <c r="AB6" s="67" t="s">
        <v>46</v>
      </c>
      <c r="AC6" s="65" t="s">
        <v>47</v>
      </c>
      <c r="AD6" s="65" t="s">
        <v>48</v>
      </c>
      <c r="AE6" s="65" t="s">
        <v>49</v>
      </c>
      <c r="AF6" s="65" t="s">
        <v>50</v>
      </c>
      <c r="AG6" s="65" t="s">
        <v>51</v>
      </c>
      <c r="AH6" s="66" t="s">
        <v>45</v>
      </c>
      <c r="AI6" s="69" t="s">
        <v>52</v>
      </c>
      <c r="AJ6" s="64" t="s">
        <v>43</v>
      </c>
      <c r="AK6" s="65" t="s">
        <v>44</v>
      </c>
      <c r="AL6" s="66" t="s">
        <v>45</v>
      </c>
      <c r="AM6" s="67" t="s">
        <v>46</v>
      </c>
      <c r="AN6" s="65" t="s">
        <v>47</v>
      </c>
      <c r="AO6" s="65" t="s">
        <v>48</v>
      </c>
      <c r="AP6" s="65" t="s">
        <v>49</v>
      </c>
      <c r="AQ6" s="65" t="s">
        <v>50</v>
      </c>
      <c r="AR6" s="65" t="s">
        <v>51</v>
      </c>
      <c r="AS6" s="66" t="s">
        <v>45</v>
      </c>
      <c r="AT6" s="69" t="s">
        <v>52</v>
      </c>
      <c r="AU6" s="64" t="s">
        <v>43</v>
      </c>
      <c r="AV6" s="65" t="s">
        <v>44</v>
      </c>
      <c r="AW6" s="66" t="s">
        <v>45</v>
      </c>
      <c r="AX6" s="67" t="s">
        <v>46</v>
      </c>
      <c r="AY6" s="65" t="s">
        <v>47</v>
      </c>
      <c r="AZ6" s="65" t="s">
        <v>48</v>
      </c>
      <c r="BA6" s="65" t="s">
        <v>49</v>
      </c>
      <c r="BB6" s="65" t="s">
        <v>50</v>
      </c>
      <c r="BC6" s="65" t="s">
        <v>51</v>
      </c>
      <c r="BD6" s="66" t="s">
        <v>45</v>
      </c>
      <c r="BE6" s="69" t="s">
        <v>52</v>
      </c>
      <c r="BF6" s="64" t="s">
        <v>43</v>
      </c>
      <c r="BG6" s="65" t="s">
        <v>44</v>
      </c>
      <c r="BH6" s="66" t="s">
        <v>45</v>
      </c>
      <c r="BI6" s="67" t="s">
        <v>46</v>
      </c>
      <c r="BJ6" s="65" t="s">
        <v>47</v>
      </c>
      <c r="BK6" s="65" t="s">
        <v>48</v>
      </c>
      <c r="BL6" s="65" t="s">
        <v>49</v>
      </c>
      <c r="BM6" s="65" t="s">
        <v>50</v>
      </c>
      <c r="BN6" s="65" t="s">
        <v>51</v>
      </c>
      <c r="BO6" s="66" t="s">
        <v>45</v>
      </c>
      <c r="BP6" s="69" t="s">
        <v>52</v>
      </c>
      <c r="BQ6" s="64" t="s">
        <v>43</v>
      </c>
      <c r="BR6" s="65" t="s">
        <v>44</v>
      </c>
      <c r="BS6" s="66" t="s">
        <v>45</v>
      </c>
      <c r="BT6" s="67" t="s">
        <v>46</v>
      </c>
      <c r="BU6" s="65" t="s">
        <v>47</v>
      </c>
      <c r="BV6" s="65" t="s">
        <v>48</v>
      </c>
      <c r="BW6" s="65" t="s">
        <v>49</v>
      </c>
      <c r="BX6" s="65" t="s">
        <v>50</v>
      </c>
      <c r="BY6" s="65" t="s">
        <v>51</v>
      </c>
      <c r="BZ6" s="66" t="s">
        <v>45</v>
      </c>
      <c r="CA6" s="69" t="s">
        <v>52</v>
      </c>
      <c r="CB6" s="64" t="s">
        <v>43</v>
      </c>
      <c r="CC6" s="65" t="s">
        <v>44</v>
      </c>
      <c r="CD6" s="66" t="s">
        <v>45</v>
      </c>
      <c r="CE6" s="67" t="s">
        <v>46</v>
      </c>
      <c r="CF6" s="65" t="s">
        <v>47</v>
      </c>
      <c r="CG6" s="65" t="s">
        <v>48</v>
      </c>
      <c r="CH6" s="65" t="s">
        <v>49</v>
      </c>
      <c r="CI6" s="65" t="s">
        <v>50</v>
      </c>
      <c r="CJ6" s="65" t="s">
        <v>51</v>
      </c>
      <c r="CK6" s="66" t="s">
        <v>45</v>
      </c>
      <c r="CL6" s="69" t="s">
        <v>52</v>
      </c>
      <c r="CM6" s="64" t="s">
        <v>43</v>
      </c>
      <c r="CN6" s="65" t="s">
        <v>44</v>
      </c>
      <c r="CO6" s="66" t="s">
        <v>45</v>
      </c>
      <c r="CP6" s="67" t="s">
        <v>46</v>
      </c>
      <c r="CQ6" s="65" t="s">
        <v>47</v>
      </c>
      <c r="CR6" s="65" t="s">
        <v>48</v>
      </c>
      <c r="CS6" s="65" t="s">
        <v>49</v>
      </c>
      <c r="CT6" s="65" t="s">
        <v>50</v>
      </c>
      <c r="CU6" s="65" t="s">
        <v>51</v>
      </c>
      <c r="CV6" s="66" t="s">
        <v>45</v>
      </c>
      <c r="CW6" s="69" t="s">
        <v>52</v>
      </c>
      <c r="CX6" s="59" t="s">
        <v>43</v>
      </c>
      <c r="CY6" s="60" t="s">
        <v>44</v>
      </c>
      <c r="CZ6" s="61" t="s">
        <v>45</v>
      </c>
      <c r="DA6" s="62" t="s">
        <v>46</v>
      </c>
      <c r="DB6" s="60" t="s">
        <v>47</v>
      </c>
      <c r="DC6" s="60" t="s">
        <v>48</v>
      </c>
      <c r="DD6" s="60" t="s">
        <v>49</v>
      </c>
      <c r="DE6" s="60" t="s">
        <v>50</v>
      </c>
      <c r="DF6" s="60" t="s">
        <v>51</v>
      </c>
      <c r="DG6" s="61" t="s">
        <v>45</v>
      </c>
      <c r="DH6" s="63" t="s">
        <v>52</v>
      </c>
      <c r="DI6" s="64" t="s">
        <v>43</v>
      </c>
      <c r="DJ6" s="65" t="s">
        <v>44</v>
      </c>
      <c r="DK6" s="66" t="s">
        <v>45</v>
      </c>
      <c r="DL6" s="67" t="s">
        <v>46</v>
      </c>
      <c r="DM6" s="65" t="s">
        <v>47</v>
      </c>
      <c r="DN6" s="65" t="s">
        <v>48</v>
      </c>
      <c r="DO6" s="65" t="s">
        <v>49</v>
      </c>
      <c r="DP6" s="65" t="s">
        <v>50</v>
      </c>
      <c r="DQ6" s="65" t="s">
        <v>51</v>
      </c>
      <c r="DR6" s="66" t="s">
        <v>45</v>
      </c>
      <c r="DS6" s="69" t="s">
        <v>52</v>
      </c>
      <c r="DT6" s="64" t="s">
        <v>43</v>
      </c>
      <c r="DU6" s="65" t="s">
        <v>44</v>
      </c>
      <c r="DV6" s="66" t="s">
        <v>45</v>
      </c>
      <c r="DW6" s="67" t="s">
        <v>46</v>
      </c>
      <c r="DX6" s="65" t="s">
        <v>47</v>
      </c>
      <c r="DY6" s="65" t="s">
        <v>48</v>
      </c>
      <c r="DZ6" s="65" t="s">
        <v>49</v>
      </c>
      <c r="EA6" s="65" t="s">
        <v>50</v>
      </c>
      <c r="EB6" s="65" t="s">
        <v>51</v>
      </c>
      <c r="EC6" s="66" t="s">
        <v>45</v>
      </c>
      <c r="ED6" s="69" t="s">
        <v>52</v>
      </c>
      <c r="EE6" s="64" t="s">
        <v>43</v>
      </c>
      <c r="EF6" s="65" t="s">
        <v>44</v>
      </c>
      <c r="EG6" s="66" t="s">
        <v>45</v>
      </c>
      <c r="EH6" s="67" t="s">
        <v>46</v>
      </c>
      <c r="EI6" s="65" t="s">
        <v>47</v>
      </c>
      <c r="EJ6" s="65" t="s">
        <v>48</v>
      </c>
      <c r="EK6" s="65" t="s">
        <v>49</v>
      </c>
      <c r="EL6" s="65" t="s">
        <v>50</v>
      </c>
      <c r="EM6" s="65" t="s">
        <v>51</v>
      </c>
      <c r="EN6" s="66" t="s">
        <v>45</v>
      </c>
      <c r="EO6" s="69" t="s">
        <v>52</v>
      </c>
      <c r="EP6" s="64" t="s">
        <v>43</v>
      </c>
      <c r="EQ6" s="65" t="s">
        <v>44</v>
      </c>
      <c r="ER6" s="66" t="s">
        <v>45</v>
      </c>
      <c r="ES6" s="67" t="s">
        <v>46</v>
      </c>
      <c r="ET6" s="65" t="s">
        <v>47</v>
      </c>
      <c r="EU6" s="65" t="s">
        <v>48</v>
      </c>
      <c r="EV6" s="65" t="s">
        <v>49</v>
      </c>
      <c r="EW6" s="65" t="s">
        <v>50</v>
      </c>
      <c r="EX6" s="65" t="s">
        <v>51</v>
      </c>
      <c r="EY6" s="66" t="s">
        <v>45</v>
      </c>
      <c r="EZ6" s="69" t="s">
        <v>52</v>
      </c>
      <c r="FA6" s="64" t="s">
        <v>43</v>
      </c>
      <c r="FB6" s="65" t="s">
        <v>44</v>
      </c>
      <c r="FC6" s="66" t="s">
        <v>45</v>
      </c>
      <c r="FD6" s="67" t="s">
        <v>46</v>
      </c>
      <c r="FE6" s="65" t="s">
        <v>47</v>
      </c>
      <c r="FF6" s="65" t="s">
        <v>48</v>
      </c>
      <c r="FG6" s="65" t="s">
        <v>49</v>
      </c>
      <c r="FH6" s="65" t="s">
        <v>50</v>
      </c>
      <c r="FI6" s="65" t="s">
        <v>51</v>
      </c>
      <c r="FJ6" s="66" t="s">
        <v>45</v>
      </c>
      <c r="FK6" s="69" t="s">
        <v>52</v>
      </c>
      <c r="FL6" s="64" t="s">
        <v>43</v>
      </c>
      <c r="FM6" s="65" t="s">
        <v>44</v>
      </c>
      <c r="FN6" s="66" t="s">
        <v>45</v>
      </c>
      <c r="FO6" s="67" t="s">
        <v>46</v>
      </c>
      <c r="FP6" s="65" t="s">
        <v>47</v>
      </c>
      <c r="FQ6" s="65" t="s">
        <v>48</v>
      </c>
      <c r="FR6" s="65" t="s">
        <v>49</v>
      </c>
      <c r="FS6" s="65" t="s">
        <v>50</v>
      </c>
      <c r="FT6" s="65" t="s">
        <v>51</v>
      </c>
      <c r="FU6" s="66" t="s">
        <v>45</v>
      </c>
      <c r="FV6" s="69" t="s">
        <v>52</v>
      </c>
      <c r="FW6" s="64" t="s">
        <v>43</v>
      </c>
      <c r="FX6" s="65" t="s">
        <v>44</v>
      </c>
      <c r="FY6" s="66" t="s">
        <v>45</v>
      </c>
      <c r="FZ6" s="67" t="s">
        <v>46</v>
      </c>
      <c r="GA6" s="65" t="s">
        <v>47</v>
      </c>
      <c r="GB6" s="65" t="s">
        <v>48</v>
      </c>
      <c r="GC6" s="65" t="s">
        <v>49</v>
      </c>
      <c r="GD6" s="65" t="s">
        <v>50</v>
      </c>
      <c r="GE6" s="65" t="s">
        <v>51</v>
      </c>
      <c r="GF6" s="66" t="s">
        <v>45</v>
      </c>
      <c r="GG6" s="69" t="s">
        <v>52</v>
      </c>
      <c r="GH6" s="64" t="s">
        <v>43</v>
      </c>
      <c r="GI6" s="65" t="s">
        <v>44</v>
      </c>
      <c r="GJ6" s="66" t="s">
        <v>45</v>
      </c>
      <c r="GK6" s="67" t="s">
        <v>46</v>
      </c>
      <c r="GL6" s="65" t="s">
        <v>47</v>
      </c>
      <c r="GM6" s="65" t="s">
        <v>48</v>
      </c>
      <c r="GN6" s="65" t="s">
        <v>49</v>
      </c>
      <c r="GO6" s="65" t="s">
        <v>50</v>
      </c>
      <c r="GP6" s="65" t="s">
        <v>51</v>
      </c>
      <c r="GQ6" s="66" t="s">
        <v>45</v>
      </c>
      <c r="GR6" s="69" t="s">
        <v>52</v>
      </c>
      <c r="GS6" s="59" t="s">
        <v>43</v>
      </c>
      <c r="GT6" s="60" t="s">
        <v>44</v>
      </c>
      <c r="GU6" s="61" t="s">
        <v>45</v>
      </c>
      <c r="GV6" s="62" t="s">
        <v>46</v>
      </c>
      <c r="GW6" s="60" t="s">
        <v>47</v>
      </c>
      <c r="GX6" s="60" t="s">
        <v>48</v>
      </c>
      <c r="GY6" s="60" t="s">
        <v>49</v>
      </c>
      <c r="GZ6" s="60" t="s">
        <v>50</v>
      </c>
      <c r="HA6" s="60" t="s">
        <v>51</v>
      </c>
      <c r="HB6" s="61" t="s">
        <v>45</v>
      </c>
      <c r="HC6" s="63" t="s">
        <v>52</v>
      </c>
      <c r="HD6" s="64" t="s">
        <v>43</v>
      </c>
      <c r="HE6" s="65" t="s">
        <v>44</v>
      </c>
      <c r="HF6" s="66" t="s">
        <v>45</v>
      </c>
      <c r="HG6" s="67" t="s">
        <v>46</v>
      </c>
      <c r="HH6" s="65" t="s">
        <v>47</v>
      </c>
      <c r="HI6" s="65" t="s">
        <v>48</v>
      </c>
      <c r="HJ6" s="65" t="s">
        <v>49</v>
      </c>
      <c r="HK6" s="65" t="s">
        <v>50</v>
      </c>
      <c r="HL6" s="65" t="s">
        <v>51</v>
      </c>
      <c r="HM6" s="66" t="s">
        <v>45</v>
      </c>
      <c r="HN6" s="69" t="s">
        <v>52</v>
      </c>
      <c r="HO6" s="64" t="s">
        <v>43</v>
      </c>
      <c r="HP6" s="65" t="s">
        <v>44</v>
      </c>
      <c r="HQ6" s="66" t="s">
        <v>45</v>
      </c>
      <c r="HR6" s="67" t="s">
        <v>46</v>
      </c>
      <c r="HS6" s="65" t="s">
        <v>47</v>
      </c>
      <c r="HT6" s="65" t="s">
        <v>48</v>
      </c>
      <c r="HU6" s="65" t="s">
        <v>49</v>
      </c>
      <c r="HV6" s="65" t="s">
        <v>50</v>
      </c>
      <c r="HW6" s="65" t="s">
        <v>51</v>
      </c>
      <c r="HX6" s="66" t="s">
        <v>45</v>
      </c>
      <c r="HY6" s="69" t="s">
        <v>52</v>
      </c>
      <c r="HZ6" s="64" t="s">
        <v>43</v>
      </c>
      <c r="IA6" s="65" t="s">
        <v>44</v>
      </c>
      <c r="IB6" s="66" t="s">
        <v>45</v>
      </c>
      <c r="IC6" s="67" t="s">
        <v>46</v>
      </c>
      <c r="ID6" s="65" t="s">
        <v>47</v>
      </c>
      <c r="IE6" s="65" t="s">
        <v>48</v>
      </c>
      <c r="IF6" s="65" t="s">
        <v>49</v>
      </c>
      <c r="IG6" s="65" t="s">
        <v>50</v>
      </c>
      <c r="IH6" s="65" t="s">
        <v>51</v>
      </c>
      <c r="II6" s="66" t="s">
        <v>45</v>
      </c>
      <c r="IJ6" s="69" t="s">
        <v>52</v>
      </c>
      <c r="IK6" s="64" t="s">
        <v>43</v>
      </c>
      <c r="IL6" s="65" t="s">
        <v>44</v>
      </c>
      <c r="IM6" s="66" t="s">
        <v>45</v>
      </c>
      <c r="IN6" s="67" t="s">
        <v>46</v>
      </c>
      <c r="IO6" s="65" t="s">
        <v>47</v>
      </c>
      <c r="IP6" s="65" t="s">
        <v>48</v>
      </c>
      <c r="IQ6" s="65" t="s">
        <v>49</v>
      </c>
      <c r="IR6" s="65" t="s">
        <v>50</v>
      </c>
      <c r="IS6" s="65" t="s">
        <v>51</v>
      </c>
      <c r="IT6" s="66" t="s">
        <v>45</v>
      </c>
      <c r="IU6" s="69" t="s">
        <v>52</v>
      </c>
      <c r="IV6" s="64" t="s">
        <v>43</v>
      </c>
      <c r="IW6" s="65" t="s">
        <v>44</v>
      </c>
      <c r="IX6" s="66" t="s">
        <v>45</v>
      </c>
      <c r="IY6" s="67" t="s">
        <v>46</v>
      </c>
      <c r="IZ6" s="65" t="s">
        <v>47</v>
      </c>
      <c r="JA6" s="65" t="s">
        <v>48</v>
      </c>
      <c r="JB6" s="65" t="s">
        <v>49</v>
      </c>
      <c r="JC6" s="65" t="s">
        <v>50</v>
      </c>
      <c r="JD6" s="65" t="s">
        <v>51</v>
      </c>
      <c r="JE6" s="66" t="s">
        <v>45</v>
      </c>
      <c r="JF6" s="69" t="s">
        <v>52</v>
      </c>
      <c r="JG6" s="64" t="s">
        <v>43</v>
      </c>
      <c r="JH6" s="65" t="s">
        <v>44</v>
      </c>
      <c r="JI6" s="66" t="s">
        <v>45</v>
      </c>
      <c r="JJ6" s="67" t="s">
        <v>46</v>
      </c>
      <c r="JK6" s="65" t="s">
        <v>47</v>
      </c>
      <c r="JL6" s="65" t="s">
        <v>48</v>
      </c>
      <c r="JM6" s="65" t="s">
        <v>49</v>
      </c>
      <c r="JN6" s="65" t="s">
        <v>50</v>
      </c>
      <c r="JO6" s="65" t="s">
        <v>51</v>
      </c>
      <c r="JP6" s="66" t="s">
        <v>45</v>
      </c>
      <c r="JQ6" s="69" t="s">
        <v>52</v>
      </c>
      <c r="JR6" s="64" t="s">
        <v>43</v>
      </c>
      <c r="JS6" s="65" t="s">
        <v>44</v>
      </c>
      <c r="JT6" s="66" t="s">
        <v>45</v>
      </c>
      <c r="JU6" s="67" t="s">
        <v>46</v>
      </c>
      <c r="JV6" s="65" t="s">
        <v>47</v>
      </c>
      <c r="JW6" s="65" t="s">
        <v>48</v>
      </c>
      <c r="JX6" s="65" t="s">
        <v>49</v>
      </c>
      <c r="JY6" s="65" t="s">
        <v>50</v>
      </c>
      <c r="JZ6" s="65" t="s">
        <v>51</v>
      </c>
      <c r="KA6" s="66" t="s">
        <v>45</v>
      </c>
      <c r="KB6" s="69" t="s">
        <v>52</v>
      </c>
      <c r="KC6" s="64" t="s">
        <v>43</v>
      </c>
      <c r="KD6" s="65" t="s">
        <v>44</v>
      </c>
      <c r="KE6" s="66" t="s">
        <v>45</v>
      </c>
      <c r="KF6" s="67" t="s">
        <v>46</v>
      </c>
      <c r="KG6" s="65" t="s">
        <v>47</v>
      </c>
      <c r="KH6" s="65" t="s">
        <v>48</v>
      </c>
      <c r="KI6" s="65" t="s">
        <v>49</v>
      </c>
      <c r="KJ6" s="65" t="s">
        <v>50</v>
      </c>
      <c r="KK6" s="65" t="s">
        <v>51</v>
      </c>
      <c r="KL6" s="66" t="s">
        <v>45</v>
      </c>
      <c r="KM6" s="69" t="s">
        <v>52</v>
      </c>
    </row>
    <row r="7" spans="2:299" s="56" customFormat="1" ht="21" customHeight="1" x14ac:dyDescent="0.2">
      <c r="B7" s="70" t="s">
        <v>4</v>
      </c>
      <c r="C7" s="71">
        <v>3618</v>
      </c>
      <c r="D7" s="72">
        <v>3637</v>
      </c>
      <c r="E7" s="73">
        <v>7255</v>
      </c>
      <c r="F7" s="398">
        <v>0</v>
      </c>
      <c r="G7" s="72">
        <v>4642</v>
      </c>
      <c r="H7" s="72">
        <v>4339</v>
      </c>
      <c r="I7" s="72">
        <v>2597</v>
      </c>
      <c r="J7" s="72">
        <v>2147</v>
      </c>
      <c r="K7" s="72">
        <v>1384</v>
      </c>
      <c r="L7" s="74">
        <v>15109</v>
      </c>
      <c r="M7" s="75">
        <v>22364</v>
      </c>
      <c r="N7" s="76">
        <v>106</v>
      </c>
      <c r="O7" s="77">
        <v>156</v>
      </c>
      <c r="P7" s="78">
        <v>262</v>
      </c>
      <c r="Q7" s="398">
        <v>0</v>
      </c>
      <c r="R7" s="77">
        <v>130</v>
      </c>
      <c r="S7" s="77">
        <v>153</v>
      </c>
      <c r="T7" s="77">
        <v>92</v>
      </c>
      <c r="U7" s="77">
        <v>85</v>
      </c>
      <c r="V7" s="77">
        <v>65</v>
      </c>
      <c r="W7" s="78">
        <v>525</v>
      </c>
      <c r="X7" s="79">
        <v>787</v>
      </c>
      <c r="Y7" s="76">
        <v>227</v>
      </c>
      <c r="Z7" s="77">
        <v>277</v>
      </c>
      <c r="AA7" s="78">
        <v>504</v>
      </c>
      <c r="AB7" s="398">
        <v>0</v>
      </c>
      <c r="AC7" s="77">
        <v>263</v>
      </c>
      <c r="AD7" s="77">
        <v>309</v>
      </c>
      <c r="AE7" s="77">
        <v>173</v>
      </c>
      <c r="AF7" s="77">
        <v>174</v>
      </c>
      <c r="AG7" s="77">
        <v>138</v>
      </c>
      <c r="AH7" s="78">
        <v>1057</v>
      </c>
      <c r="AI7" s="79">
        <v>1561</v>
      </c>
      <c r="AJ7" s="76">
        <v>423</v>
      </c>
      <c r="AK7" s="77">
        <v>456</v>
      </c>
      <c r="AL7" s="78">
        <v>879</v>
      </c>
      <c r="AM7" s="398">
        <v>0</v>
      </c>
      <c r="AN7" s="77">
        <v>517</v>
      </c>
      <c r="AO7" s="77">
        <v>496</v>
      </c>
      <c r="AP7" s="77">
        <v>290</v>
      </c>
      <c r="AQ7" s="77">
        <v>260</v>
      </c>
      <c r="AR7" s="77">
        <v>202</v>
      </c>
      <c r="AS7" s="78">
        <v>1765</v>
      </c>
      <c r="AT7" s="79">
        <v>2644</v>
      </c>
      <c r="AU7" s="76">
        <v>798</v>
      </c>
      <c r="AV7" s="77">
        <v>770</v>
      </c>
      <c r="AW7" s="78">
        <v>1568</v>
      </c>
      <c r="AX7" s="398">
        <v>0</v>
      </c>
      <c r="AY7" s="77">
        <v>1036</v>
      </c>
      <c r="AZ7" s="77">
        <v>902</v>
      </c>
      <c r="BA7" s="77">
        <v>469</v>
      </c>
      <c r="BB7" s="77">
        <v>418</v>
      </c>
      <c r="BC7" s="77">
        <v>295</v>
      </c>
      <c r="BD7" s="78">
        <v>3120</v>
      </c>
      <c r="BE7" s="79">
        <v>4688</v>
      </c>
      <c r="BF7" s="76">
        <v>1197</v>
      </c>
      <c r="BG7" s="77">
        <v>1020</v>
      </c>
      <c r="BH7" s="78">
        <v>2217</v>
      </c>
      <c r="BI7" s="398">
        <v>0</v>
      </c>
      <c r="BJ7" s="77">
        <v>1377</v>
      </c>
      <c r="BK7" s="77">
        <v>1199</v>
      </c>
      <c r="BL7" s="77">
        <v>733</v>
      </c>
      <c r="BM7" s="77">
        <v>533</v>
      </c>
      <c r="BN7" s="77">
        <v>322</v>
      </c>
      <c r="BO7" s="78">
        <v>4164</v>
      </c>
      <c r="BP7" s="79">
        <v>6381</v>
      </c>
      <c r="BQ7" s="76">
        <v>867</v>
      </c>
      <c r="BR7" s="77">
        <v>958</v>
      </c>
      <c r="BS7" s="78">
        <v>1825</v>
      </c>
      <c r="BT7" s="398">
        <v>0</v>
      </c>
      <c r="BU7" s="77">
        <v>1319</v>
      </c>
      <c r="BV7" s="77">
        <v>1280</v>
      </c>
      <c r="BW7" s="77">
        <v>840</v>
      </c>
      <c r="BX7" s="77">
        <v>677</v>
      </c>
      <c r="BY7" s="77">
        <v>362</v>
      </c>
      <c r="BZ7" s="78">
        <v>4478</v>
      </c>
      <c r="CA7" s="79">
        <v>6303</v>
      </c>
      <c r="CB7" s="76">
        <v>0</v>
      </c>
      <c r="CC7" s="77">
        <v>0</v>
      </c>
      <c r="CD7" s="78">
        <v>0</v>
      </c>
      <c r="CE7" s="398">
        <v>0</v>
      </c>
      <c r="CF7" s="77">
        <v>0</v>
      </c>
      <c r="CG7" s="77">
        <v>0</v>
      </c>
      <c r="CH7" s="77">
        <v>0</v>
      </c>
      <c r="CI7" s="77">
        <v>0</v>
      </c>
      <c r="CJ7" s="77">
        <v>0</v>
      </c>
      <c r="CK7" s="78">
        <v>0</v>
      </c>
      <c r="CL7" s="79">
        <v>0</v>
      </c>
      <c r="CM7" s="76">
        <v>3618</v>
      </c>
      <c r="CN7" s="77">
        <v>3637</v>
      </c>
      <c r="CO7" s="78">
        <v>7255</v>
      </c>
      <c r="CP7" s="398">
        <v>0</v>
      </c>
      <c r="CQ7" s="77">
        <v>4642</v>
      </c>
      <c r="CR7" s="77">
        <v>4339</v>
      </c>
      <c r="CS7" s="77">
        <v>2597</v>
      </c>
      <c r="CT7" s="77">
        <v>2147</v>
      </c>
      <c r="CU7" s="77">
        <v>1384</v>
      </c>
      <c r="CV7" s="78">
        <v>15109</v>
      </c>
      <c r="CW7" s="79">
        <v>22364</v>
      </c>
      <c r="CX7" s="80">
        <v>1315</v>
      </c>
      <c r="CY7" s="72">
        <v>1594</v>
      </c>
      <c r="CZ7" s="73">
        <v>2909</v>
      </c>
      <c r="DA7" s="398">
        <v>0</v>
      </c>
      <c r="DB7" s="72">
        <v>1865</v>
      </c>
      <c r="DC7" s="72">
        <v>1782</v>
      </c>
      <c r="DD7" s="72">
        <v>1077</v>
      </c>
      <c r="DE7" s="72">
        <v>1107</v>
      </c>
      <c r="DF7" s="72">
        <v>702</v>
      </c>
      <c r="DG7" s="74">
        <v>6533</v>
      </c>
      <c r="DH7" s="75">
        <v>9442</v>
      </c>
      <c r="DI7" s="76">
        <v>29</v>
      </c>
      <c r="DJ7" s="77">
        <v>43</v>
      </c>
      <c r="DK7" s="78">
        <v>72</v>
      </c>
      <c r="DL7" s="398">
        <v>0</v>
      </c>
      <c r="DM7" s="77">
        <v>22</v>
      </c>
      <c r="DN7" s="77">
        <v>40</v>
      </c>
      <c r="DO7" s="77">
        <v>18</v>
      </c>
      <c r="DP7" s="77">
        <v>22</v>
      </c>
      <c r="DQ7" s="77">
        <v>13</v>
      </c>
      <c r="DR7" s="78">
        <v>115</v>
      </c>
      <c r="DS7" s="79">
        <v>187</v>
      </c>
      <c r="DT7" s="76">
        <v>82</v>
      </c>
      <c r="DU7" s="77">
        <v>102</v>
      </c>
      <c r="DV7" s="78">
        <v>184</v>
      </c>
      <c r="DW7" s="398">
        <v>0</v>
      </c>
      <c r="DX7" s="77">
        <v>70</v>
      </c>
      <c r="DY7" s="77">
        <v>79</v>
      </c>
      <c r="DZ7" s="77">
        <v>44</v>
      </c>
      <c r="EA7" s="77">
        <v>38</v>
      </c>
      <c r="EB7" s="77">
        <v>35</v>
      </c>
      <c r="EC7" s="78">
        <v>266</v>
      </c>
      <c r="ED7" s="79">
        <v>450</v>
      </c>
      <c r="EE7" s="76">
        <v>204</v>
      </c>
      <c r="EF7" s="77">
        <v>225</v>
      </c>
      <c r="EG7" s="78">
        <v>429</v>
      </c>
      <c r="EH7" s="398">
        <v>0</v>
      </c>
      <c r="EI7" s="77">
        <v>218</v>
      </c>
      <c r="EJ7" s="77">
        <v>174</v>
      </c>
      <c r="EK7" s="77">
        <v>77</v>
      </c>
      <c r="EL7" s="77">
        <v>72</v>
      </c>
      <c r="EM7" s="77">
        <v>70</v>
      </c>
      <c r="EN7" s="78">
        <v>611</v>
      </c>
      <c r="EO7" s="79">
        <v>1040</v>
      </c>
      <c r="EP7" s="76">
        <v>393</v>
      </c>
      <c r="EQ7" s="77">
        <v>391</v>
      </c>
      <c r="ER7" s="78">
        <v>784</v>
      </c>
      <c r="ES7" s="398">
        <v>0</v>
      </c>
      <c r="ET7" s="77">
        <v>374</v>
      </c>
      <c r="EU7" s="77">
        <v>314</v>
      </c>
      <c r="EV7" s="77">
        <v>160</v>
      </c>
      <c r="EW7" s="77">
        <v>161</v>
      </c>
      <c r="EX7" s="77">
        <v>100</v>
      </c>
      <c r="EY7" s="78">
        <v>1109</v>
      </c>
      <c r="EZ7" s="79">
        <v>1893</v>
      </c>
      <c r="FA7" s="76">
        <v>369</v>
      </c>
      <c r="FB7" s="77">
        <v>466</v>
      </c>
      <c r="FC7" s="78">
        <v>835</v>
      </c>
      <c r="FD7" s="398">
        <v>0</v>
      </c>
      <c r="FE7" s="77">
        <v>568</v>
      </c>
      <c r="FF7" s="77">
        <v>488</v>
      </c>
      <c r="FG7" s="77">
        <v>242</v>
      </c>
      <c r="FH7" s="77">
        <v>257</v>
      </c>
      <c r="FI7" s="77">
        <v>170</v>
      </c>
      <c r="FJ7" s="78">
        <v>1725</v>
      </c>
      <c r="FK7" s="79">
        <v>2560</v>
      </c>
      <c r="FL7" s="76">
        <v>238</v>
      </c>
      <c r="FM7" s="77">
        <v>367</v>
      </c>
      <c r="FN7" s="78">
        <v>605</v>
      </c>
      <c r="FO7" s="398">
        <v>0</v>
      </c>
      <c r="FP7" s="77">
        <v>613</v>
      </c>
      <c r="FQ7" s="77">
        <v>687</v>
      </c>
      <c r="FR7" s="77">
        <v>536</v>
      </c>
      <c r="FS7" s="77">
        <v>557</v>
      </c>
      <c r="FT7" s="77">
        <v>314</v>
      </c>
      <c r="FU7" s="78">
        <v>2707</v>
      </c>
      <c r="FV7" s="79">
        <v>3312</v>
      </c>
      <c r="FW7" s="76">
        <v>0</v>
      </c>
      <c r="FX7" s="77">
        <v>0</v>
      </c>
      <c r="FY7" s="78">
        <v>0</v>
      </c>
      <c r="FZ7" s="398">
        <v>0</v>
      </c>
      <c r="GA7" s="77">
        <v>0</v>
      </c>
      <c r="GB7" s="77">
        <v>0</v>
      </c>
      <c r="GC7" s="77">
        <v>0</v>
      </c>
      <c r="GD7" s="77">
        <v>0</v>
      </c>
      <c r="GE7" s="77">
        <v>0</v>
      </c>
      <c r="GF7" s="78">
        <v>0</v>
      </c>
      <c r="GG7" s="79">
        <v>0</v>
      </c>
      <c r="GH7" s="76">
        <v>1315</v>
      </c>
      <c r="GI7" s="77">
        <v>1594</v>
      </c>
      <c r="GJ7" s="78">
        <v>2909</v>
      </c>
      <c r="GK7" s="398">
        <v>0</v>
      </c>
      <c r="GL7" s="77">
        <v>1865</v>
      </c>
      <c r="GM7" s="77">
        <v>1782</v>
      </c>
      <c r="GN7" s="77">
        <v>1077</v>
      </c>
      <c r="GO7" s="77">
        <v>1107</v>
      </c>
      <c r="GP7" s="77">
        <v>702</v>
      </c>
      <c r="GQ7" s="78">
        <v>6533</v>
      </c>
      <c r="GR7" s="79">
        <v>9442</v>
      </c>
      <c r="GS7" s="80">
        <v>4933</v>
      </c>
      <c r="GT7" s="72">
        <v>5231</v>
      </c>
      <c r="GU7" s="73">
        <v>10164</v>
      </c>
      <c r="GV7" s="398">
        <v>0</v>
      </c>
      <c r="GW7" s="72">
        <v>6507</v>
      </c>
      <c r="GX7" s="72">
        <v>6121</v>
      </c>
      <c r="GY7" s="72">
        <v>3674</v>
      </c>
      <c r="GZ7" s="72">
        <v>3254</v>
      </c>
      <c r="HA7" s="72">
        <v>2086</v>
      </c>
      <c r="HB7" s="74">
        <v>21642</v>
      </c>
      <c r="HC7" s="75">
        <v>31806</v>
      </c>
      <c r="HD7" s="76">
        <v>135</v>
      </c>
      <c r="HE7" s="77">
        <v>199</v>
      </c>
      <c r="HF7" s="78">
        <v>334</v>
      </c>
      <c r="HG7" s="398">
        <v>0</v>
      </c>
      <c r="HH7" s="77">
        <v>152</v>
      </c>
      <c r="HI7" s="77">
        <v>193</v>
      </c>
      <c r="HJ7" s="77">
        <v>110</v>
      </c>
      <c r="HK7" s="77">
        <v>107</v>
      </c>
      <c r="HL7" s="77">
        <v>78</v>
      </c>
      <c r="HM7" s="78">
        <v>640</v>
      </c>
      <c r="HN7" s="79">
        <v>974</v>
      </c>
      <c r="HO7" s="76">
        <v>309</v>
      </c>
      <c r="HP7" s="77">
        <v>379</v>
      </c>
      <c r="HQ7" s="78">
        <v>688</v>
      </c>
      <c r="HR7" s="398">
        <v>0</v>
      </c>
      <c r="HS7" s="77">
        <v>333</v>
      </c>
      <c r="HT7" s="77">
        <v>388</v>
      </c>
      <c r="HU7" s="77">
        <v>217</v>
      </c>
      <c r="HV7" s="77">
        <v>212</v>
      </c>
      <c r="HW7" s="77">
        <v>173</v>
      </c>
      <c r="HX7" s="78">
        <v>1323</v>
      </c>
      <c r="HY7" s="79">
        <v>2011</v>
      </c>
      <c r="HZ7" s="76">
        <v>627</v>
      </c>
      <c r="IA7" s="77">
        <v>681</v>
      </c>
      <c r="IB7" s="78">
        <v>1308</v>
      </c>
      <c r="IC7" s="398">
        <v>0</v>
      </c>
      <c r="ID7" s="77">
        <v>735</v>
      </c>
      <c r="IE7" s="77">
        <v>670</v>
      </c>
      <c r="IF7" s="77">
        <v>367</v>
      </c>
      <c r="IG7" s="77">
        <v>332</v>
      </c>
      <c r="IH7" s="77">
        <v>272</v>
      </c>
      <c r="II7" s="78">
        <v>2376</v>
      </c>
      <c r="IJ7" s="79">
        <v>3684</v>
      </c>
      <c r="IK7" s="76">
        <v>1191</v>
      </c>
      <c r="IL7" s="77">
        <v>1161</v>
      </c>
      <c r="IM7" s="78">
        <v>2352</v>
      </c>
      <c r="IN7" s="398">
        <v>0</v>
      </c>
      <c r="IO7" s="77">
        <v>1410</v>
      </c>
      <c r="IP7" s="77">
        <v>1216</v>
      </c>
      <c r="IQ7" s="77">
        <v>629</v>
      </c>
      <c r="IR7" s="77">
        <v>579</v>
      </c>
      <c r="IS7" s="77">
        <v>395</v>
      </c>
      <c r="IT7" s="78">
        <v>4229</v>
      </c>
      <c r="IU7" s="79">
        <v>6581</v>
      </c>
      <c r="IV7" s="76">
        <v>1566</v>
      </c>
      <c r="IW7" s="77">
        <v>1486</v>
      </c>
      <c r="IX7" s="78">
        <v>3052</v>
      </c>
      <c r="IY7" s="398">
        <v>0</v>
      </c>
      <c r="IZ7" s="77">
        <v>1945</v>
      </c>
      <c r="JA7" s="77">
        <v>1687</v>
      </c>
      <c r="JB7" s="77">
        <v>975</v>
      </c>
      <c r="JC7" s="77">
        <v>790</v>
      </c>
      <c r="JD7" s="77">
        <v>492</v>
      </c>
      <c r="JE7" s="78">
        <v>5889</v>
      </c>
      <c r="JF7" s="79">
        <v>8941</v>
      </c>
      <c r="JG7" s="76">
        <v>1105</v>
      </c>
      <c r="JH7" s="77">
        <v>1325</v>
      </c>
      <c r="JI7" s="78">
        <v>2430</v>
      </c>
      <c r="JJ7" s="398">
        <v>0</v>
      </c>
      <c r="JK7" s="77">
        <v>1932</v>
      </c>
      <c r="JL7" s="77">
        <v>1967</v>
      </c>
      <c r="JM7" s="77">
        <v>1376</v>
      </c>
      <c r="JN7" s="77">
        <v>1234</v>
      </c>
      <c r="JO7" s="77">
        <v>676</v>
      </c>
      <c r="JP7" s="78">
        <v>7185</v>
      </c>
      <c r="JQ7" s="79">
        <v>9615</v>
      </c>
      <c r="JR7" s="76">
        <v>0</v>
      </c>
      <c r="JS7" s="77">
        <v>0</v>
      </c>
      <c r="JT7" s="78">
        <v>0</v>
      </c>
      <c r="JU7" s="398">
        <v>0</v>
      </c>
      <c r="JV7" s="77">
        <v>0</v>
      </c>
      <c r="JW7" s="77">
        <v>0</v>
      </c>
      <c r="JX7" s="77">
        <v>0</v>
      </c>
      <c r="JY7" s="77">
        <v>0</v>
      </c>
      <c r="JZ7" s="77">
        <v>0</v>
      </c>
      <c r="KA7" s="78">
        <v>0</v>
      </c>
      <c r="KB7" s="79">
        <v>0</v>
      </c>
      <c r="KC7" s="76">
        <v>4933</v>
      </c>
      <c r="KD7" s="77">
        <v>5231</v>
      </c>
      <c r="KE7" s="78">
        <v>10164</v>
      </c>
      <c r="KF7" s="398">
        <v>0</v>
      </c>
      <c r="KG7" s="77">
        <v>6507</v>
      </c>
      <c r="KH7" s="77">
        <v>6121</v>
      </c>
      <c r="KI7" s="77">
        <v>3674</v>
      </c>
      <c r="KJ7" s="77">
        <v>3254</v>
      </c>
      <c r="KK7" s="77">
        <v>2086</v>
      </c>
      <c r="KL7" s="78">
        <v>21642</v>
      </c>
      <c r="KM7" s="79">
        <v>31806</v>
      </c>
    </row>
    <row r="8" spans="2:299" s="56" customFormat="1" ht="21" customHeight="1" x14ac:dyDescent="0.2">
      <c r="B8" s="81" t="s">
        <v>5</v>
      </c>
      <c r="C8" s="82">
        <v>1571</v>
      </c>
      <c r="D8" s="83">
        <v>1892</v>
      </c>
      <c r="E8" s="84">
        <v>3463</v>
      </c>
      <c r="F8" s="399">
        <v>0</v>
      </c>
      <c r="G8" s="83">
        <v>1735</v>
      </c>
      <c r="H8" s="83">
        <v>2089</v>
      </c>
      <c r="I8" s="83">
        <v>1178</v>
      </c>
      <c r="J8" s="83">
        <v>990</v>
      </c>
      <c r="K8" s="83">
        <v>626</v>
      </c>
      <c r="L8" s="85">
        <v>6618</v>
      </c>
      <c r="M8" s="86">
        <v>10081</v>
      </c>
      <c r="N8" s="87">
        <v>32</v>
      </c>
      <c r="O8" s="88">
        <v>77</v>
      </c>
      <c r="P8" s="89">
        <v>109</v>
      </c>
      <c r="Q8" s="399">
        <v>0</v>
      </c>
      <c r="R8" s="88">
        <v>46</v>
      </c>
      <c r="S8" s="88">
        <v>72</v>
      </c>
      <c r="T8" s="88">
        <v>40</v>
      </c>
      <c r="U8" s="88">
        <v>46</v>
      </c>
      <c r="V8" s="88">
        <v>32</v>
      </c>
      <c r="W8" s="89">
        <v>236</v>
      </c>
      <c r="X8" s="90">
        <v>345</v>
      </c>
      <c r="Y8" s="87">
        <v>101</v>
      </c>
      <c r="Z8" s="88">
        <v>129</v>
      </c>
      <c r="AA8" s="89">
        <v>230</v>
      </c>
      <c r="AB8" s="399">
        <v>0</v>
      </c>
      <c r="AC8" s="88">
        <v>86</v>
      </c>
      <c r="AD8" s="88">
        <v>145</v>
      </c>
      <c r="AE8" s="88">
        <v>74</v>
      </c>
      <c r="AF8" s="88">
        <v>71</v>
      </c>
      <c r="AG8" s="88">
        <v>52</v>
      </c>
      <c r="AH8" s="89">
        <v>428</v>
      </c>
      <c r="AI8" s="90">
        <v>658</v>
      </c>
      <c r="AJ8" s="87">
        <v>166</v>
      </c>
      <c r="AK8" s="88">
        <v>233</v>
      </c>
      <c r="AL8" s="89">
        <v>399</v>
      </c>
      <c r="AM8" s="399">
        <v>0</v>
      </c>
      <c r="AN8" s="88">
        <v>164</v>
      </c>
      <c r="AO8" s="88">
        <v>230</v>
      </c>
      <c r="AP8" s="88">
        <v>125</v>
      </c>
      <c r="AQ8" s="88">
        <v>132</v>
      </c>
      <c r="AR8" s="88">
        <v>80</v>
      </c>
      <c r="AS8" s="89">
        <v>731</v>
      </c>
      <c r="AT8" s="90">
        <v>1130</v>
      </c>
      <c r="AU8" s="87">
        <v>339</v>
      </c>
      <c r="AV8" s="88">
        <v>410</v>
      </c>
      <c r="AW8" s="89">
        <v>749</v>
      </c>
      <c r="AX8" s="399">
        <v>0</v>
      </c>
      <c r="AY8" s="88">
        <v>361</v>
      </c>
      <c r="AZ8" s="88">
        <v>435</v>
      </c>
      <c r="BA8" s="88">
        <v>196</v>
      </c>
      <c r="BB8" s="88">
        <v>191</v>
      </c>
      <c r="BC8" s="88">
        <v>118</v>
      </c>
      <c r="BD8" s="89">
        <v>1301</v>
      </c>
      <c r="BE8" s="90">
        <v>2050</v>
      </c>
      <c r="BF8" s="87">
        <v>531</v>
      </c>
      <c r="BG8" s="88">
        <v>533</v>
      </c>
      <c r="BH8" s="89">
        <v>1064</v>
      </c>
      <c r="BI8" s="399">
        <v>0</v>
      </c>
      <c r="BJ8" s="88">
        <v>553</v>
      </c>
      <c r="BK8" s="88">
        <v>572</v>
      </c>
      <c r="BL8" s="88">
        <v>335</v>
      </c>
      <c r="BM8" s="88">
        <v>247</v>
      </c>
      <c r="BN8" s="88">
        <v>148</v>
      </c>
      <c r="BO8" s="89">
        <v>1855</v>
      </c>
      <c r="BP8" s="90">
        <v>2919</v>
      </c>
      <c r="BQ8" s="87">
        <v>402</v>
      </c>
      <c r="BR8" s="88">
        <v>510</v>
      </c>
      <c r="BS8" s="89">
        <v>912</v>
      </c>
      <c r="BT8" s="399">
        <v>0</v>
      </c>
      <c r="BU8" s="88">
        <v>525</v>
      </c>
      <c r="BV8" s="88">
        <v>635</v>
      </c>
      <c r="BW8" s="88">
        <v>408</v>
      </c>
      <c r="BX8" s="88">
        <v>303</v>
      </c>
      <c r="BY8" s="88">
        <v>196</v>
      </c>
      <c r="BZ8" s="89">
        <v>2067</v>
      </c>
      <c r="CA8" s="90">
        <v>2979</v>
      </c>
      <c r="CB8" s="87">
        <v>0</v>
      </c>
      <c r="CC8" s="88">
        <v>0</v>
      </c>
      <c r="CD8" s="89">
        <v>0</v>
      </c>
      <c r="CE8" s="399">
        <v>0</v>
      </c>
      <c r="CF8" s="88">
        <v>0</v>
      </c>
      <c r="CG8" s="88">
        <v>0</v>
      </c>
      <c r="CH8" s="88">
        <v>0</v>
      </c>
      <c r="CI8" s="88">
        <v>0</v>
      </c>
      <c r="CJ8" s="88">
        <v>0</v>
      </c>
      <c r="CK8" s="89">
        <v>0</v>
      </c>
      <c r="CL8" s="90">
        <v>0</v>
      </c>
      <c r="CM8" s="87">
        <v>1571</v>
      </c>
      <c r="CN8" s="88">
        <v>1892</v>
      </c>
      <c r="CO8" s="89">
        <v>3463</v>
      </c>
      <c r="CP8" s="399">
        <v>0</v>
      </c>
      <c r="CQ8" s="88">
        <v>1735</v>
      </c>
      <c r="CR8" s="88">
        <v>2089</v>
      </c>
      <c r="CS8" s="88">
        <v>1178</v>
      </c>
      <c r="CT8" s="88">
        <v>990</v>
      </c>
      <c r="CU8" s="88">
        <v>626</v>
      </c>
      <c r="CV8" s="89">
        <v>6618</v>
      </c>
      <c r="CW8" s="90">
        <v>10081</v>
      </c>
      <c r="CX8" s="91">
        <v>520</v>
      </c>
      <c r="CY8" s="83">
        <v>766</v>
      </c>
      <c r="CZ8" s="84">
        <v>1286</v>
      </c>
      <c r="DA8" s="399">
        <v>0</v>
      </c>
      <c r="DB8" s="83">
        <v>690</v>
      </c>
      <c r="DC8" s="83">
        <v>842</v>
      </c>
      <c r="DD8" s="83">
        <v>479</v>
      </c>
      <c r="DE8" s="83">
        <v>477</v>
      </c>
      <c r="DF8" s="83">
        <v>312</v>
      </c>
      <c r="DG8" s="85">
        <v>2800</v>
      </c>
      <c r="DH8" s="86">
        <v>4086</v>
      </c>
      <c r="DI8" s="87">
        <v>9</v>
      </c>
      <c r="DJ8" s="88">
        <v>20</v>
      </c>
      <c r="DK8" s="89">
        <v>29</v>
      </c>
      <c r="DL8" s="399">
        <v>0</v>
      </c>
      <c r="DM8" s="88">
        <v>9</v>
      </c>
      <c r="DN8" s="88">
        <v>19</v>
      </c>
      <c r="DO8" s="88">
        <v>11</v>
      </c>
      <c r="DP8" s="88">
        <v>12</v>
      </c>
      <c r="DQ8" s="88">
        <v>3</v>
      </c>
      <c r="DR8" s="89">
        <v>54</v>
      </c>
      <c r="DS8" s="90">
        <v>83</v>
      </c>
      <c r="DT8" s="87">
        <v>30</v>
      </c>
      <c r="DU8" s="88">
        <v>46</v>
      </c>
      <c r="DV8" s="89">
        <v>76</v>
      </c>
      <c r="DW8" s="399">
        <v>0</v>
      </c>
      <c r="DX8" s="88">
        <v>16</v>
      </c>
      <c r="DY8" s="88">
        <v>35</v>
      </c>
      <c r="DZ8" s="88">
        <v>17</v>
      </c>
      <c r="EA8" s="88">
        <v>14</v>
      </c>
      <c r="EB8" s="88">
        <v>21</v>
      </c>
      <c r="EC8" s="89">
        <v>103</v>
      </c>
      <c r="ED8" s="90">
        <v>179</v>
      </c>
      <c r="EE8" s="87">
        <v>80</v>
      </c>
      <c r="EF8" s="88">
        <v>107</v>
      </c>
      <c r="EG8" s="89">
        <v>187</v>
      </c>
      <c r="EH8" s="399">
        <v>0</v>
      </c>
      <c r="EI8" s="88">
        <v>73</v>
      </c>
      <c r="EJ8" s="88">
        <v>90</v>
      </c>
      <c r="EK8" s="88">
        <v>25</v>
      </c>
      <c r="EL8" s="88">
        <v>29</v>
      </c>
      <c r="EM8" s="88">
        <v>34</v>
      </c>
      <c r="EN8" s="89">
        <v>251</v>
      </c>
      <c r="EO8" s="90">
        <v>438</v>
      </c>
      <c r="EP8" s="87">
        <v>157</v>
      </c>
      <c r="EQ8" s="88">
        <v>190</v>
      </c>
      <c r="ER8" s="89">
        <v>347</v>
      </c>
      <c r="ES8" s="399">
        <v>0</v>
      </c>
      <c r="ET8" s="88">
        <v>148</v>
      </c>
      <c r="EU8" s="88">
        <v>140</v>
      </c>
      <c r="EV8" s="88">
        <v>81</v>
      </c>
      <c r="EW8" s="88">
        <v>68</v>
      </c>
      <c r="EX8" s="88">
        <v>35</v>
      </c>
      <c r="EY8" s="89">
        <v>472</v>
      </c>
      <c r="EZ8" s="90">
        <v>819</v>
      </c>
      <c r="FA8" s="87">
        <v>141</v>
      </c>
      <c r="FB8" s="88">
        <v>234</v>
      </c>
      <c r="FC8" s="89">
        <v>375</v>
      </c>
      <c r="FD8" s="399">
        <v>0</v>
      </c>
      <c r="FE8" s="88">
        <v>218</v>
      </c>
      <c r="FF8" s="88">
        <v>243</v>
      </c>
      <c r="FG8" s="88">
        <v>108</v>
      </c>
      <c r="FH8" s="88">
        <v>122</v>
      </c>
      <c r="FI8" s="88">
        <v>72</v>
      </c>
      <c r="FJ8" s="89">
        <v>763</v>
      </c>
      <c r="FK8" s="90">
        <v>1138</v>
      </c>
      <c r="FL8" s="87">
        <v>103</v>
      </c>
      <c r="FM8" s="88">
        <v>169</v>
      </c>
      <c r="FN8" s="89">
        <v>272</v>
      </c>
      <c r="FO8" s="399">
        <v>0</v>
      </c>
      <c r="FP8" s="88">
        <v>226</v>
      </c>
      <c r="FQ8" s="88">
        <v>315</v>
      </c>
      <c r="FR8" s="88">
        <v>237</v>
      </c>
      <c r="FS8" s="88">
        <v>232</v>
      </c>
      <c r="FT8" s="88">
        <v>147</v>
      </c>
      <c r="FU8" s="89">
        <v>1157</v>
      </c>
      <c r="FV8" s="90">
        <v>1429</v>
      </c>
      <c r="FW8" s="87">
        <v>0</v>
      </c>
      <c r="FX8" s="88">
        <v>0</v>
      </c>
      <c r="FY8" s="89">
        <v>0</v>
      </c>
      <c r="FZ8" s="399">
        <v>0</v>
      </c>
      <c r="GA8" s="88">
        <v>0</v>
      </c>
      <c r="GB8" s="88">
        <v>0</v>
      </c>
      <c r="GC8" s="88">
        <v>0</v>
      </c>
      <c r="GD8" s="88">
        <v>0</v>
      </c>
      <c r="GE8" s="88">
        <v>0</v>
      </c>
      <c r="GF8" s="89">
        <v>0</v>
      </c>
      <c r="GG8" s="90">
        <v>0</v>
      </c>
      <c r="GH8" s="87">
        <v>520</v>
      </c>
      <c r="GI8" s="88">
        <v>766</v>
      </c>
      <c r="GJ8" s="89">
        <v>1286</v>
      </c>
      <c r="GK8" s="399">
        <v>0</v>
      </c>
      <c r="GL8" s="88">
        <v>690</v>
      </c>
      <c r="GM8" s="88">
        <v>842</v>
      </c>
      <c r="GN8" s="88">
        <v>479</v>
      </c>
      <c r="GO8" s="88">
        <v>477</v>
      </c>
      <c r="GP8" s="88">
        <v>312</v>
      </c>
      <c r="GQ8" s="89">
        <v>2800</v>
      </c>
      <c r="GR8" s="90">
        <v>4086</v>
      </c>
      <c r="GS8" s="91">
        <v>2091</v>
      </c>
      <c r="GT8" s="83">
        <v>2658</v>
      </c>
      <c r="GU8" s="84">
        <v>4749</v>
      </c>
      <c r="GV8" s="399">
        <v>0</v>
      </c>
      <c r="GW8" s="83">
        <v>2425</v>
      </c>
      <c r="GX8" s="83">
        <v>2931</v>
      </c>
      <c r="GY8" s="83">
        <v>1657</v>
      </c>
      <c r="GZ8" s="83">
        <v>1467</v>
      </c>
      <c r="HA8" s="83">
        <v>938</v>
      </c>
      <c r="HB8" s="85">
        <v>9418</v>
      </c>
      <c r="HC8" s="86">
        <v>14167</v>
      </c>
      <c r="HD8" s="87">
        <v>41</v>
      </c>
      <c r="HE8" s="88">
        <v>97</v>
      </c>
      <c r="HF8" s="89">
        <v>138</v>
      </c>
      <c r="HG8" s="399">
        <v>0</v>
      </c>
      <c r="HH8" s="88">
        <v>55</v>
      </c>
      <c r="HI8" s="88">
        <v>91</v>
      </c>
      <c r="HJ8" s="88">
        <v>51</v>
      </c>
      <c r="HK8" s="88">
        <v>58</v>
      </c>
      <c r="HL8" s="88">
        <v>35</v>
      </c>
      <c r="HM8" s="89">
        <v>290</v>
      </c>
      <c r="HN8" s="90">
        <v>428</v>
      </c>
      <c r="HO8" s="87">
        <v>131</v>
      </c>
      <c r="HP8" s="88">
        <v>175</v>
      </c>
      <c r="HQ8" s="89">
        <v>306</v>
      </c>
      <c r="HR8" s="399">
        <v>0</v>
      </c>
      <c r="HS8" s="88">
        <v>102</v>
      </c>
      <c r="HT8" s="88">
        <v>180</v>
      </c>
      <c r="HU8" s="88">
        <v>91</v>
      </c>
      <c r="HV8" s="88">
        <v>85</v>
      </c>
      <c r="HW8" s="88">
        <v>73</v>
      </c>
      <c r="HX8" s="89">
        <v>531</v>
      </c>
      <c r="HY8" s="90">
        <v>837</v>
      </c>
      <c r="HZ8" s="87">
        <v>246</v>
      </c>
      <c r="IA8" s="88">
        <v>340</v>
      </c>
      <c r="IB8" s="89">
        <v>586</v>
      </c>
      <c r="IC8" s="399">
        <v>0</v>
      </c>
      <c r="ID8" s="88">
        <v>237</v>
      </c>
      <c r="IE8" s="88">
        <v>320</v>
      </c>
      <c r="IF8" s="88">
        <v>150</v>
      </c>
      <c r="IG8" s="88">
        <v>161</v>
      </c>
      <c r="IH8" s="88">
        <v>114</v>
      </c>
      <c r="II8" s="89">
        <v>982</v>
      </c>
      <c r="IJ8" s="90">
        <v>1568</v>
      </c>
      <c r="IK8" s="87">
        <v>496</v>
      </c>
      <c r="IL8" s="88">
        <v>600</v>
      </c>
      <c r="IM8" s="89">
        <v>1096</v>
      </c>
      <c r="IN8" s="399">
        <v>0</v>
      </c>
      <c r="IO8" s="88">
        <v>509</v>
      </c>
      <c r="IP8" s="88">
        <v>575</v>
      </c>
      <c r="IQ8" s="88">
        <v>277</v>
      </c>
      <c r="IR8" s="88">
        <v>259</v>
      </c>
      <c r="IS8" s="88">
        <v>153</v>
      </c>
      <c r="IT8" s="89">
        <v>1773</v>
      </c>
      <c r="IU8" s="90">
        <v>2869</v>
      </c>
      <c r="IV8" s="87">
        <v>672</v>
      </c>
      <c r="IW8" s="88">
        <v>767</v>
      </c>
      <c r="IX8" s="89">
        <v>1439</v>
      </c>
      <c r="IY8" s="399">
        <v>0</v>
      </c>
      <c r="IZ8" s="88">
        <v>771</v>
      </c>
      <c r="JA8" s="88">
        <v>815</v>
      </c>
      <c r="JB8" s="88">
        <v>443</v>
      </c>
      <c r="JC8" s="88">
        <v>369</v>
      </c>
      <c r="JD8" s="88">
        <v>220</v>
      </c>
      <c r="JE8" s="89">
        <v>2618</v>
      </c>
      <c r="JF8" s="90">
        <v>4057</v>
      </c>
      <c r="JG8" s="87">
        <v>505</v>
      </c>
      <c r="JH8" s="88">
        <v>679</v>
      </c>
      <c r="JI8" s="89">
        <v>1184</v>
      </c>
      <c r="JJ8" s="399">
        <v>0</v>
      </c>
      <c r="JK8" s="88">
        <v>751</v>
      </c>
      <c r="JL8" s="88">
        <v>950</v>
      </c>
      <c r="JM8" s="88">
        <v>645</v>
      </c>
      <c r="JN8" s="88">
        <v>535</v>
      </c>
      <c r="JO8" s="88">
        <v>343</v>
      </c>
      <c r="JP8" s="89">
        <v>3224</v>
      </c>
      <c r="JQ8" s="90">
        <v>4408</v>
      </c>
      <c r="JR8" s="87">
        <v>0</v>
      </c>
      <c r="JS8" s="88">
        <v>0</v>
      </c>
      <c r="JT8" s="89">
        <v>0</v>
      </c>
      <c r="JU8" s="399">
        <v>0</v>
      </c>
      <c r="JV8" s="88">
        <v>0</v>
      </c>
      <c r="JW8" s="88">
        <v>0</v>
      </c>
      <c r="JX8" s="88">
        <v>0</v>
      </c>
      <c r="JY8" s="88">
        <v>0</v>
      </c>
      <c r="JZ8" s="88">
        <v>0</v>
      </c>
      <c r="KA8" s="89">
        <v>0</v>
      </c>
      <c r="KB8" s="90">
        <v>0</v>
      </c>
      <c r="KC8" s="87">
        <v>2091</v>
      </c>
      <c r="KD8" s="88">
        <v>2658</v>
      </c>
      <c r="KE8" s="89">
        <v>4749</v>
      </c>
      <c r="KF8" s="399">
        <v>0</v>
      </c>
      <c r="KG8" s="88">
        <v>2425</v>
      </c>
      <c r="KH8" s="88">
        <v>2931</v>
      </c>
      <c r="KI8" s="88">
        <v>1657</v>
      </c>
      <c r="KJ8" s="88">
        <v>1467</v>
      </c>
      <c r="KK8" s="88">
        <v>938</v>
      </c>
      <c r="KL8" s="89">
        <v>9418</v>
      </c>
      <c r="KM8" s="90">
        <v>14167</v>
      </c>
    </row>
    <row r="9" spans="2:299" s="56" customFormat="1" ht="21" customHeight="1" x14ac:dyDescent="0.2">
      <c r="B9" s="92" t="s">
        <v>6</v>
      </c>
      <c r="C9" s="82">
        <v>473</v>
      </c>
      <c r="D9" s="83">
        <v>433</v>
      </c>
      <c r="E9" s="84">
        <v>906</v>
      </c>
      <c r="F9" s="399">
        <v>0</v>
      </c>
      <c r="G9" s="83">
        <v>793</v>
      </c>
      <c r="H9" s="83">
        <v>630</v>
      </c>
      <c r="I9" s="83">
        <v>350</v>
      </c>
      <c r="J9" s="83">
        <v>341</v>
      </c>
      <c r="K9" s="83">
        <v>226</v>
      </c>
      <c r="L9" s="85">
        <v>2340</v>
      </c>
      <c r="M9" s="86">
        <v>3246</v>
      </c>
      <c r="N9" s="87">
        <v>27</v>
      </c>
      <c r="O9" s="88">
        <v>26</v>
      </c>
      <c r="P9" s="89">
        <v>53</v>
      </c>
      <c r="Q9" s="399">
        <v>0</v>
      </c>
      <c r="R9" s="88">
        <v>27</v>
      </c>
      <c r="S9" s="88">
        <v>25</v>
      </c>
      <c r="T9" s="88">
        <v>13</v>
      </c>
      <c r="U9" s="88">
        <v>16</v>
      </c>
      <c r="V9" s="88">
        <v>11</v>
      </c>
      <c r="W9" s="89">
        <v>92</v>
      </c>
      <c r="X9" s="90">
        <v>145</v>
      </c>
      <c r="Y9" s="87">
        <v>35</v>
      </c>
      <c r="Z9" s="88">
        <v>37</v>
      </c>
      <c r="AA9" s="89">
        <v>72</v>
      </c>
      <c r="AB9" s="399">
        <v>0</v>
      </c>
      <c r="AC9" s="88">
        <v>53</v>
      </c>
      <c r="AD9" s="88">
        <v>37</v>
      </c>
      <c r="AE9" s="88">
        <v>28</v>
      </c>
      <c r="AF9" s="88">
        <v>33</v>
      </c>
      <c r="AG9" s="88">
        <v>28</v>
      </c>
      <c r="AH9" s="89">
        <v>179</v>
      </c>
      <c r="AI9" s="90">
        <v>251</v>
      </c>
      <c r="AJ9" s="87">
        <v>78</v>
      </c>
      <c r="AK9" s="88">
        <v>57</v>
      </c>
      <c r="AL9" s="89">
        <v>135</v>
      </c>
      <c r="AM9" s="399">
        <v>0</v>
      </c>
      <c r="AN9" s="88">
        <v>91</v>
      </c>
      <c r="AO9" s="88">
        <v>68</v>
      </c>
      <c r="AP9" s="88">
        <v>41</v>
      </c>
      <c r="AQ9" s="88">
        <v>36</v>
      </c>
      <c r="AR9" s="88">
        <v>43</v>
      </c>
      <c r="AS9" s="89">
        <v>279</v>
      </c>
      <c r="AT9" s="90">
        <v>414</v>
      </c>
      <c r="AU9" s="87">
        <v>90</v>
      </c>
      <c r="AV9" s="88">
        <v>72</v>
      </c>
      <c r="AW9" s="89">
        <v>162</v>
      </c>
      <c r="AX9" s="399">
        <v>0</v>
      </c>
      <c r="AY9" s="88">
        <v>190</v>
      </c>
      <c r="AZ9" s="88">
        <v>130</v>
      </c>
      <c r="BA9" s="88">
        <v>66</v>
      </c>
      <c r="BB9" s="88">
        <v>65</v>
      </c>
      <c r="BC9" s="88">
        <v>43</v>
      </c>
      <c r="BD9" s="89">
        <v>494</v>
      </c>
      <c r="BE9" s="90">
        <v>656</v>
      </c>
      <c r="BF9" s="87">
        <v>140</v>
      </c>
      <c r="BG9" s="88">
        <v>113</v>
      </c>
      <c r="BH9" s="89">
        <v>253</v>
      </c>
      <c r="BI9" s="399">
        <v>0</v>
      </c>
      <c r="BJ9" s="88">
        <v>222</v>
      </c>
      <c r="BK9" s="88">
        <v>174</v>
      </c>
      <c r="BL9" s="88">
        <v>88</v>
      </c>
      <c r="BM9" s="88">
        <v>74</v>
      </c>
      <c r="BN9" s="88">
        <v>49</v>
      </c>
      <c r="BO9" s="89">
        <v>607</v>
      </c>
      <c r="BP9" s="90">
        <v>860</v>
      </c>
      <c r="BQ9" s="87">
        <v>103</v>
      </c>
      <c r="BR9" s="88">
        <v>128</v>
      </c>
      <c r="BS9" s="89">
        <v>231</v>
      </c>
      <c r="BT9" s="399">
        <v>0</v>
      </c>
      <c r="BU9" s="88">
        <v>210</v>
      </c>
      <c r="BV9" s="88">
        <v>196</v>
      </c>
      <c r="BW9" s="88">
        <v>114</v>
      </c>
      <c r="BX9" s="88">
        <v>117</v>
      </c>
      <c r="BY9" s="88">
        <v>52</v>
      </c>
      <c r="BZ9" s="89">
        <v>689</v>
      </c>
      <c r="CA9" s="90">
        <v>920</v>
      </c>
      <c r="CB9" s="87">
        <v>0</v>
      </c>
      <c r="CC9" s="88">
        <v>0</v>
      </c>
      <c r="CD9" s="89">
        <v>0</v>
      </c>
      <c r="CE9" s="399">
        <v>0</v>
      </c>
      <c r="CF9" s="88">
        <v>0</v>
      </c>
      <c r="CG9" s="88">
        <v>0</v>
      </c>
      <c r="CH9" s="88">
        <v>0</v>
      </c>
      <c r="CI9" s="88">
        <v>0</v>
      </c>
      <c r="CJ9" s="88">
        <v>0</v>
      </c>
      <c r="CK9" s="89">
        <v>0</v>
      </c>
      <c r="CL9" s="90">
        <v>0</v>
      </c>
      <c r="CM9" s="87">
        <v>473</v>
      </c>
      <c r="CN9" s="88">
        <v>433</v>
      </c>
      <c r="CO9" s="89">
        <v>906</v>
      </c>
      <c r="CP9" s="399">
        <v>0</v>
      </c>
      <c r="CQ9" s="88">
        <v>793</v>
      </c>
      <c r="CR9" s="88">
        <v>630</v>
      </c>
      <c r="CS9" s="88">
        <v>350</v>
      </c>
      <c r="CT9" s="88">
        <v>341</v>
      </c>
      <c r="CU9" s="88">
        <v>226</v>
      </c>
      <c r="CV9" s="89">
        <v>2340</v>
      </c>
      <c r="CW9" s="90">
        <v>3246</v>
      </c>
      <c r="CX9" s="91">
        <v>244</v>
      </c>
      <c r="CY9" s="83">
        <v>263</v>
      </c>
      <c r="CZ9" s="84">
        <v>507</v>
      </c>
      <c r="DA9" s="399">
        <v>0</v>
      </c>
      <c r="DB9" s="83">
        <v>396</v>
      </c>
      <c r="DC9" s="83">
        <v>290</v>
      </c>
      <c r="DD9" s="83">
        <v>205</v>
      </c>
      <c r="DE9" s="83">
        <v>203</v>
      </c>
      <c r="DF9" s="83">
        <v>115</v>
      </c>
      <c r="DG9" s="85">
        <v>1209</v>
      </c>
      <c r="DH9" s="86">
        <v>1716</v>
      </c>
      <c r="DI9" s="87">
        <v>6</v>
      </c>
      <c r="DJ9" s="88">
        <v>5</v>
      </c>
      <c r="DK9" s="89">
        <v>11</v>
      </c>
      <c r="DL9" s="399">
        <v>0</v>
      </c>
      <c r="DM9" s="88">
        <v>3</v>
      </c>
      <c r="DN9" s="88">
        <v>4</v>
      </c>
      <c r="DO9" s="88">
        <v>2</v>
      </c>
      <c r="DP9" s="88">
        <v>2</v>
      </c>
      <c r="DQ9" s="88">
        <v>2</v>
      </c>
      <c r="DR9" s="89">
        <v>13</v>
      </c>
      <c r="DS9" s="90">
        <v>24</v>
      </c>
      <c r="DT9" s="87">
        <v>17</v>
      </c>
      <c r="DU9" s="88">
        <v>18</v>
      </c>
      <c r="DV9" s="89">
        <v>35</v>
      </c>
      <c r="DW9" s="399">
        <v>0</v>
      </c>
      <c r="DX9" s="88">
        <v>25</v>
      </c>
      <c r="DY9" s="88">
        <v>13</v>
      </c>
      <c r="DZ9" s="88">
        <v>12</v>
      </c>
      <c r="EA9" s="88">
        <v>7</v>
      </c>
      <c r="EB9" s="88">
        <v>5</v>
      </c>
      <c r="EC9" s="89">
        <v>62</v>
      </c>
      <c r="ED9" s="90">
        <v>97</v>
      </c>
      <c r="EE9" s="87">
        <v>31</v>
      </c>
      <c r="EF9" s="88">
        <v>39</v>
      </c>
      <c r="EG9" s="89">
        <v>70</v>
      </c>
      <c r="EH9" s="399">
        <v>0</v>
      </c>
      <c r="EI9" s="88">
        <v>52</v>
      </c>
      <c r="EJ9" s="88">
        <v>30</v>
      </c>
      <c r="EK9" s="88">
        <v>12</v>
      </c>
      <c r="EL9" s="88">
        <v>7</v>
      </c>
      <c r="EM9" s="88">
        <v>10</v>
      </c>
      <c r="EN9" s="89">
        <v>111</v>
      </c>
      <c r="EO9" s="90">
        <v>181</v>
      </c>
      <c r="EP9" s="87">
        <v>76</v>
      </c>
      <c r="EQ9" s="88">
        <v>60</v>
      </c>
      <c r="ER9" s="89">
        <v>136</v>
      </c>
      <c r="ES9" s="399">
        <v>0</v>
      </c>
      <c r="ET9" s="88">
        <v>75</v>
      </c>
      <c r="EU9" s="88">
        <v>59</v>
      </c>
      <c r="EV9" s="88">
        <v>24</v>
      </c>
      <c r="EW9" s="88">
        <v>34</v>
      </c>
      <c r="EX9" s="88">
        <v>23</v>
      </c>
      <c r="EY9" s="89">
        <v>215</v>
      </c>
      <c r="EZ9" s="90">
        <v>351</v>
      </c>
      <c r="FA9" s="87">
        <v>65</v>
      </c>
      <c r="FB9" s="88">
        <v>75</v>
      </c>
      <c r="FC9" s="89">
        <v>140</v>
      </c>
      <c r="FD9" s="399">
        <v>0</v>
      </c>
      <c r="FE9" s="88">
        <v>109</v>
      </c>
      <c r="FF9" s="88">
        <v>68</v>
      </c>
      <c r="FG9" s="88">
        <v>48</v>
      </c>
      <c r="FH9" s="88">
        <v>48</v>
      </c>
      <c r="FI9" s="88">
        <v>25</v>
      </c>
      <c r="FJ9" s="89">
        <v>298</v>
      </c>
      <c r="FK9" s="90">
        <v>438</v>
      </c>
      <c r="FL9" s="87">
        <v>49</v>
      </c>
      <c r="FM9" s="88">
        <v>66</v>
      </c>
      <c r="FN9" s="89">
        <v>115</v>
      </c>
      <c r="FO9" s="399">
        <v>0</v>
      </c>
      <c r="FP9" s="88">
        <v>132</v>
      </c>
      <c r="FQ9" s="88">
        <v>116</v>
      </c>
      <c r="FR9" s="88">
        <v>107</v>
      </c>
      <c r="FS9" s="88">
        <v>105</v>
      </c>
      <c r="FT9" s="88">
        <v>50</v>
      </c>
      <c r="FU9" s="89">
        <v>510</v>
      </c>
      <c r="FV9" s="90">
        <v>625</v>
      </c>
      <c r="FW9" s="87">
        <v>0</v>
      </c>
      <c r="FX9" s="88">
        <v>0</v>
      </c>
      <c r="FY9" s="89">
        <v>0</v>
      </c>
      <c r="FZ9" s="399">
        <v>0</v>
      </c>
      <c r="GA9" s="88">
        <v>0</v>
      </c>
      <c r="GB9" s="88">
        <v>0</v>
      </c>
      <c r="GC9" s="88">
        <v>0</v>
      </c>
      <c r="GD9" s="88">
        <v>0</v>
      </c>
      <c r="GE9" s="88">
        <v>0</v>
      </c>
      <c r="GF9" s="89">
        <v>0</v>
      </c>
      <c r="GG9" s="90">
        <v>0</v>
      </c>
      <c r="GH9" s="87">
        <v>244</v>
      </c>
      <c r="GI9" s="88">
        <v>263</v>
      </c>
      <c r="GJ9" s="89">
        <v>507</v>
      </c>
      <c r="GK9" s="399">
        <v>0</v>
      </c>
      <c r="GL9" s="88">
        <v>396</v>
      </c>
      <c r="GM9" s="88">
        <v>290</v>
      </c>
      <c r="GN9" s="88">
        <v>205</v>
      </c>
      <c r="GO9" s="88">
        <v>203</v>
      </c>
      <c r="GP9" s="88">
        <v>115</v>
      </c>
      <c r="GQ9" s="89">
        <v>1209</v>
      </c>
      <c r="GR9" s="90">
        <v>1716</v>
      </c>
      <c r="GS9" s="91">
        <v>717</v>
      </c>
      <c r="GT9" s="83">
        <v>696</v>
      </c>
      <c r="GU9" s="84">
        <v>1413</v>
      </c>
      <c r="GV9" s="399">
        <v>0</v>
      </c>
      <c r="GW9" s="83">
        <v>1189</v>
      </c>
      <c r="GX9" s="83">
        <v>920</v>
      </c>
      <c r="GY9" s="83">
        <v>555</v>
      </c>
      <c r="GZ9" s="83">
        <v>544</v>
      </c>
      <c r="HA9" s="83">
        <v>341</v>
      </c>
      <c r="HB9" s="85">
        <v>3549</v>
      </c>
      <c r="HC9" s="86">
        <v>4962</v>
      </c>
      <c r="HD9" s="87">
        <v>33</v>
      </c>
      <c r="HE9" s="88">
        <v>31</v>
      </c>
      <c r="HF9" s="89">
        <v>64</v>
      </c>
      <c r="HG9" s="399">
        <v>0</v>
      </c>
      <c r="HH9" s="88">
        <v>30</v>
      </c>
      <c r="HI9" s="88">
        <v>29</v>
      </c>
      <c r="HJ9" s="88">
        <v>15</v>
      </c>
      <c r="HK9" s="88">
        <v>18</v>
      </c>
      <c r="HL9" s="88">
        <v>13</v>
      </c>
      <c r="HM9" s="89">
        <v>105</v>
      </c>
      <c r="HN9" s="90">
        <v>169</v>
      </c>
      <c r="HO9" s="87">
        <v>52</v>
      </c>
      <c r="HP9" s="88">
        <v>55</v>
      </c>
      <c r="HQ9" s="89">
        <v>107</v>
      </c>
      <c r="HR9" s="399">
        <v>0</v>
      </c>
      <c r="HS9" s="88">
        <v>78</v>
      </c>
      <c r="HT9" s="88">
        <v>50</v>
      </c>
      <c r="HU9" s="88">
        <v>40</v>
      </c>
      <c r="HV9" s="88">
        <v>40</v>
      </c>
      <c r="HW9" s="88">
        <v>33</v>
      </c>
      <c r="HX9" s="89">
        <v>241</v>
      </c>
      <c r="HY9" s="90">
        <v>348</v>
      </c>
      <c r="HZ9" s="87">
        <v>109</v>
      </c>
      <c r="IA9" s="88">
        <v>96</v>
      </c>
      <c r="IB9" s="89">
        <v>205</v>
      </c>
      <c r="IC9" s="399">
        <v>0</v>
      </c>
      <c r="ID9" s="88">
        <v>143</v>
      </c>
      <c r="IE9" s="88">
        <v>98</v>
      </c>
      <c r="IF9" s="88">
        <v>53</v>
      </c>
      <c r="IG9" s="88">
        <v>43</v>
      </c>
      <c r="IH9" s="88">
        <v>53</v>
      </c>
      <c r="II9" s="89">
        <v>390</v>
      </c>
      <c r="IJ9" s="90">
        <v>595</v>
      </c>
      <c r="IK9" s="87">
        <v>166</v>
      </c>
      <c r="IL9" s="88">
        <v>132</v>
      </c>
      <c r="IM9" s="89">
        <v>298</v>
      </c>
      <c r="IN9" s="399">
        <v>0</v>
      </c>
      <c r="IO9" s="88">
        <v>265</v>
      </c>
      <c r="IP9" s="88">
        <v>189</v>
      </c>
      <c r="IQ9" s="88">
        <v>90</v>
      </c>
      <c r="IR9" s="88">
        <v>99</v>
      </c>
      <c r="IS9" s="88">
        <v>66</v>
      </c>
      <c r="IT9" s="89">
        <v>709</v>
      </c>
      <c r="IU9" s="90">
        <v>1007</v>
      </c>
      <c r="IV9" s="87">
        <v>205</v>
      </c>
      <c r="IW9" s="88">
        <v>188</v>
      </c>
      <c r="IX9" s="89">
        <v>393</v>
      </c>
      <c r="IY9" s="399">
        <v>0</v>
      </c>
      <c r="IZ9" s="88">
        <v>331</v>
      </c>
      <c r="JA9" s="88">
        <v>242</v>
      </c>
      <c r="JB9" s="88">
        <v>136</v>
      </c>
      <c r="JC9" s="88">
        <v>122</v>
      </c>
      <c r="JD9" s="88">
        <v>74</v>
      </c>
      <c r="JE9" s="89">
        <v>905</v>
      </c>
      <c r="JF9" s="90">
        <v>1298</v>
      </c>
      <c r="JG9" s="87">
        <v>152</v>
      </c>
      <c r="JH9" s="88">
        <v>194</v>
      </c>
      <c r="JI9" s="89">
        <v>346</v>
      </c>
      <c r="JJ9" s="399">
        <v>0</v>
      </c>
      <c r="JK9" s="88">
        <v>342</v>
      </c>
      <c r="JL9" s="88">
        <v>312</v>
      </c>
      <c r="JM9" s="88">
        <v>221</v>
      </c>
      <c r="JN9" s="88">
        <v>222</v>
      </c>
      <c r="JO9" s="88">
        <v>102</v>
      </c>
      <c r="JP9" s="89">
        <v>1199</v>
      </c>
      <c r="JQ9" s="90">
        <v>1545</v>
      </c>
      <c r="JR9" s="87">
        <v>0</v>
      </c>
      <c r="JS9" s="88">
        <v>0</v>
      </c>
      <c r="JT9" s="89">
        <v>0</v>
      </c>
      <c r="JU9" s="399">
        <v>0</v>
      </c>
      <c r="JV9" s="88">
        <v>0</v>
      </c>
      <c r="JW9" s="88">
        <v>0</v>
      </c>
      <c r="JX9" s="88">
        <v>0</v>
      </c>
      <c r="JY9" s="88">
        <v>0</v>
      </c>
      <c r="JZ9" s="88">
        <v>0</v>
      </c>
      <c r="KA9" s="89">
        <v>0</v>
      </c>
      <c r="KB9" s="90">
        <v>0</v>
      </c>
      <c r="KC9" s="87">
        <v>717</v>
      </c>
      <c r="KD9" s="88">
        <v>696</v>
      </c>
      <c r="KE9" s="89">
        <v>1413</v>
      </c>
      <c r="KF9" s="399">
        <v>0</v>
      </c>
      <c r="KG9" s="88">
        <v>1189</v>
      </c>
      <c r="KH9" s="88">
        <v>920</v>
      </c>
      <c r="KI9" s="88">
        <v>555</v>
      </c>
      <c r="KJ9" s="88">
        <v>544</v>
      </c>
      <c r="KK9" s="88">
        <v>341</v>
      </c>
      <c r="KL9" s="89">
        <v>3549</v>
      </c>
      <c r="KM9" s="90">
        <v>4962</v>
      </c>
    </row>
    <row r="10" spans="2:299" s="56" customFormat="1" ht="21" customHeight="1" x14ac:dyDescent="0.2">
      <c r="B10" s="92" t="s">
        <v>14</v>
      </c>
      <c r="C10" s="82">
        <v>205</v>
      </c>
      <c r="D10" s="83">
        <v>239</v>
      </c>
      <c r="E10" s="84">
        <v>444</v>
      </c>
      <c r="F10" s="399">
        <v>0</v>
      </c>
      <c r="G10" s="83">
        <v>233</v>
      </c>
      <c r="H10" s="83">
        <v>296</v>
      </c>
      <c r="I10" s="83">
        <v>185</v>
      </c>
      <c r="J10" s="83">
        <v>150</v>
      </c>
      <c r="K10" s="83">
        <v>77</v>
      </c>
      <c r="L10" s="85">
        <v>941</v>
      </c>
      <c r="M10" s="86">
        <v>1385</v>
      </c>
      <c r="N10" s="87">
        <v>7</v>
      </c>
      <c r="O10" s="88">
        <v>12</v>
      </c>
      <c r="P10" s="89">
        <v>19</v>
      </c>
      <c r="Q10" s="399">
        <v>0</v>
      </c>
      <c r="R10" s="88">
        <v>9</v>
      </c>
      <c r="S10" s="88">
        <v>8</v>
      </c>
      <c r="T10" s="88">
        <v>3</v>
      </c>
      <c r="U10" s="88">
        <v>8</v>
      </c>
      <c r="V10" s="88">
        <v>3</v>
      </c>
      <c r="W10" s="89">
        <v>31</v>
      </c>
      <c r="X10" s="90">
        <v>50</v>
      </c>
      <c r="Y10" s="87">
        <v>15</v>
      </c>
      <c r="Z10" s="88">
        <v>24</v>
      </c>
      <c r="AA10" s="89">
        <v>39</v>
      </c>
      <c r="AB10" s="399">
        <v>0</v>
      </c>
      <c r="AC10" s="88">
        <v>9</v>
      </c>
      <c r="AD10" s="88">
        <v>16</v>
      </c>
      <c r="AE10" s="88">
        <v>16</v>
      </c>
      <c r="AF10" s="88">
        <v>12</v>
      </c>
      <c r="AG10" s="88">
        <v>11</v>
      </c>
      <c r="AH10" s="89">
        <v>64</v>
      </c>
      <c r="AI10" s="90">
        <v>103</v>
      </c>
      <c r="AJ10" s="87">
        <v>25</v>
      </c>
      <c r="AK10" s="88">
        <v>35</v>
      </c>
      <c r="AL10" s="89">
        <v>60</v>
      </c>
      <c r="AM10" s="399">
        <v>0</v>
      </c>
      <c r="AN10" s="88">
        <v>23</v>
      </c>
      <c r="AO10" s="88">
        <v>45</v>
      </c>
      <c r="AP10" s="88">
        <v>24</v>
      </c>
      <c r="AQ10" s="88">
        <v>15</v>
      </c>
      <c r="AR10" s="88">
        <v>13</v>
      </c>
      <c r="AS10" s="89">
        <v>120</v>
      </c>
      <c r="AT10" s="90">
        <v>180</v>
      </c>
      <c r="AU10" s="87">
        <v>47</v>
      </c>
      <c r="AV10" s="88">
        <v>58</v>
      </c>
      <c r="AW10" s="89">
        <v>105</v>
      </c>
      <c r="AX10" s="399">
        <v>0</v>
      </c>
      <c r="AY10" s="88">
        <v>50</v>
      </c>
      <c r="AZ10" s="88">
        <v>71</v>
      </c>
      <c r="BA10" s="88">
        <v>34</v>
      </c>
      <c r="BB10" s="88">
        <v>32</v>
      </c>
      <c r="BC10" s="88">
        <v>15</v>
      </c>
      <c r="BD10" s="89">
        <v>202</v>
      </c>
      <c r="BE10" s="90">
        <v>307</v>
      </c>
      <c r="BF10" s="87">
        <v>78</v>
      </c>
      <c r="BG10" s="88">
        <v>68</v>
      </c>
      <c r="BH10" s="89">
        <v>146</v>
      </c>
      <c r="BI10" s="399">
        <v>0</v>
      </c>
      <c r="BJ10" s="88">
        <v>70</v>
      </c>
      <c r="BK10" s="88">
        <v>82</v>
      </c>
      <c r="BL10" s="88">
        <v>61</v>
      </c>
      <c r="BM10" s="88">
        <v>39</v>
      </c>
      <c r="BN10" s="88">
        <v>18</v>
      </c>
      <c r="BO10" s="89">
        <v>270</v>
      </c>
      <c r="BP10" s="90">
        <v>416</v>
      </c>
      <c r="BQ10" s="87">
        <v>33</v>
      </c>
      <c r="BR10" s="88">
        <v>42</v>
      </c>
      <c r="BS10" s="89">
        <v>75</v>
      </c>
      <c r="BT10" s="399">
        <v>0</v>
      </c>
      <c r="BU10" s="88">
        <v>72</v>
      </c>
      <c r="BV10" s="88">
        <v>74</v>
      </c>
      <c r="BW10" s="88">
        <v>47</v>
      </c>
      <c r="BX10" s="88">
        <v>44</v>
      </c>
      <c r="BY10" s="88">
        <v>17</v>
      </c>
      <c r="BZ10" s="89">
        <v>254</v>
      </c>
      <c r="CA10" s="90">
        <v>329</v>
      </c>
      <c r="CB10" s="87">
        <v>0</v>
      </c>
      <c r="CC10" s="88">
        <v>0</v>
      </c>
      <c r="CD10" s="89">
        <v>0</v>
      </c>
      <c r="CE10" s="399">
        <v>0</v>
      </c>
      <c r="CF10" s="88">
        <v>0</v>
      </c>
      <c r="CG10" s="88">
        <v>0</v>
      </c>
      <c r="CH10" s="88">
        <v>0</v>
      </c>
      <c r="CI10" s="88">
        <v>0</v>
      </c>
      <c r="CJ10" s="88">
        <v>0</v>
      </c>
      <c r="CK10" s="89">
        <v>0</v>
      </c>
      <c r="CL10" s="90">
        <v>0</v>
      </c>
      <c r="CM10" s="87">
        <v>205</v>
      </c>
      <c r="CN10" s="88">
        <v>239</v>
      </c>
      <c r="CO10" s="89">
        <v>444</v>
      </c>
      <c r="CP10" s="399">
        <v>0</v>
      </c>
      <c r="CQ10" s="88">
        <v>233</v>
      </c>
      <c r="CR10" s="88">
        <v>296</v>
      </c>
      <c r="CS10" s="88">
        <v>185</v>
      </c>
      <c r="CT10" s="88">
        <v>150</v>
      </c>
      <c r="CU10" s="88">
        <v>77</v>
      </c>
      <c r="CV10" s="89">
        <v>941</v>
      </c>
      <c r="CW10" s="90">
        <v>1385</v>
      </c>
      <c r="CX10" s="91">
        <v>58</v>
      </c>
      <c r="CY10" s="83">
        <v>83</v>
      </c>
      <c r="CZ10" s="84">
        <v>141</v>
      </c>
      <c r="DA10" s="399">
        <v>0</v>
      </c>
      <c r="DB10" s="83">
        <v>98</v>
      </c>
      <c r="DC10" s="83">
        <v>132</v>
      </c>
      <c r="DD10" s="83">
        <v>70</v>
      </c>
      <c r="DE10" s="83">
        <v>82</v>
      </c>
      <c r="DF10" s="83">
        <v>53</v>
      </c>
      <c r="DG10" s="85">
        <v>435</v>
      </c>
      <c r="DH10" s="86">
        <v>576</v>
      </c>
      <c r="DI10" s="87">
        <v>1</v>
      </c>
      <c r="DJ10" s="88">
        <v>5</v>
      </c>
      <c r="DK10" s="89">
        <v>6</v>
      </c>
      <c r="DL10" s="399">
        <v>0</v>
      </c>
      <c r="DM10" s="88">
        <v>2</v>
      </c>
      <c r="DN10" s="88">
        <v>5</v>
      </c>
      <c r="DO10" s="88">
        <v>0</v>
      </c>
      <c r="DP10" s="88">
        <v>4</v>
      </c>
      <c r="DQ10" s="88">
        <v>4</v>
      </c>
      <c r="DR10" s="89">
        <v>15</v>
      </c>
      <c r="DS10" s="90">
        <v>21</v>
      </c>
      <c r="DT10" s="87">
        <v>3</v>
      </c>
      <c r="DU10" s="88">
        <v>2</v>
      </c>
      <c r="DV10" s="89">
        <v>5</v>
      </c>
      <c r="DW10" s="399">
        <v>0</v>
      </c>
      <c r="DX10" s="88">
        <v>5</v>
      </c>
      <c r="DY10" s="88">
        <v>7</v>
      </c>
      <c r="DZ10" s="88">
        <v>5</v>
      </c>
      <c r="EA10" s="88">
        <v>0</v>
      </c>
      <c r="EB10" s="88">
        <v>1</v>
      </c>
      <c r="EC10" s="89">
        <v>18</v>
      </c>
      <c r="ED10" s="90">
        <v>23</v>
      </c>
      <c r="EE10" s="87">
        <v>15</v>
      </c>
      <c r="EF10" s="88">
        <v>15</v>
      </c>
      <c r="EG10" s="89">
        <v>30</v>
      </c>
      <c r="EH10" s="399">
        <v>0</v>
      </c>
      <c r="EI10" s="88">
        <v>9</v>
      </c>
      <c r="EJ10" s="88">
        <v>10</v>
      </c>
      <c r="EK10" s="88">
        <v>7</v>
      </c>
      <c r="EL10" s="88">
        <v>5</v>
      </c>
      <c r="EM10" s="88">
        <v>5</v>
      </c>
      <c r="EN10" s="89">
        <v>36</v>
      </c>
      <c r="EO10" s="90">
        <v>66</v>
      </c>
      <c r="EP10" s="87">
        <v>14</v>
      </c>
      <c r="EQ10" s="88">
        <v>17</v>
      </c>
      <c r="ER10" s="89">
        <v>31</v>
      </c>
      <c r="ES10" s="399">
        <v>0</v>
      </c>
      <c r="ET10" s="88">
        <v>17</v>
      </c>
      <c r="EU10" s="88">
        <v>26</v>
      </c>
      <c r="EV10" s="88">
        <v>12</v>
      </c>
      <c r="EW10" s="88">
        <v>10</v>
      </c>
      <c r="EX10" s="88">
        <v>11</v>
      </c>
      <c r="EY10" s="89">
        <v>76</v>
      </c>
      <c r="EZ10" s="90">
        <v>107</v>
      </c>
      <c r="FA10" s="87">
        <v>18</v>
      </c>
      <c r="FB10" s="88">
        <v>24</v>
      </c>
      <c r="FC10" s="89">
        <v>42</v>
      </c>
      <c r="FD10" s="399">
        <v>0</v>
      </c>
      <c r="FE10" s="88">
        <v>31</v>
      </c>
      <c r="FF10" s="88">
        <v>41</v>
      </c>
      <c r="FG10" s="88">
        <v>13</v>
      </c>
      <c r="FH10" s="88">
        <v>20</v>
      </c>
      <c r="FI10" s="88">
        <v>14</v>
      </c>
      <c r="FJ10" s="89">
        <v>119</v>
      </c>
      <c r="FK10" s="90">
        <v>161</v>
      </c>
      <c r="FL10" s="87">
        <v>7</v>
      </c>
      <c r="FM10" s="88">
        <v>20</v>
      </c>
      <c r="FN10" s="89">
        <v>27</v>
      </c>
      <c r="FO10" s="399">
        <v>0</v>
      </c>
      <c r="FP10" s="88">
        <v>34</v>
      </c>
      <c r="FQ10" s="88">
        <v>43</v>
      </c>
      <c r="FR10" s="88">
        <v>33</v>
      </c>
      <c r="FS10" s="88">
        <v>43</v>
      </c>
      <c r="FT10" s="88">
        <v>18</v>
      </c>
      <c r="FU10" s="89">
        <v>171</v>
      </c>
      <c r="FV10" s="90">
        <v>198</v>
      </c>
      <c r="FW10" s="87">
        <v>0</v>
      </c>
      <c r="FX10" s="88">
        <v>0</v>
      </c>
      <c r="FY10" s="89">
        <v>0</v>
      </c>
      <c r="FZ10" s="399">
        <v>0</v>
      </c>
      <c r="GA10" s="88">
        <v>0</v>
      </c>
      <c r="GB10" s="88">
        <v>0</v>
      </c>
      <c r="GC10" s="88">
        <v>0</v>
      </c>
      <c r="GD10" s="88">
        <v>0</v>
      </c>
      <c r="GE10" s="88">
        <v>0</v>
      </c>
      <c r="GF10" s="89">
        <v>0</v>
      </c>
      <c r="GG10" s="90">
        <v>0</v>
      </c>
      <c r="GH10" s="87">
        <v>58</v>
      </c>
      <c r="GI10" s="88">
        <v>83</v>
      </c>
      <c r="GJ10" s="89">
        <v>141</v>
      </c>
      <c r="GK10" s="399">
        <v>0</v>
      </c>
      <c r="GL10" s="88">
        <v>98</v>
      </c>
      <c r="GM10" s="88">
        <v>132</v>
      </c>
      <c r="GN10" s="88">
        <v>70</v>
      </c>
      <c r="GO10" s="88">
        <v>82</v>
      </c>
      <c r="GP10" s="88">
        <v>53</v>
      </c>
      <c r="GQ10" s="89">
        <v>435</v>
      </c>
      <c r="GR10" s="90">
        <v>576</v>
      </c>
      <c r="GS10" s="91">
        <v>263</v>
      </c>
      <c r="GT10" s="83">
        <v>322</v>
      </c>
      <c r="GU10" s="84">
        <v>585</v>
      </c>
      <c r="GV10" s="399">
        <v>0</v>
      </c>
      <c r="GW10" s="83">
        <v>331</v>
      </c>
      <c r="GX10" s="83">
        <v>428</v>
      </c>
      <c r="GY10" s="83">
        <v>255</v>
      </c>
      <c r="GZ10" s="83">
        <v>232</v>
      </c>
      <c r="HA10" s="83">
        <v>130</v>
      </c>
      <c r="HB10" s="85">
        <v>1376</v>
      </c>
      <c r="HC10" s="86">
        <v>1961</v>
      </c>
      <c r="HD10" s="87">
        <v>8</v>
      </c>
      <c r="HE10" s="88">
        <v>17</v>
      </c>
      <c r="HF10" s="89">
        <v>25</v>
      </c>
      <c r="HG10" s="399">
        <v>0</v>
      </c>
      <c r="HH10" s="88">
        <v>11</v>
      </c>
      <c r="HI10" s="88">
        <v>13</v>
      </c>
      <c r="HJ10" s="88">
        <v>3</v>
      </c>
      <c r="HK10" s="88">
        <v>12</v>
      </c>
      <c r="HL10" s="88">
        <v>7</v>
      </c>
      <c r="HM10" s="89">
        <v>46</v>
      </c>
      <c r="HN10" s="90">
        <v>71</v>
      </c>
      <c r="HO10" s="87">
        <v>18</v>
      </c>
      <c r="HP10" s="88">
        <v>26</v>
      </c>
      <c r="HQ10" s="89">
        <v>44</v>
      </c>
      <c r="HR10" s="399">
        <v>0</v>
      </c>
      <c r="HS10" s="88">
        <v>14</v>
      </c>
      <c r="HT10" s="88">
        <v>23</v>
      </c>
      <c r="HU10" s="88">
        <v>21</v>
      </c>
      <c r="HV10" s="88">
        <v>12</v>
      </c>
      <c r="HW10" s="88">
        <v>12</v>
      </c>
      <c r="HX10" s="89">
        <v>82</v>
      </c>
      <c r="HY10" s="90">
        <v>126</v>
      </c>
      <c r="HZ10" s="87">
        <v>40</v>
      </c>
      <c r="IA10" s="88">
        <v>50</v>
      </c>
      <c r="IB10" s="89">
        <v>90</v>
      </c>
      <c r="IC10" s="399">
        <v>0</v>
      </c>
      <c r="ID10" s="88">
        <v>32</v>
      </c>
      <c r="IE10" s="88">
        <v>55</v>
      </c>
      <c r="IF10" s="88">
        <v>31</v>
      </c>
      <c r="IG10" s="88">
        <v>20</v>
      </c>
      <c r="IH10" s="88">
        <v>18</v>
      </c>
      <c r="II10" s="89">
        <v>156</v>
      </c>
      <c r="IJ10" s="90">
        <v>246</v>
      </c>
      <c r="IK10" s="87">
        <v>61</v>
      </c>
      <c r="IL10" s="88">
        <v>75</v>
      </c>
      <c r="IM10" s="89">
        <v>136</v>
      </c>
      <c r="IN10" s="399">
        <v>0</v>
      </c>
      <c r="IO10" s="88">
        <v>67</v>
      </c>
      <c r="IP10" s="88">
        <v>97</v>
      </c>
      <c r="IQ10" s="88">
        <v>46</v>
      </c>
      <c r="IR10" s="88">
        <v>42</v>
      </c>
      <c r="IS10" s="88">
        <v>26</v>
      </c>
      <c r="IT10" s="89">
        <v>278</v>
      </c>
      <c r="IU10" s="90">
        <v>414</v>
      </c>
      <c r="IV10" s="87">
        <v>96</v>
      </c>
      <c r="IW10" s="88">
        <v>92</v>
      </c>
      <c r="IX10" s="89">
        <v>188</v>
      </c>
      <c r="IY10" s="399">
        <v>0</v>
      </c>
      <c r="IZ10" s="88">
        <v>101</v>
      </c>
      <c r="JA10" s="88">
        <v>123</v>
      </c>
      <c r="JB10" s="88">
        <v>74</v>
      </c>
      <c r="JC10" s="88">
        <v>59</v>
      </c>
      <c r="JD10" s="88">
        <v>32</v>
      </c>
      <c r="JE10" s="89">
        <v>389</v>
      </c>
      <c r="JF10" s="90">
        <v>577</v>
      </c>
      <c r="JG10" s="87">
        <v>40</v>
      </c>
      <c r="JH10" s="88">
        <v>62</v>
      </c>
      <c r="JI10" s="89">
        <v>102</v>
      </c>
      <c r="JJ10" s="399">
        <v>0</v>
      </c>
      <c r="JK10" s="88">
        <v>106</v>
      </c>
      <c r="JL10" s="88">
        <v>117</v>
      </c>
      <c r="JM10" s="88">
        <v>80</v>
      </c>
      <c r="JN10" s="88">
        <v>87</v>
      </c>
      <c r="JO10" s="88">
        <v>35</v>
      </c>
      <c r="JP10" s="89">
        <v>425</v>
      </c>
      <c r="JQ10" s="90">
        <v>527</v>
      </c>
      <c r="JR10" s="87">
        <v>0</v>
      </c>
      <c r="JS10" s="88">
        <v>0</v>
      </c>
      <c r="JT10" s="89">
        <v>0</v>
      </c>
      <c r="JU10" s="399">
        <v>0</v>
      </c>
      <c r="JV10" s="88">
        <v>0</v>
      </c>
      <c r="JW10" s="88">
        <v>0</v>
      </c>
      <c r="JX10" s="88">
        <v>0</v>
      </c>
      <c r="JY10" s="88">
        <v>0</v>
      </c>
      <c r="JZ10" s="88">
        <v>0</v>
      </c>
      <c r="KA10" s="89">
        <v>0</v>
      </c>
      <c r="KB10" s="90">
        <v>0</v>
      </c>
      <c r="KC10" s="87">
        <v>263</v>
      </c>
      <c r="KD10" s="88">
        <v>322</v>
      </c>
      <c r="KE10" s="89">
        <v>585</v>
      </c>
      <c r="KF10" s="399">
        <v>0</v>
      </c>
      <c r="KG10" s="88">
        <v>331</v>
      </c>
      <c r="KH10" s="88">
        <v>428</v>
      </c>
      <c r="KI10" s="88">
        <v>255</v>
      </c>
      <c r="KJ10" s="88">
        <v>232</v>
      </c>
      <c r="KK10" s="88">
        <v>130</v>
      </c>
      <c r="KL10" s="89">
        <v>1376</v>
      </c>
      <c r="KM10" s="90">
        <v>1961</v>
      </c>
    </row>
    <row r="11" spans="2:299" s="56" customFormat="1" ht="21" customHeight="1" x14ac:dyDescent="0.2">
      <c r="B11" s="92" t="s">
        <v>7</v>
      </c>
      <c r="C11" s="82">
        <v>144</v>
      </c>
      <c r="D11" s="83">
        <v>102</v>
      </c>
      <c r="E11" s="84">
        <v>246</v>
      </c>
      <c r="F11" s="399">
        <v>0</v>
      </c>
      <c r="G11" s="83">
        <v>262</v>
      </c>
      <c r="H11" s="83">
        <v>131</v>
      </c>
      <c r="I11" s="83">
        <v>91</v>
      </c>
      <c r="J11" s="83">
        <v>78</v>
      </c>
      <c r="K11" s="83">
        <v>35</v>
      </c>
      <c r="L11" s="85">
        <v>597</v>
      </c>
      <c r="M11" s="86">
        <v>843</v>
      </c>
      <c r="N11" s="87">
        <v>6</v>
      </c>
      <c r="O11" s="88">
        <v>3</v>
      </c>
      <c r="P11" s="89">
        <v>9</v>
      </c>
      <c r="Q11" s="399">
        <v>0</v>
      </c>
      <c r="R11" s="88">
        <v>4</v>
      </c>
      <c r="S11" s="88">
        <v>2</v>
      </c>
      <c r="T11" s="88">
        <v>5</v>
      </c>
      <c r="U11" s="88">
        <v>1</v>
      </c>
      <c r="V11" s="88">
        <v>1</v>
      </c>
      <c r="W11" s="89">
        <v>13</v>
      </c>
      <c r="X11" s="90">
        <v>22</v>
      </c>
      <c r="Y11" s="87">
        <v>5</v>
      </c>
      <c r="Z11" s="88">
        <v>7</v>
      </c>
      <c r="AA11" s="89">
        <v>12</v>
      </c>
      <c r="AB11" s="399">
        <v>0</v>
      </c>
      <c r="AC11" s="88">
        <v>13</v>
      </c>
      <c r="AD11" s="88">
        <v>8</v>
      </c>
      <c r="AE11" s="88">
        <v>6</v>
      </c>
      <c r="AF11" s="88">
        <v>8</v>
      </c>
      <c r="AG11" s="88">
        <v>3</v>
      </c>
      <c r="AH11" s="89">
        <v>38</v>
      </c>
      <c r="AI11" s="90">
        <v>50</v>
      </c>
      <c r="AJ11" s="87">
        <v>15</v>
      </c>
      <c r="AK11" s="88">
        <v>16</v>
      </c>
      <c r="AL11" s="89">
        <v>31</v>
      </c>
      <c r="AM11" s="399">
        <v>0</v>
      </c>
      <c r="AN11" s="88">
        <v>35</v>
      </c>
      <c r="AO11" s="88">
        <v>14</v>
      </c>
      <c r="AP11" s="88">
        <v>7</v>
      </c>
      <c r="AQ11" s="88">
        <v>12</v>
      </c>
      <c r="AR11" s="88">
        <v>4</v>
      </c>
      <c r="AS11" s="89">
        <v>72</v>
      </c>
      <c r="AT11" s="90">
        <v>103</v>
      </c>
      <c r="AU11" s="87">
        <v>38</v>
      </c>
      <c r="AV11" s="88">
        <v>22</v>
      </c>
      <c r="AW11" s="89">
        <v>60</v>
      </c>
      <c r="AX11" s="399">
        <v>0</v>
      </c>
      <c r="AY11" s="88">
        <v>54</v>
      </c>
      <c r="AZ11" s="88">
        <v>29</v>
      </c>
      <c r="BA11" s="88">
        <v>16</v>
      </c>
      <c r="BB11" s="88">
        <v>11</v>
      </c>
      <c r="BC11" s="88">
        <v>15</v>
      </c>
      <c r="BD11" s="89">
        <v>125</v>
      </c>
      <c r="BE11" s="90">
        <v>185</v>
      </c>
      <c r="BF11" s="87">
        <v>49</v>
      </c>
      <c r="BG11" s="88">
        <v>25</v>
      </c>
      <c r="BH11" s="89">
        <v>74</v>
      </c>
      <c r="BI11" s="399">
        <v>0</v>
      </c>
      <c r="BJ11" s="88">
        <v>73</v>
      </c>
      <c r="BK11" s="88">
        <v>39</v>
      </c>
      <c r="BL11" s="88">
        <v>27</v>
      </c>
      <c r="BM11" s="88">
        <v>20</v>
      </c>
      <c r="BN11" s="88">
        <v>9</v>
      </c>
      <c r="BO11" s="89">
        <v>168</v>
      </c>
      <c r="BP11" s="90">
        <v>242</v>
      </c>
      <c r="BQ11" s="87">
        <v>31</v>
      </c>
      <c r="BR11" s="88">
        <v>29</v>
      </c>
      <c r="BS11" s="89">
        <v>60</v>
      </c>
      <c r="BT11" s="399">
        <v>0</v>
      </c>
      <c r="BU11" s="88">
        <v>83</v>
      </c>
      <c r="BV11" s="88">
        <v>39</v>
      </c>
      <c r="BW11" s="88">
        <v>30</v>
      </c>
      <c r="BX11" s="88">
        <v>26</v>
      </c>
      <c r="BY11" s="88">
        <v>3</v>
      </c>
      <c r="BZ11" s="89">
        <v>181</v>
      </c>
      <c r="CA11" s="90">
        <v>241</v>
      </c>
      <c r="CB11" s="87">
        <v>0</v>
      </c>
      <c r="CC11" s="88">
        <v>0</v>
      </c>
      <c r="CD11" s="89">
        <v>0</v>
      </c>
      <c r="CE11" s="399">
        <v>0</v>
      </c>
      <c r="CF11" s="88">
        <v>0</v>
      </c>
      <c r="CG11" s="88">
        <v>0</v>
      </c>
      <c r="CH11" s="88">
        <v>0</v>
      </c>
      <c r="CI11" s="88">
        <v>0</v>
      </c>
      <c r="CJ11" s="88">
        <v>0</v>
      </c>
      <c r="CK11" s="89">
        <v>0</v>
      </c>
      <c r="CL11" s="90">
        <v>0</v>
      </c>
      <c r="CM11" s="87">
        <v>144</v>
      </c>
      <c r="CN11" s="88">
        <v>102</v>
      </c>
      <c r="CO11" s="89">
        <v>246</v>
      </c>
      <c r="CP11" s="399">
        <v>0</v>
      </c>
      <c r="CQ11" s="88">
        <v>262</v>
      </c>
      <c r="CR11" s="88">
        <v>131</v>
      </c>
      <c r="CS11" s="88">
        <v>91</v>
      </c>
      <c r="CT11" s="88">
        <v>78</v>
      </c>
      <c r="CU11" s="88">
        <v>35</v>
      </c>
      <c r="CV11" s="89">
        <v>597</v>
      </c>
      <c r="CW11" s="90">
        <v>843</v>
      </c>
      <c r="CX11" s="91">
        <v>49</v>
      </c>
      <c r="CY11" s="83">
        <v>43</v>
      </c>
      <c r="CZ11" s="84">
        <v>92</v>
      </c>
      <c r="DA11" s="399">
        <v>0</v>
      </c>
      <c r="DB11" s="83">
        <v>76</v>
      </c>
      <c r="DC11" s="83">
        <v>31</v>
      </c>
      <c r="DD11" s="83">
        <v>20</v>
      </c>
      <c r="DE11" s="83">
        <v>25</v>
      </c>
      <c r="DF11" s="83">
        <v>19</v>
      </c>
      <c r="DG11" s="85">
        <v>171</v>
      </c>
      <c r="DH11" s="86">
        <v>263</v>
      </c>
      <c r="DI11" s="87">
        <v>1</v>
      </c>
      <c r="DJ11" s="88">
        <v>0</v>
      </c>
      <c r="DK11" s="89">
        <v>1</v>
      </c>
      <c r="DL11" s="399">
        <v>0</v>
      </c>
      <c r="DM11" s="88">
        <v>1</v>
      </c>
      <c r="DN11" s="88">
        <v>1</v>
      </c>
      <c r="DO11" s="88">
        <v>1</v>
      </c>
      <c r="DP11" s="88">
        <v>0</v>
      </c>
      <c r="DQ11" s="88">
        <v>0</v>
      </c>
      <c r="DR11" s="89">
        <v>3</v>
      </c>
      <c r="DS11" s="90">
        <v>4</v>
      </c>
      <c r="DT11" s="87">
        <v>3</v>
      </c>
      <c r="DU11" s="88">
        <v>4</v>
      </c>
      <c r="DV11" s="89">
        <v>7</v>
      </c>
      <c r="DW11" s="399">
        <v>0</v>
      </c>
      <c r="DX11" s="88">
        <v>2</v>
      </c>
      <c r="DY11" s="88">
        <v>3</v>
      </c>
      <c r="DZ11" s="88">
        <v>1</v>
      </c>
      <c r="EA11" s="88">
        <v>1</v>
      </c>
      <c r="EB11" s="88">
        <v>2</v>
      </c>
      <c r="EC11" s="89">
        <v>9</v>
      </c>
      <c r="ED11" s="90">
        <v>16</v>
      </c>
      <c r="EE11" s="87">
        <v>6</v>
      </c>
      <c r="EF11" s="88">
        <v>5</v>
      </c>
      <c r="EG11" s="89">
        <v>11</v>
      </c>
      <c r="EH11" s="399">
        <v>0</v>
      </c>
      <c r="EI11" s="88">
        <v>11</v>
      </c>
      <c r="EJ11" s="88">
        <v>2</v>
      </c>
      <c r="EK11" s="88">
        <v>1</v>
      </c>
      <c r="EL11" s="88">
        <v>4</v>
      </c>
      <c r="EM11" s="88">
        <v>3</v>
      </c>
      <c r="EN11" s="89">
        <v>21</v>
      </c>
      <c r="EO11" s="90">
        <v>32</v>
      </c>
      <c r="EP11" s="87">
        <v>15</v>
      </c>
      <c r="EQ11" s="88">
        <v>14</v>
      </c>
      <c r="ER11" s="89">
        <v>29</v>
      </c>
      <c r="ES11" s="399">
        <v>0</v>
      </c>
      <c r="ET11" s="88">
        <v>21</v>
      </c>
      <c r="EU11" s="88">
        <v>6</v>
      </c>
      <c r="EV11" s="88">
        <v>2</v>
      </c>
      <c r="EW11" s="88">
        <v>6</v>
      </c>
      <c r="EX11" s="88">
        <v>2</v>
      </c>
      <c r="EY11" s="89">
        <v>37</v>
      </c>
      <c r="EZ11" s="90">
        <v>66</v>
      </c>
      <c r="FA11" s="87">
        <v>15</v>
      </c>
      <c r="FB11" s="88">
        <v>12</v>
      </c>
      <c r="FC11" s="89">
        <v>27</v>
      </c>
      <c r="FD11" s="399">
        <v>0</v>
      </c>
      <c r="FE11" s="88">
        <v>19</v>
      </c>
      <c r="FF11" s="88">
        <v>5</v>
      </c>
      <c r="FG11" s="88">
        <v>5</v>
      </c>
      <c r="FH11" s="88">
        <v>7</v>
      </c>
      <c r="FI11" s="88">
        <v>6</v>
      </c>
      <c r="FJ11" s="89">
        <v>42</v>
      </c>
      <c r="FK11" s="90">
        <v>69</v>
      </c>
      <c r="FL11" s="87">
        <v>9</v>
      </c>
      <c r="FM11" s="88">
        <v>8</v>
      </c>
      <c r="FN11" s="89">
        <v>17</v>
      </c>
      <c r="FO11" s="399">
        <v>0</v>
      </c>
      <c r="FP11" s="88">
        <v>22</v>
      </c>
      <c r="FQ11" s="88">
        <v>14</v>
      </c>
      <c r="FR11" s="88">
        <v>10</v>
      </c>
      <c r="FS11" s="88">
        <v>7</v>
      </c>
      <c r="FT11" s="88">
        <v>6</v>
      </c>
      <c r="FU11" s="89">
        <v>59</v>
      </c>
      <c r="FV11" s="90">
        <v>76</v>
      </c>
      <c r="FW11" s="87">
        <v>0</v>
      </c>
      <c r="FX11" s="88">
        <v>0</v>
      </c>
      <c r="FY11" s="89">
        <v>0</v>
      </c>
      <c r="FZ11" s="399">
        <v>0</v>
      </c>
      <c r="GA11" s="88">
        <v>0</v>
      </c>
      <c r="GB11" s="88">
        <v>0</v>
      </c>
      <c r="GC11" s="88">
        <v>0</v>
      </c>
      <c r="GD11" s="88">
        <v>0</v>
      </c>
      <c r="GE11" s="88">
        <v>0</v>
      </c>
      <c r="GF11" s="89">
        <v>0</v>
      </c>
      <c r="GG11" s="90">
        <v>0</v>
      </c>
      <c r="GH11" s="87">
        <v>49</v>
      </c>
      <c r="GI11" s="88">
        <v>43</v>
      </c>
      <c r="GJ11" s="89">
        <v>92</v>
      </c>
      <c r="GK11" s="399">
        <v>0</v>
      </c>
      <c r="GL11" s="88">
        <v>76</v>
      </c>
      <c r="GM11" s="88">
        <v>31</v>
      </c>
      <c r="GN11" s="88">
        <v>20</v>
      </c>
      <c r="GO11" s="88">
        <v>25</v>
      </c>
      <c r="GP11" s="88">
        <v>19</v>
      </c>
      <c r="GQ11" s="89">
        <v>171</v>
      </c>
      <c r="GR11" s="90">
        <v>263</v>
      </c>
      <c r="GS11" s="91">
        <v>193</v>
      </c>
      <c r="GT11" s="83">
        <v>145</v>
      </c>
      <c r="GU11" s="84">
        <v>338</v>
      </c>
      <c r="GV11" s="399">
        <v>0</v>
      </c>
      <c r="GW11" s="83">
        <v>338</v>
      </c>
      <c r="GX11" s="83">
        <v>162</v>
      </c>
      <c r="GY11" s="83">
        <v>111</v>
      </c>
      <c r="GZ11" s="83">
        <v>103</v>
      </c>
      <c r="HA11" s="83">
        <v>54</v>
      </c>
      <c r="HB11" s="85">
        <v>768</v>
      </c>
      <c r="HC11" s="86">
        <v>1106</v>
      </c>
      <c r="HD11" s="87">
        <v>7</v>
      </c>
      <c r="HE11" s="88">
        <v>3</v>
      </c>
      <c r="HF11" s="89">
        <v>10</v>
      </c>
      <c r="HG11" s="399">
        <v>0</v>
      </c>
      <c r="HH11" s="88">
        <v>5</v>
      </c>
      <c r="HI11" s="88">
        <v>3</v>
      </c>
      <c r="HJ11" s="88">
        <v>6</v>
      </c>
      <c r="HK11" s="88">
        <v>1</v>
      </c>
      <c r="HL11" s="88">
        <v>1</v>
      </c>
      <c r="HM11" s="89">
        <v>16</v>
      </c>
      <c r="HN11" s="90">
        <v>26</v>
      </c>
      <c r="HO11" s="87">
        <v>8</v>
      </c>
      <c r="HP11" s="88">
        <v>11</v>
      </c>
      <c r="HQ11" s="89">
        <v>19</v>
      </c>
      <c r="HR11" s="399">
        <v>0</v>
      </c>
      <c r="HS11" s="88">
        <v>15</v>
      </c>
      <c r="HT11" s="88">
        <v>11</v>
      </c>
      <c r="HU11" s="88">
        <v>7</v>
      </c>
      <c r="HV11" s="88">
        <v>9</v>
      </c>
      <c r="HW11" s="88">
        <v>5</v>
      </c>
      <c r="HX11" s="89">
        <v>47</v>
      </c>
      <c r="HY11" s="90">
        <v>66</v>
      </c>
      <c r="HZ11" s="87">
        <v>21</v>
      </c>
      <c r="IA11" s="88">
        <v>21</v>
      </c>
      <c r="IB11" s="89">
        <v>42</v>
      </c>
      <c r="IC11" s="399">
        <v>0</v>
      </c>
      <c r="ID11" s="88">
        <v>46</v>
      </c>
      <c r="IE11" s="88">
        <v>16</v>
      </c>
      <c r="IF11" s="88">
        <v>8</v>
      </c>
      <c r="IG11" s="88">
        <v>16</v>
      </c>
      <c r="IH11" s="88">
        <v>7</v>
      </c>
      <c r="II11" s="89">
        <v>93</v>
      </c>
      <c r="IJ11" s="90">
        <v>135</v>
      </c>
      <c r="IK11" s="87">
        <v>53</v>
      </c>
      <c r="IL11" s="88">
        <v>36</v>
      </c>
      <c r="IM11" s="89">
        <v>89</v>
      </c>
      <c r="IN11" s="399">
        <v>0</v>
      </c>
      <c r="IO11" s="88">
        <v>75</v>
      </c>
      <c r="IP11" s="88">
        <v>35</v>
      </c>
      <c r="IQ11" s="88">
        <v>18</v>
      </c>
      <c r="IR11" s="88">
        <v>17</v>
      </c>
      <c r="IS11" s="88">
        <v>17</v>
      </c>
      <c r="IT11" s="89">
        <v>162</v>
      </c>
      <c r="IU11" s="90">
        <v>251</v>
      </c>
      <c r="IV11" s="87">
        <v>64</v>
      </c>
      <c r="IW11" s="88">
        <v>37</v>
      </c>
      <c r="IX11" s="89">
        <v>101</v>
      </c>
      <c r="IY11" s="399">
        <v>0</v>
      </c>
      <c r="IZ11" s="88">
        <v>92</v>
      </c>
      <c r="JA11" s="88">
        <v>44</v>
      </c>
      <c r="JB11" s="88">
        <v>32</v>
      </c>
      <c r="JC11" s="88">
        <v>27</v>
      </c>
      <c r="JD11" s="88">
        <v>15</v>
      </c>
      <c r="JE11" s="89">
        <v>210</v>
      </c>
      <c r="JF11" s="90">
        <v>311</v>
      </c>
      <c r="JG11" s="87">
        <v>40</v>
      </c>
      <c r="JH11" s="88">
        <v>37</v>
      </c>
      <c r="JI11" s="89">
        <v>77</v>
      </c>
      <c r="JJ11" s="399">
        <v>0</v>
      </c>
      <c r="JK11" s="88">
        <v>105</v>
      </c>
      <c r="JL11" s="88">
        <v>53</v>
      </c>
      <c r="JM11" s="88">
        <v>40</v>
      </c>
      <c r="JN11" s="88">
        <v>33</v>
      </c>
      <c r="JO11" s="88">
        <v>9</v>
      </c>
      <c r="JP11" s="89">
        <v>240</v>
      </c>
      <c r="JQ11" s="90">
        <v>317</v>
      </c>
      <c r="JR11" s="87">
        <v>0</v>
      </c>
      <c r="JS11" s="88">
        <v>0</v>
      </c>
      <c r="JT11" s="89">
        <v>0</v>
      </c>
      <c r="JU11" s="399">
        <v>0</v>
      </c>
      <c r="JV11" s="88">
        <v>0</v>
      </c>
      <c r="JW11" s="88">
        <v>0</v>
      </c>
      <c r="JX11" s="88">
        <v>0</v>
      </c>
      <c r="JY11" s="88">
        <v>0</v>
      </c>
      <c r="JZ11" s="88">
        <v>0</v>
      </c>
      <c r="KA11" s="89">
        <v>0</v>
      </c>
      <c r="KB11" s="90">
        <v>0</v>
      </c>
      <c r="KC11" s="87">
        <v>193</v>
      </c>
      <c r="KD11" s="88">
        <v>145</v>
      </c>
      <c r="KE11" s="89">
        <v>338</v>
      </c>
      <c r="KF11" s="399">
        <v>0</v>
      </c>
      <c r="KG11" s="88">
        <v>338</v>
      </c>
      <c r="KH11" s="88">
        <v>162</v>
      </c>
      <c r="KI11" s="88">
        <v>111</v>
      </c>
      <c r="KJ11" s="88">
        <v>103</v>
      </c>
      <c r="KK11" s="88">
        <v>54</v>
      </c>
      <c r="KL11" s="89">
        <v>768</v>
      </c>
      <c r="KM11" s="90">
        <v>1106</v>
      </c>
    </row>
    <row r="12" spans="2:299" s="56" customFormat="1" ht="21" customHeight="1" x14ac:dyDescent="0.2">
      <c r="B12" s="92" t="s">
        <v>8</v>
      </c>
      <c r="C12" s="82">
        <v>59</v>
      </c>
      <c r="D12" s="83">
        <v>42</v>
      </c>
      <c r="E12" s="84">
        <v>101</v>
      </c>
      <c r="F12" s="399">
        <v>0</v>
      </c>
      <c r="G12" s="83">
        <v>113</v>
      </c>
      <c r="H12" s="83">
        <v>81</v>
      </c>
      <c r="I12" s="83">
        <v>69</v>
      </c>
      <c r="J12" s="83">
        <v>42</v>
      </c>
      <c r="K12" s="83">
        <v>26</v>
      </c>
      <c r="L12" s="85">
        <v>331</v>
      </c>
      <c r="M12" s="86">
        <v>432</v>
      </c>
      <c r="N12" s="87">
        <v>1</v>
      </c>
      <c r="O12" s="88">
        <v>3</v>
      </c>
      <c r="P12" s="89">
        <v>4</v>
      </c>
      <c r="Q12" s="399">
        <v>0</v>
      </c>
      <c r="R12" s="88">
        <v>4</v>
      </c>
      <c r="S12" s="88">
        <v>4</v>
      </c>
      <c r="T12" s="88">
        <v>6</v>
      </c>
      <c r="U12" s="88">
        <v>0</v>
      </c>
      <c r="V12" s="88">
        <v>1</v>
      </c>
      <c r="W12" s="89">
        <v>15</v>
      </c>
      <c r="X12" s="90">
        <v>19</v>
      </c>
      <c r="Y12" s="87">
        <v>6</v>
      </c>
      <c r="Z12" s="88">
        <v>6</v>
      </c>
      <c r="AA12" s="89">
        <v>12</v>
      </c>
      <c r="AB12" s="399">
        <v>0</v>
      </c>
      <c r="AC12" s="88">
        <v>7</v>
      </c>
      <c r="AD12" s="88">
        <v>6</v>
      </c>
      <c r="AE12" s="88">
        <v>1</v>
      </c>
      <c r="AF12" s="88">
        <v>4</v>
      </c>
      <c r="AG12" s="88">
        <v>4</v>
      </c>
      <c r="AH12" s="89">
        <v>22</v>
      </c>
      <c r="AI12" s="90">
        <v>34</v>
      </c>
      <c r="AJ12" s="87">
        <v>9</v>
      </c>
      <c r="AK12" s="88">
        <v>6</v>
      </c>
      <c r="AL12" s="89">
        <v>15</v>
      </c>
      <c r="AM12" s="399">
        <v>0</v>
      </c>
      <c r="AN12" s="88">
        <v>16</v>
      </c>
      <c r="AO12" s="88">
        <v>10</v>
      </c>
      <c r="AP12" s="88">
        <v>9</v>
      </c>
      <c r="AQ12" s="88">
        <v>7</v>
      </c>
      <c r="AR12" s="88">
        <v>6</v>
      </c>
      <c r="AS12" s="89">
        <v>48</v>
      </c>
      <c r="AT12" s="90">
        <v>63</v>
      </c>
      <c r="AU12" s="87">
        <v>16</v>
      </c>
      <c r="AV12" s="88">
        <v>10</v>
      </c>
      <c r="AW12" s="89">
        <v>26</v>
      </c>
      <c r="AX12" s="399">
        <v>0</v>
      </c>
      <c r="AY12" s="88">
        <v>29</v>
      </c>
      <c r="AZ12" s="88">
        <v>15</v>
      </c>
      <c r="BA12" s="88">
        <v>8</v>
      </c>
      <c r="BB12" s="88">
        <v>7</v>
      </c>
      <c r="BC12" s="88">
        <v>2</v>
      </c>
      <c r="BD12" s="89">
        <v>61</v>
      </c>
      <c r="BE12" s="90">
        <v>87</v>
      </c>
      <c r="BF12" s="87">
        <v>17</v>
      </c>
      <c r="BG12" s="88">
        <v>12</v>
      </c>
      <c r="BH12" s="89">
        <v>29</v>
      </c>
      <c r="BI12" s="399">
        <v>0</v>
      </c>
      <c r="BJ12" s="88">
        <v>25</v>
      </c>
      <c r="BK12" s="88">
        <v>25</v>
      </c>
      <c r="BL12" s="88">
        <v>22</v>
      </c>
      <c r="BM12" s="88">
        <v>9</v>
      </c>
      <c r="BN12" s="88">
        <v>8</v>
      </c>
      <c r="BO12" s="89">
        <v>89</v>
      </c>
      <c r="BP12" s="90">
        <v>118</v>
      </c>
      <c r="BQ12" s="87">
        <v>10</v>
      </c>
      <c r="BR12" s="88">
        <v>5</v>
      </c>
      <c r="BS12" s="89">
        <v>15</v>
      </c>
      <c r="BT12" s="399">
        <v>0</v>
      </c>
      <c r="BU12" s="88">
        <v>32</v>
      </c>
      <c r="BV12" s="88">
        <v>21</v>
      </c>
      <c r="BW12" s="88">
        <v>23</v>
      </c>
      <c r="BX12" s="88">
        <v>15</v>
      </c>
      <c r="BY12" s="88">
        <v>5</v>
      </c>
      <c r="BZ12" s="89">
        <v>96</v>
      </c>
      <c r="CA12" s="90">
        <v>111</v>
      </c>
      <c r="CB12" s="87">
        <v>0</v>
      </c>
      <c r="CC12" s="88">
        <v>0</v>
      </c>
      <c r="CD12" s="89">
        <v>0</v>
      </c>
      <c r="CE12" s="399">
        <v>0</v>
      </c>
      <c r="CF12" s="88">
        <v>0</v>
      </c>
      <c r="CG12" s="88">
        <v>0</v>
      </c>
      <c r="CH12" s="88">
        <v>0</v>
      </c>
      <c r="CI12" s="88">
        <v>0</v>
      </c>
      <c r="CJ12" s="88">
        <v>0</v>
      </c>
      <c r="CK12" s="89">
        <v>0</v>
      </c>
      <c r="CL12" s="90">
        <v>0</v>
      </c>
      <c r="CM12" s="87">
        <v>59</v>
      </c>
      <c r="CN12" s="88">
        <v>42</v>
      </c>
      <c r="CO12" s="89">
        <v>101</v>
      </c>
      <c r="CP12" s="399">
        <v>0</v>
      </c>
      <c r="CQ12" s="88">
        <v>113</v>
      </c>
      <c r="CR12" s="88">
        <v>81</v>
      </c>
      <c r="CS12" s="88">
        <v>69</v>
      </c>
      <c r="CT12" s="88">
        <v>42</v>
      </c>
      <c r="CU12" s="88">
        <v>26</v>
      </c>
      <c r="CV12" s="89">
        <v>331</v>
      </c>
      <c r="CW12" s="90">
        <v>432</v>
      </c>
      <c r="CX12" s="91">
        <v>29</v>
      </c>
      <c r="CY12" s="83">
        <v>29</v>
      </c>
      <c r="CZ12" s="84">
        <v>58</v>
      </c>
      <c r="DA12" s="399">
        <v>0</v>
      </c>
      <c r="DB12" s="83">
        <v>43</v>
      </c>
      <c r="DC12" s="83">
        <v>47</v>
      </c>
      <c r="DD12" s="83">
        <v>24</v>
      </c>
      <c r="DE12" s="83">
        <v>19</v>
      </c>
      <c r="DF12" s="83">
        <v>13</v>
      </c>
      <c r="DG12" s="85">
        <v>146</v>
      </c>
      <c r="DH12" s="86">
        <v>204</v>
      </c>
      <c r="DI12" s="87">
        <v>1</v>
      </c>
      <c r="DJ12" s="88">
        <v>1</v>
      </c>
      <c r="DK12" s="89">
        <v>2</v>
      </c>
      <c r="DL12" s="399">
        <v>0</v>
      </c>
      <c r="DM12" s="88">
        <v>1</v>
      </c>
      <c r="DN12" s="88">
        <v>1</v>
      </c>
      <c r="DO12" s="88">
        <v>0</v>
      </c>
      <c r="DP12" s="88">
        <v>1</v>
      </c>
      <c r="DQ12" s="88">
        <v>0</v>
      </c>
      <c r="DR12" s="89">
        <v>3</v>
      </c>
      <c r="DS12" s="90">
        <v>5</v>
      </c>
      <c r="DT12" s="87">
        <v>2</v>
      </c>
      <c r="DU12" s="88">
        <v>1</v>
      </c>
      <c r="DV12" s="89">
        <v>3</v>
      </c>
      <c r="DW12" s="399">
        <v>0</v>
      </c>
      <c r="DX12" s="88">
        <v>1</v>
      </c>
      <c r="DY12" s="88">
        <v>2</v>
      </c>
      <c r="DZ12" s="88">
        <v>0</v>
      </c>
      <c r="EA12" s="88">
        <v>1</v>
      </c>
      <c r="EB12" s="88">
        <v>1</v>
      </c>
      <c r="EC12" s="89">
        <v>5</v>
      </c>
      <c r="ED12" s="90">
        <v>8</v>
      </c>
      <c r="EE12" s="87">
        <v>4</v>
      </c>
      <c r="EF12" s="88">
        <v>6</v>
      </c>
      <c r="EG12" s="89">
        <v>10</v>
      </c>
      <c r="EH12" s="399">
        <v>0</v>
      </c>
      <c r="EI12" s="88">
        <v>5</v>
      </c>
      <c r="EJ12" s="88">
        <v>2</v>
      </c>
      <c r="EK12" s="88">
        <v>4</v>
      </c>
      <c r="EL12" s="88">
        <v>2</v>
      </c>
      <c r="EM12" s="88">
        <v>0</v>
      </c>
      <c r="EN12" s="89">
        <v>13</v>
      </c>
      <c r="EO12" s="90">
        <v>23</v>
      </c>
      <c r="EP12" s="87">
        <v>9</v>
      </c>
      <c r="EQ12" s="88">
        <v>4</v>
      </c>
      <c r="ER12" s="89">
        <v>13</v>
      </c>
      <c r="ES12" s="399">
        <v>0</v>
      </c>
      <c r="ET12" s="88">
        <v>8</v>
      </c>
      <c r="EU12" s="88">
        <v>9</v>
      </c>
      <c r="EV12" s="88">
        <v>3</v>
      </c>
      <c r="EW12" s="88">
        <v>2</v>
      </c>
      <c r="EX12" s="88">
        <v>3</v>
      </c>
      <c r="EY12" s="89">
        <v>25</v>
      </c>
      <c r="EZ12" s="90">
        <v>38</v>
      </c>
      <c r="FA12" s="87">
        <v>8</v>
      </c>
      <c r="FB12" s="88">
        <v>7</v>
      </c>
      <c r="FC12" s="89">
        <v>15</v>
      </c>
      <c r="FD12" s="399">
        <v>0</v>
      </c>
      <c r="FE12" s="88">
        <v>12</v>
      </c>
      <c r="FF12" s="88">
        <v>16</v>
      </c>
      <c r="FG12" s="88">
        <v>3</v>
      </c>
      <c r="FH12" s="88">
        <v>7</v>
      </c>
      <c r="FI12" s="88">
        <v>4</v>
      </c>
      <c r="FJ12" s="89">
        <v>42</v>
      </c>
      <c r="FK12" s="90">
        <v>57</v>
      </c>
      <c r="FL12" s="87">
        <v>5</v>
      </c>
      <c r="FM12" s="88">
        <v>10</v>
      </c>
      <c r="FN12" s="89">
        <v>15</v>
      </c>
      <c r="FO12" s="399">
        <v>0</v>
      </c>
      <c r="FP12" s="88">
        <v>16</v>
      </c>
      <c r="FQ12" s="88">
        <v>17</v>
      </c>
      <c r="FR12" s="88">
        <v>14</v>
      </c>
      <c r="FS12" s="88">
        <v>6</v>
      </c>
      <c r="FT12" s="88">
        <v>5</v>
      </c>
      <c r="FU12" s="89">
        <v>58</v>
      </c>
      <c r="FV12" s="90">
        <v>73</v>
      </c>
      <c r="FW12" s="87">
        <v>0</v>
      </c>
      <c r="FX12" s="88">
        <v>0</v>
      </c>
      <c r="FY12" s="89">
        <v>0</v>
      </c>
      <c r="FZ12" s="399">
        <v>0</v>
      </c>
      <c r="GA12" s="88">
        <v>0</v>
      </c>
      <c r="GB12" s="88">
        <v>0</v>
      </c>
      <c r="GC12" s="88">
        <v>0</v>
      </c>
      <c r="GD12" s="88">
        <v>0</v>
      </c>
      <c r="GE12" s="88">
        <v>0</v>
      </c>
      <c r="GF12" s="89">
        <v>0</v>
      </c>
      <c r="GG12" s="90">
        <v>0</v>
      </c>
      <c r="GH12" s="87">
        <v>29</v>
      </c>
      <c r="GI12" s="88">
        <v>29</v>
      </c>
      <c r="GJ12" s="89">
        <v>58</v>
      </c>
      <c r="GK12" s="399">
        <v>0</v>
      </c>
      <c r="GL12" s="88">
        <v>43</v>
      </c>
      <c r="GM12" s="88">
        <v>47</v>
      </c>
      <c r="GN12" s="88">
        <v>24</v>
      </c>
      <c r="GO12" s="88">
        <v>19</v>
      </c>
      <c r="GP12" s="88">
        <v>13</v>
      </c>
      <c r="GQ12" s="89">
        <v>146</v>
      </c>
      <c r="GR12" s="90">
        <v>204</v>
      </c>
      <c r="GS12" s="91">
        <v>88</v>
      </c>
      <c r="GT12" s="83">
        <v>71</v>
      </c>
      <c r="GU12" s="84">
        <v>159</v>
      </c>
      <c r="GV12" s="399">
        <v>0</v>
      </c>
      <c r="GW12" s="83">
        <v>156</v>
      </c>
      <c r="GX12" s="83">
        <v>128</v>
      </c>
      <c r="GY12" s="83">
        <v>93</v>
      </c>
      <c r="GZ12" s="83">
        <v>61</v>
      </c>
      <c r="HA12" s="83">
        <v>39</v>
      </c>
      <c r="HB12" s="85">
        <v>477</v>
      </c>
      <c r="HC12" s="86">
        <v>636</v>
      </c>
      <c r="HD12" s="87">
        <v>2</v>
      </c>
      <c r="HE12" s="88">
        <v>4</v>
      </c>
      <c r="HF12" s="89">
        <v>6</v>
      </c>
      <c r="HG12" s="399">
        <v>0</v>
      </c>
      <c r="HH12" s="88">
        <v>5</v>
      </c>
      <c r="HI12" s="88">
        <v>5</v>
      </c>
      <c r="HJ12" s="88">
        <v>6</v>
      </c>
      <c r="HK12" s="88">
        <v>1</v>
      </c>
      <c r="HL12" s="88">
        <v>1</v>
      </c>
      <c r="HM12" s="89">
        <v>18</v>
      </c>
      <c r="HN12" s="90">
        <v>24</v>
      </c>
      <c r="HO12" s="87">
        <v>8</v>
      </c>
      <c r="HP12" s="88">
        <v>7</v>
      </c>
      <c r="HQ12" s="89">
        <v>15</v>
      </c>
      <c r="HR12" s="399">
        <v>0</v>
      </c>
      <c r="HS12" s="88">
        <v>8</v>
      </c>
      <c r="HT12" s="88">
        <v>8</v>
      </c>
      <c r="HU12" s="88">
        <v>1</v>
      </c>
      <c r="HV12" s="88">
        <v>5</v>
      </c>
      <c r="HW12" s="88">
        <v>5</v>
      </c>
      <c r="HX12" s="89">
        <v>27</v>
      </c>
      <c r="HY12" s="90">
        <v>42</v>
      </c>
      <c r="HZ12" s="87">
        <v>13</v>
      </c>
      <c r="IA12" s="88">
        <v>12</v>
      </c>
      <c r="IB12" s="89">
        <v>25</v>
      </c>
      <c r="IC12" s="399">
        <v>0</v>
      </c>
      <c r="ID12" s="88">
        <v>21</v>
      </c>
      <c r="IE12" s="88">
        <v>12</v>
      </c>
      <c r="IF12" s="88">
        <v>13</v>
      </c>
      <c r="IG12" s="88">
        <v>9</v>
      </c>
      <c r="IH12" s="88">
        <v>6</v>
      </c>
      <c r="II12" s="89">
        <v>61</v>
      </c>
      <c r="IJ12" s="90">
        <v>86</v>
      </c>
      <c r="IK12" s="87">
        <v>25</v>
      </c>
      <c r="IL12" s="88">
        <v>14</v>
      </c>
      <c r="IM12" s="89">
        <v>39</v>
      </c>
      <c r="IN12" s="399">
        <v>0</v>
      </c>
      <c r="IO12" s="88">
        <v>37</v>
      </c>
      <c r="IP12" s="88">
        <v>24</v>
      </c>
      <c r="IQ12" s="88">
        <v>11</v>
      </c>
      <c r="IR12" s="88">
        <v>9</v>
      </c>
      <c r="IS12" s="88">
        <v>5</v>
      </c>
      <c r="IT12" s="89">
        <v>86</v>
      </c>
      <c r="IU12" s="90">
        <v>125</v>
      </c>
      <c r="IV12" s="87">
        <v>25</v>
      </c>
      <c r="IW12" s="88">
        <v>19</v>
      </c>
      <c r="IX12" s="89">
        <v>44</v>
      </c>
      <c r="IY12" s="399">
        <v>0</v>
      </c>
      <c r="IZ12" s="88">
        <v>37</v>
      </c>
      <c r="JA12" s="88">
        <v>41</v>
      </c>
      <c r="JB12" s="88">
        <v>25</v>
      </c>
      <c r="JC12" s="88">
        <v>16</v>
      </c>
      <c r="JD12" s="88">
        <v>12</v>
      </c>
      <c r="JE12" s="89">
        <v>131</v>
      </c>
      <c r="JF12" s="90">
        <v>175</v>
      </c>
      <c r="JG12" s="87">
        <v>15</v>
      </c>
      <c r="JH12" s="88">
        <v>15</v>
      </c>
      <c r="JI12" s="89">
        <v>30</v>
      </c>
      <c r="JJ12" s="399">
        <v>0</v>
      </c>
      <c r="JK12" s="88">
        <v>48</v>
      </c>
      <c r="JL12" s="88">
        <v>38</v>
      </c>
      <c r="JM12" s="88">
        <v>37</v>
      </c>
      <c r="JN12" s="88">
        <v>21</v>
      </c>
      <c r="JO12" s="88">
        <v>10</v>
      </c>
      <c r="JP12" s="89">
        <v>154</v>
      </c>
      <c r="JQ12" s="90">
        <v>184</v>
      </c>
      <c r="JR12" s="87">
        <v>0</v>
      </c>
      <c r="JS12" s="88">
        <v>0</v>
      </c>
      <c r="JT12" s="89">
        <v>0</v>
      </c>
      <c r="JU12" s="399">
        <v>0</v>
      </c>
      <c r="JV12" s="88">
        <v>0</v>
      </c>
      <c r="JW12" s="88">
        <v>0</v>
      </c>
      <c r="JX12" s="88">
        <v>0</v>
      </c>
      <c r="JY12" s="88">
        <v>0</v>
      </c>
      <c r="JZ12" s="88">
        <v>0</v>
      </c>
      <c r="KA12" s="89">
        <v>0</v>
      </c>
      <c r="KB12" s="90">
        <v>0</v>
      </c>
      <c r="KC12" s="87">
        <v>88</v>
      </c>
      <c r="KD12" s="88">
        <v>71</v>
      </c>
      <c r="KE12" s="89">
        <v>159</v>
      </c>
      <c r="KF12" s="399">
        <v>0</v>
      </c>
      <c r="KG12" s="88">
        <v>156</v>
      </c>
      <c r="KH12" s="88">
        <v>128</v>
      </c>
      <c r="KI12" s="88">
        <v>93</v>
      </c>
      <c r="KJ12" s="88">
        <v>61</v>
      </c>
      <c r="KK12" s="88">
        <v>39</v>
      </c>
      <c r="KL12" s="89">
        <v>477</v>
      </c>
      <c r="KM12" s="90">
        <v>636</v>
      </c>
    </row>
    <row r="13" spans="2:299" s="56" customFormat="1" ht="21" customHeight="1" x14ac:dyDescent="0.2">
      <c r="B13" s="92" t="s">
        <v>9</v>
      </c>
      <c r="C13" s="82">
        <v>209</v>
      </c>
      <c r="D13" s="83">
        <v>119</v>
      </c>
      <c r="E13" s="84">
        <v>328</v>
      </c>
      <c r="F13" s="399">
        <v>0</v>
      </c>
      <c r="G13" s="83">
        <v>240</v>
      </c>
      <c r="H13" s="83">
        <v>147</v>
      </c>
      <c r="I13" s="83">
        <v>112</v>
      </c>
      <c r="J13" s="83">
        <v>86</v>
      </c>
      <c r="K13" s="83">
        <v>53</v>
      </c>
      <c r="L13" s="85">
        <v>638</v>
      </c>
      <c r="M13" s="86">
        <v>966</v>
      </c>
      <c r="N13" s="87">
        <v>3</v>
      </c>
      <c r="O13" s="88">
        <v>2</v>
      </c>
      <c r="P13" s="89">
        <v>5</v>
      </c>
      <c r="Q13" s="399">
        <v>0</v>
      </c>
      <c r="R13" s="88">
        <v>3</v>
      </c>
      <c r="S13" s="88">
        <v>7</v>
      </c>
      <c r="T13" s="88">
        <v>3</v>
      </c>
      <c r="U13" s="88">
        <v>1</v>
      </c>
      <c r="V13" s="88">
        <v>2</v>
      </c>
      <c r="W13" s="89">
        <v>16</v>
      </c>
      <c r="X13" s="90">
        <v>21</v>
      </c>
      <c r="Y13" s="87">
        <v>6</v>
      </c>
      <c r="Z13" s="88">
        <v>7</v>
      </c>
      <c r="AA13" s="89">
        <v>13</v>
      </c>
      <c r="AB13" s="399">
        <v>0</v>
      </c>
      <c r="AC13" s="88">
        <v>10</v>
      </c>
      <c r="AD13" s="88">
        <v>5</v>
      </c>
      <c r="AE13" s="88">
        <v>0</v>
      </c>
      <c r="AF13" s="88">
        <v>6</v>
      </c>
      <c r="AG13" s="88">
        <v>5</v>
      </c>
      <c r="AH13" s="89">
        <v>26</v>
      </c>
      <c r="AI13" s="90">
        <v>39</v>
      </c>
      <c r="AJ13" s="87">
        <v>18</v>
      </c>
      <c r="AK13" s="88">
        <v>11</v>
      </c>
      <c r="AL13" s="89">
        <v>29</v>
      </c>
      <c r="AM13" s="399">
        <v>0</v>
      </c>
      <c r="AN13" s="88">
        <v>14</v>
      </c>
      <c r="AO13" s="88">
        <v>9</v>
      </c>
      <c r="AP13" s="88">
        <v>11</v>
      </c>
      <c r="AQ13" s="88">
        <v>4</v>
      </c>
      <c r="AR13" s="88">
        <v>3</v>
      </c>
      <c r="AS13" s="89">
        <v>41</v>
      </c>
      <c r="AT13" s="90">
        <v>70</v>
      </c>
      <c r="AU13" s="87">
        <v>49</v>
      </c>
      <c r="AV13" s="88">
        <v>22</v>
      </c>
      <c r="AW13" s="89">
        <v>71</v>
      </c>
      <c r="AX13" s="399">
        <v>0</v>
      </c>
      <c r="AY13" s="88">
        <v>45</v>
      </c>
      <c r="AZ13" s="88">
        <v>24</v>
      </c>
      <c r="BA13" s="88">
        <v>26</v>
      </c>
      <c r="BB13" s="88">
        <v>9</v>
      </c>
      <c r="BC13" s="88">
        <v>6</v>
      </c>
      <c r="BD13" s="89">
        <v>110</v>
      </c>
      <c r="BE13" s="90">
        <v>181</v>
      </c>
      <c r="BF13" s="87">
        <v>76</v>
      </c>
      <c r="BG13" s="88">
        <v>43</v>
      </c>
      <c r="BH13" s="89">
        <v>119</v>
      </c>
      <c r="BI13" s="399">
        <v>0</v>
      </c>
      <c r="BJ13" s="88">
        <v>89</v>
      </c>
      <c r="BK13" s="88">
        <v>38</v>
      </c>
      <c r="BL13" s="88">
        <v>29</v>
      </c>
      <c r="BM13" s="88">
        <v>22</v>
      </c>
      <c r="BN13" s="88">
        <v>14</v>
      </c>
      <c r="BO13" s="89">
        <v>192</v>
      </c>
      <c r="BP13" s="90">
        <v>311</v>
      </c>
      <c r="BQ13" s="87">
        <v>57</v>
      </c>
      <c r="BR13" s="88">
        <v>34</v>
      </c>
      <c r="BS13" s="89">
        <v>91</v>
      </c>
      <c r="BT13" s="399">
        <v>0</v>
      </c>
      <c r="BU13" s="88">
        <v>79</v>
      </c>
      <c r="BV13" s="88">
        <v>64</v>
      </c>
      <c r="BW13" s="88">
        <v>43</v>
      </c>
      <c r="BX13" s="88">
        <v>44</v>
      </c>
      <c r="BY13" s="88">
        <v>23</v>
      </c>
      <c r="BZ13" s="89">
        <v>253</v>
      </c>
      <c r="CA13" s="90">
        <v>344</v>
      </c>
      <c r="CB13" s="87">
        <v>0</v>
      </c>
      <c r="CC13" s="88">
        <v>0</v>
      </c>
      <c r="CD13" s="89">
        <v>0</v>
      </c>
      <c r="CE13" s="399">
        <v>0</v>
      </c>
      <c r="CF13" s="88">
        <v>0</v>
      </c>
      <c r="CG13" s="88">
        <v>0</v>
      </c>
      <c r="CH13" s="88">
        <v>0</v>
      </c>
      <c r="CI13" s="88">
        <v>0</v>
      </c>
      <c r="CJ13" s="88">
        <v>0</v>
      </c>
      <c r="CK13" s="89">
        <v>0</v>
      </c>
      <c r="CL13" s="90">
        <v>0</v>
      </c>
      <c r="CM13" s="87">
        <v>209</v>
      </c>
      <c r="CN13" s="88">
        <v>119</v>
      </c>
      <c r="CO13" s="89">
        <v>328</v>
      </c>
      <c r="CP13" s="399">
        <v>0</v>
      </c>
      <c r="CQ13" s="88">
        <v>240</v>
      </c>
      <c r="CR13" s="88">
        <v>147</v>
      </c>
      <c r="CS13" s="88">
        <v>112</v>
      </c>
      <c r="CT13" s="88">
        <v>86</v>
      </c>
      <c r="CU13" s="88">
        <v>53</v>
      </c>
      <c r="CV13" s="89">
        <v>638</v>
      </c>
      <c r="CW13" s="90">
        <v>966</v>
      </c>
      <c r="CX13" s="91">
        <v>73</v>
      </c>
      <c r="CY13" s="83">
        <v>57</v>
      </c>
      <c r="CZ13" s="84">
        <v>130</v>
      </c>
      <c r="DA13" s="399">
        <v>0</v>
      </c>
      <c r="DB13" s="83">
        <v>85</v>
      </c>
      <c r="DC13" s="83">
        <v>66</v>
      </c>
      <c r="DD13" s="83">
        <v>40</v>
      </c>
      <c r="DE13" s="83">
        <v>50</v>
      </c>
      <c r="DF13" s="83">
        <v>16</v>
      </c>
      <c r="DG13" s="85">
        <v>257</v>
      </c>
      <c r="DH13" s="86">
        <v>387</v>
      </c>
      <c r="DI13" s="87">
        <v>2</v>
      </c>
      <c r="DJ13" s="88">
        <v>2</v>
      </c>
      <c r="DK13" s="89">
        <v>4</v>
      </c>
      <c r="DL13" s="399">
        <v>0</v>
      </c>
      <c r="DM13" s="88">
        <v>1</v>
      </c>
      <c r="DN13" s="88">
        <v>0</v>
      </c>
      <c r="DO13" s="88">
        <v>0</v>
      </c>
      <c r="DP13" s="88">
        <v>1</v>
      </c>
      <c r="DQ13" s="88">
        <v>2</v>
      </c>
      <c r="DR13" s="89">
        <v>4</v>
      </c>
      <c r="DS13" s="90">
        <v>8</v>
      </c>
      <c r="DT13" s="87">
        <v>3</v>
      </c>
      <c r="DU13" s="88">
        <v>7</v>
      </c>
      <c r="DV13" s="89">
        <v>10</v>
      </c>
      <c r="DW13" s="399">
        <v>0</v>
      </c>
      <c r="DX13" s="88">
        <v>2</v>
      </c>
      <c r="DY13" s="88">
        <v>0</v>
      </c>
      <c r="DZ13" s="88">
        <v>0</v>
      </c>
      <c r="EA13" s="88">
        <v>1</v>
      </c>
      <c r="EB13" s="88">
        <v>1</v>
      </c>
      <c r="EC13" s="89">
        <v>4</v>
      </c>
      <c r="ED13" s="90">
        <v>14</v>
      </c>
      <c r="EE13" s="87">
        <v>11</v>
      </c>
      <c r="EF13" s="88">
        <v>7</v>
      </c>
      <c r="EG13" s="89">
        <v>18</v>
      </c>
      <c r="EH13" s="399">
        <v>0</v>
      </c>
      <c r="EI13" s="88">
        <v>12</v>
      </c>
      <c r="EJ13" s="88">
        <v>8</v>
      </c>
      <c r="EK13" s="88">
        <v>3</v>
      </c>
      <c r="EL13" s="88">
        <v>4</v>
      </c>
      <c r="EM13" s="88">
        <v>0</v>
      </c>
      <c r="EN13" s="89">
        <v>27</v>
      </c>
      <c r="EO13" s="90">
        <v>45</v>
      </c>
      <c r="EP13" s="87">
        <v>24</v>
      </c>
      <c r="EQ13" s="88">
        <v>16</v>
      </c>
      <c r="ER13" s="89">
        <v>40</v>
      </c>
      <c r="ES13" s="399">
        <v>0</v>
      </c>
      <c r="ET13" s="88">
        <v>21</v>
      </c>
      <c r="EU13" s="88">
        <v>9</v>
      </c>
      <c r="EV13" s="88">
        <v>7</v>
      </c>
      <c r="EW13" s="88">
        <v>5</v>
      </c>
      <c r="EX13" s="88">
        <v>0</v>
      </c>
      <c r="EY13" s="89">
        <v>42</v>
      </c>
      <c r="EZ13" s="90">
        <v>82</v>
      </c>
      <c r="FA13" s="87">
        <v>21</v>
      </c>
      <c r="FB13" s="88">
        <v>12</v>
      </c>
      <c r="FC13" s="89">
        <v>33</v>
      </c>
      <c r="FD13" s="399">
        <v>0</v>
      </c>
      <c r="FE13" s="88">
        <v>29</v>
      </c>
      <c r="FF13" s="88">
        <v>16</v>
      </c>
      <c r="FG13" s="88">
        <v>7</v>
      </c>
      <c r="FH13" s="88">
        <v>8</v>
      </c>
      <c r="FI13" s="88">
        <v>4</v>
      </c>
      <c r="FJ13" s="89">
        <v>64</v>
      </c>
      <c r="FK13" s="90">
        <v>97</v>
      </c>
      <c r="FL13" s="87">
        <v>12</v>
      </c>
      <c r="FM13" s="88">
        <v>13</v>
      </c>
      <c r="FN13" s="89">
        <v>25</v>
      </c>
      <c r="FO13" s="399">
        <v>0</v>
      </c>
      <c r="FP13" s="88">
        <v>20</v>
      </c>
      <c r="FQ13" s="88">
        <v>33</v>
      </c>
      <c r="FR13" s="88">
        <v>23</v>
      </c>
      <c r="FS13" s="88">
        <v>31</v>
      </c>
      <c r="FT13" s="88">
        <v>9</v>
      </c>
      <c r="FU13" s="89">
        <v>116</v>
      </c>
      <c r="FV13" s="90">
        <v>141</v>
      </c>
      <c r="FW13" s="87">
        <v>0</v>
      </c>
      <c r="FX13" s="88">
        <v>0</v>
      </c>
      <c r="FY13" s="89">
        <v>0</v>
      </c>
      <c r="FZ13" s="399">
        <v>0</v>
      </c>
      <c r="GA13" s="88">
        <v>0</v>
      </c>
      <c r="GB13" s="88">
        <v>0</v>
      </c>
      <c r="GC13" s="88">
        <v>0</v>
      </c>
      <c r="GD13" s="88">
        <v>0</v>
      </c>
      <c r="GE13" s="88">
        <v>0</v>
      </c>
      <c r="GF13" s="89">
        <v>0</v>
      </c>
      <c r="GG13" s="90">
        <v>0</v>
      </c>
      <c r="GH13" s="87">
        <v>73</v>
      </c>
      <c r="GI13" s="88">
        <v>57</v>
      </c>
      <c r="GJ13" s="89">
        <v>130</v>
      </c>
      <c r="GK13" s="399">
        <v>0</v>
      </c>
      <c r="GL13" s="88">
        <v>85</v>
      </c>
      <c r="GM13" s="88">
        <v>66</v>
      </c>
      <c r="GN13" s="88">
        <v>40</v>
      </c>
      <c r="GO13" s="88">
        <v>50</v>
      </c>
      <c r="GP13" s="88">
        <v>16</v>
      </c>
      <c r="GQ13" s="89">
        <v>257</v>
      </c>
      <c r="GR13" s="90">
        <v>387</v>
      </c>
      <c r="GS13" s="91">
        <v>282</v>
      </c>
      <c r="GT13" s="83">
        <v>176</v>
      </c>
      <c r="GU13" s="84">
        <v>458</v>
      </c>
      <c r="GV13" s="399">
        <v>0</v>
      </c>
      <c r="GW13" s="83">
        <v>325</v>
      </c>
      <c r="GX13" s="83">
        <v>213</v>
      </c>
      <c r="GY13" s="83">
        <v>152</v>
      </c>
      <c r="GZ13" s="83">
        <v>136</v>
      </c>
      <c r="HA13" s="83">
        <v>69</v>
      </c>
      <c r="HB13" s="85">
        <v>895</v>
      </c>
      <c r="HC13" s="86">
        <v>1353</v>
      </c>
      <c r="HD13" s="87">
        <v>5</v>
      </c>
      <c r="HE13" s="88">
        <v>4</v>
      </c>
      <c r="HF13" s="89">
        <v>9</v>
      </c>
      <c r="HG13" s="399">
        <v>0</v>
      </c>
      <c r="HH13" s="88">
        <v>4</v>
      </c>
      <c r="HI13" s="88">
        <v>7</v>
      </c>
      <c r="HJ13" s="88">
        <v>3</v>
      </c>
      <c r="HK13" s="88">
        <v>2</v>
      </c>
      <c r="HL13" s="88">
        <v>4</v>
      </c>
      <c r="HM13" s="89">
        <v>20</v>
      </c>
      <c r="HN13" s="90">
        <v>29</v>
      </c>
      <c r="HO13" s="87">
        <v>9</v>
      </c>
      <c r="HP13" s="88">
        <v>14</v>
      </c>
      <c r="HQ13" s="89">
        <v>23</v>
      </c>
      <c r="HR13" s="399">
        <v>0</v>
      </c>
      <c r="HS13" s="88">
        <v>12</v>
      </c>
      <c r="HT13" s="88">
        <v>5</v>
      </c>
      <c r="HU13" s="88">
        <v>0</v>
      </c>
      <c r="HV13" s="88">
        <v>7</v>
      </c>
      <c r="HW13" s="88">
        <v>6</v>
      </c>
      <c r="HX13" s="89">
        <v>30</v>
      </c>
      <c r="HY13" s="90">
        <v>53</v>
      </c>
      <c r="HZ13" s="87">
        <v>29</v>
      </c>
      <c r="IA13" s="88">
        <v>18</v>
      </c>
      <c r="IB13" s="89">
        <v>47</v>
      </c>
      <c r="IC13" s="399">
        <v>0</v>
      </c>
      <c r="ID13" s="88">
        <v>26</v>
      </c>
      <c r="IE13" s="88">
        <v>17</v>
      </c>
      <c r="IF13" s="88">
        <v>14</v>
      </c>
      <c r="IG13" s="88">
        <v>8</v>
      </c>
      <c r="IH13" s="88">
        <v>3</v>
      </c>
      <c r="II13" s="89">
        <v>68</v>
      </c>
      <c r="IJ13" s="90">
        <v>115</v>
      </c>
      <c r="IK13" s="87">
        <v>73</v>
      </c>
      <c r="IL13" s="88">
        <v>38</v>
      </c>
      <c r="IM13" s="89">
        <v>111</v>
      </c>
      <c r="IN13" s="399">
        <v>0</v>
      </c>
      <c r="IO13" s="88">
        <v>66</v>
      </c>
      <c r="IP13" s="88">
        <v>33</v>
      </c>
      <c r="IQ13" s="88">
        <v>33</v>
      </c>
      <c r="IR13" s="88">
        <v>14</v>
      </c>
      <c r="IS13" s="88">
        <v>6</v>
      </c>
      <c r="IT13" s="89">
        <v>152</v>
      </c>
      <c r="IU13" s="90">
        <v>263</v>
      </c>
      <c r="IV13" s="87">
        <v>97</v>
      </c>
      <c r="IW13" s="88">
        <v>55</v>
      </c>
      <c r="IX13" s="89">
        <v>152</v>
      </c>
      <c r="IY13" s="399">
        <v>0</v>
      </c>
      <c r="IZ13" s="88">
        <v>118</v>
      </c>
      <c r="JA13" s="88">
        <v>54</v>
      </c>
      <c r="JB13" s="88">
        <v>36</v>
      </c>
      <c r="JC13" s="88">
        <v>30</v>
      </c>
      <c r="JD13" s="88">
        <v>18</v>
      </c>
      <c r="JE13" s="89">
        <v>256</v>
      </c>
      <c r="JF13" s="90">
        <v>408</v>
      </c>
      <c r="JG13" s="87">
        <v>69</v>
      </c>
      <c r="JH13" s="88">
        <v>47</v>
      </c>
      <c r="JI13" s="89">
        <v>116</v>
      </c>
      <c r="JJ13" s="399">
        <v>0</v>
      </c>
      <c r="JK13" s="88">
        <v>99</v>
      </c>
      <c r="JL13" s="88">
        <v>97</v>
      </c>
      <c r="JM13" s="88">
        <v>66</v>
      </c>
      <c r="JN13" s="88">
        <v>75</v>
      </c>
      <c r="JO13" s="88">
        <v>32</v>
      </c>
      <c r="JP13" s="89">
        <v>369</v>
      </c>
      <c r="JQ13" s="90">
        <v>485</v>
      </c>
      <c r="JR13" s="87">
        <v>0</v>
      </c>
      <c r="JS13" s="88">
        <v>0</v>
      </c>
      <c r="JT13" s="89">
        <v>0</v>
      </c>
      <c r="JU13" s="399">
        <v>0</v>
      </c>
      <c r="JV13" s="88">
        <v>0</v>
      </c>
      <c r="JW13" s="88">
        <v>0</v>
      </c>
      <c r="JX13" s="88">
        <v>0</v>
      </c>
      <c r="JY13" s="88">
        <v>0</v>
      </c>
      <c r="JZ13" s="88">
        <v>0</v>
      </c>
      <c r="KA13" s="89">
        <v>0</v>
      </c>
      <c r="KB13" s="90">
        <v>0</v>
      </c>
      <c r="KC13" s="87">
        <v>282</v>
      </c>
      <c r="KD13" s="88">
        <v>176</v>
      </c>
      <c r="KE13" s="89">
        <v>458</v>
      </c>
      <c r="KF13" s="399">
        <v>0</v>
      </c>
      <c r="KG13" s="88">
        <v>325</v>
      </c>
      <c r="KH13" s="88">
        <v>213</v>
      </c>
      <c r="KI13" s="88">
        <v>152</v>
      </c>
      <c r="KJ13" s="88">
        <v>136</v>
      </c>
      <c r="KK13" s="88">
        <v>69</v>
      </c>
      <c r="KL13" s="89">
        <v>895</v>
      </c>
      <c r="KM13" s="90">
        <v>1353</v>
      </c>
    </row>
    <row r="14" spans="2:299" s="56" customFormat="1" ht="21" customHeight="1" x14ac:dyDescent="0.2">
      <c r="B14" s="92" t="s">
        <v>10</v>
      </c>
      <c r="C14" s="82">
        <v>306</v>
      </c>
      <c r="D14" s="83">
        <v>195</v>
      </c>
      <c r="E14" s="84">
        <v>501</v>
      </c>
      <c r="F14" s="399">
        <v>0</v>
      </c>
      <c r="G14" s="83">
        <v>302</v>
      </c>
      <c r="H14" s="83">
        <v>147</v>
      </c>
      <c r="I14" s="83">
        <v>117</v>
      </c>
      <c r="J14" s="83">
        <v>89</v>
      </c>
      <c r="K14" s="83">
        <v>68</v>
      </c>
      <c r="L14" s="85">
        <v>723</v>
      </c>
      <c r="M14" s="86">
        <v>1224</v>
      </c>
      <c r="N14" s="87">
        <v>16</v>
      </c>
      <c r="O14" s="88">
        <v>9</v>
      </c>
      <c r="P14" s="89">
        <v>25</v>
      </c>
      <c r="Q14" s="399">
        <v>0</v>
      </c>
      <c r="R14" s="88">
        <v>9</v>
      </c>
      <c r="S14" s="88">
        <v>8</v>
      </c>
      <c r="T14" s="88">
        <v>3</v>
      </c>
      <c r="U14" s="88">
        <v>1</v>
      </c>
      <c r="V14" s="88">
        <v>3</v>
      </c>
      <c r="W14" s="89">
        <v>24</v>
      </c>
      <c r="X14" s="90">
        <v>49</v>
      </c>
      <c r="Y14" s="87">
        <v>13</v>
      </c>
      <c r="Z14" s="88">
        <v>13</v>
      </c>
      <c r="AA14" s="89">
        <v>26</v>
      </c>
      <c r="AB14" s="399">
        <v>0</v>
      </c>
      <c r="AC14" s="88">
        <v>19</v>
      </c>
      <c r="AD14" s="88">
        <v>15</v>
      </c>
      <c r="AE14" s="88">
        <v>9</v>
      </c>
      <c r="AF14" s="88">
        <v>11</v>
      </c>
      <c r="AG14" s="88">
        <v>7</v>
      </c>
      <c r="AH14" s="89">
        <v>61</v>
      </c>
      <c r="AI14" s="90">
        <v>87</v>
      </c>
      <c r="AJ14" s="87">
        <v>22</v>
      </c>
      <c r="AK14" s="88">
        <v>26</v>
      </c>
      <c r="AL14" s="89">
        <v>48</v>
      </c>
      <c r="AM14" s="399">
        <v>0</v>
      </c>
      <c r="AN14" s="88">
        <v>38</v>
      </c>
      <c r="AO14" s="88">
        <v>21</v>
      </c>
      <c r="AP14" s="88">
        <v>13</v>
      </c>
      <c r="AQ14" s="88">
        <v>6</v>
      </c>
      <c r="AR14" s="88">
        <v>13</v>
      </c>
      <c r="AS14" s="89">
        <v>91</v>
      </c>
      <c r="AT14" s="90">
        <v>139</v>
      </c>
      <c r="AU14" s="87">
        <v>64</v>
      </c>
      <c r="AV14" s="88">
        <v>36</v>
      </c>
      <c r="AW14" s="89">
        <v>100</v>
      </c>
      <c r="AX14" s="399">
        <v>0</v>
      </c>
      <c r="AY14" s="88">
        <v>80</v>
      </c>
      <c r="AZ14" s="88">
        <v>21</v>
      </c>
      <c r="BA14" s="88">
        <v>20</v>
      </c>
      <c r="BB14" s="88">
        <v>18</v>
      </c>
      <c r="BC14" s="88">
        <v>20</v>
      </c>
      <c r="BD14" s="89">
        <v>159</v>
      </c>
      <c r="BE14" s="90">
        <v>259</v>
      </c>
      <c r="BF14" s="87">
        <v>105</v>
      </c>
      <c r="BG14" s="88">
        <v>52</v>
      </c>
      <c r="BH14" s="89">
        <v>157</v>
      </c>
      <c r="BI14" s="399">
        <v>0</v>
      </c>
      <c r="BJ14" s="88">
        <v>68</v>
      </c>
      <c r="BK14" s="88">
        <v>40</v>
      </c>
      <c r="BL14" s="88">
        <v>35</v>
      </c>
      <c r="BM14" s="88">
        <v>17</v>
      </c>
      <c r="BN14" s="88">
        <v>12</v>
      </c>
      <c r="BO14" s="89">
        <v>172</v>
      </c>
      <c r="BP14" s="90">
        <v>329</v>
      </c>
      <c r="BQ14" s="87">
        <v>86</v>
      </c>
      <c r="BR14" s="88">
        <v>59</v>
      </c>
      <c r="BS14" s="89">
        <v>145</v>
      </c>
      <c r="BT14" s="399">
        <v>0</v>
      </c>
      <c r="BU14" s="88">
        <v>88</v>
      </c>
      <c r="BV14" s="88">
        <v>42</v>
      </c>
      <c r="BW14" s="88">
        <v>37</v>
      </c>
      <c r="BX14" s="88">
        <v>36</v>
      </c>
      <c r="BY14" s="88">
        <v>13</v>
      </c>
      <c r="BZ14" s="89">
        <v>216</v>
      </c>
      <c r="CA14" s="90">
        <v>361</v>
      </c>
      <c r="CB14" s="87">
        <v>0</v>
      </c>
      <c r="CC14" s="88">
        <v>0</v>
      </c>
      <c r="CD14" s="89">
        <v>0</v>
      </c>
      <c r="CE14" s="399">
        <v>0</v>
      </c>
      <c r="CF14" s="88">
        <v>0</v>
      </c>
      <c r="CG14" s="88">
        <v>0</v>
      </c>
      <c r="CH14" s="88">
        <v>0</v>
      </c>
      <c r="CI14" s="88">
        <v>0</v>
      </c>
      <c r="CJ14" s="88">
        <v>0</v>
      </c>
      <c r="CK14" s="89">
        <v>0</v>
      </c>
      <c r="CL14" s="90">
        <v>0</v>
      </c>
      <c r="CM14" s="87">
        <v>306</v>
      </c>
      <c r="CN14" s="88">
        <v>195</v>
      </c>
      <c r="CO14" s="89">
        <v>501</v>
      </c>
      <c r="CP14" s="399">
        <v>0</v>
      </c>
      <c r="CQ14" s="88">
        <v>302</v>
      </c>
      <c r="CR14" s="88">
        <v>147</v>
      </c>
      <c r="CS14" s="88">
        <v>117</v>
      </c>
      <c r="CT14" s="88">
        <v>89</v>
      </c>
      <c r="CU14" s="88">
        <v>68</v>
      </c>
      <c r="CV14" s="89">
        <v>723</v>
      </c>
      <c r="CW14" s="90">
        <v>1224</v>
      </c>
      <c r="CX14" s="91">
        <v>114</v>
      </c>
      <c r="CY14" s="83">
        <v>78</v>
      </c>
      <c r="CZ14" s="84">
        <v>192</v>
      </c>
      <c r="DA14" s="399">
        <v>0</v>
      </c>
      <c r="DB14" s="83">
        <v>125</v>
      </c>
      <c r="DC14" s="83">
        <v>56</v>
      </c>
      <c r="DD14" s="83">
        <v>43</v>
      </c>
      <c r="DE14" s="83">
        <v>56</v>
      </c>
      <c r="DF14" s="83">
        <v>37</v>
      </c>
      <c r="DG14" s="85">
        <v>317</v>
      </c>
      <c r="DH14" s="86">
        <v>509</v>
      </c>
      <c r="DI14" s="87">
        <v>5</v>
      </c>
      <c r="DJ14" s="88">
        <v>4</v>
      </c>
      <c r="DK14" s="89">
        <v>9</v>
      </c>
      <c r="DL14" s="399">
        <v>0</v>
      </c>
      <c r="DM14" s="88">
        <v>2</v>
      </c>
      <c r="DN14" s="88">
        <v>0</v>
      </c>
      <c r="DO14" s="88">
        <v>0</v>
      </c>
      <c r="DP14" s="88">
        <v>1</v>
      </c>
      <c r="DQ14" s="88">
        <v>0</v>
      </c>
      <c r="DR14" s="89">
        <v>3</v>
      </c>
      <c r="DS14" s="90">
        <v>12</v>
      </c>
      <c r="DT14" s="87">
        <v>6</v>
      </c>
      <c r="DU14" s="88">
        <v>4</v>
      </c>
      <c r="DV14" s="89">
        <v>10</v>
      </c>
      <c r="DW14" s="399">
        <v>0</v>
      </c>
      <c r="DX14" s="88">
        <v>4</v>
      </c>
      <c r="DY14" s="88">
        <v>5</v>
      </c>
      <c r="DZ14" s="88">
        <v>1</v>
      </c>
      <c r="EA14" s="88">
        <v>1</v>
      </c>
      <c r="EB14" s="88">
        <v>0</v>
      </c>
      <c r="EC14" s="89">
        <v>11</v>
      </c>
      <c r="ED14" s="90">
        <v>21</v>
      </c>
      <c r="EE14" s="87">
        <v>17</v>
      </c>
      <c r="EF14" s="88">
        <v>15</v>
      </c>
      <c r="EG14" s="89">
        <v>32</v>
      </c>
      <c r="EH14" s="399">
        <v>0</v>
      </c>
      <c r="EI14" s="88">
        <v>15</v>
      </c>
      <c r="EJ14" s="88">
        <v>2</v>
      </c>
      <c r="EK14" s="88">
        <v>3</v>
      </c>
      <c r="EL14" s="88">
        <v>2</v>
      </c>
      <c r="EM14" s="88">
        <v>3</v>
      </c>
      <c r="EN14" s="89">
        <v>25</v>
      </c>
      <c r="EO14" s="90">
        <v>57</v>
      </c>
      <c r="EP14" s="87">
        <v>30</v>
      </c>
      <c r="EQ14" s="88">
        <v>16</v>
      </c>
      <c r="ER14" s="89">
        <v>46</v>
      </c>
      <c r="ES14" s="399">
        <v>0</v>
      </c>
      <c r="ET14" s="88">
        <v>23</v>
      </c>
      <c r="EU14" s="88">
        <v>13</v>
      </c>
      <c r="EV14" s="88">
        <v>5</v>
      </c>
      <c r="EW14" s="88">
        <v>8</v>
      </c>
      <c r="EX14" s="88">
        <v>7</v>
      </c>
      <c r="EY14" s="89">
        <v>56</v>
      </c>
      <c r="EZ14" s="90">
        <v>102</v>
      </c>
      <c r="FA14" s="87">
        <v>33</v>
      </c>
      <c r="FB14" s="88">
        <v>22</v>
      </c>
      <c r="FC14" s="89">
        <v>55</v>
      </c>
      <c r="FD14" s="399">
        <v>0</v>
      </c>
      <c r="FE14" s="88">
        <v>35</v>
      </c>
      <c r="FF14" s="88">
        <v>14</v>
      </c>
      <c r="FG14" s="88">
        <v>13</v>
      </c>
      <c r="FH14" s="88">
        <v>11</v>
      </c>
      <c r="FI14" s="88">
        <v>11</v>
      </c>
      <c r="FJ14" s="89">
        <v>84</v>
      </c>
      <c r="FK14" s="90">
        <v>139</v>
      </c>
      <c r="FL14" s="87">
        <v>23</v>
      </c>
      <c r="FM14" s="88">
        <v>17</v>
      </c>
      <c r="FN14" s="89">
        <v>40</v>
      </c>
      <c r="FO14" s="399">
        <v>0</v>
      </c>
      <c r="FP14" s="88">
        <v>46</v>
      </c>
      <c r="FQ14" s="88">
        <v>22</v>
      </c>
      <c r="FR14" s="88">
        <v>21</v>
      </c>
      <c r="FS14" s="88">
        <v>33</v>
      </c>
      <c r="FT14" s="88">
        <v>16</v>
      </c>
      <c r="FU14" s="89">
        <v>138</v>
      </c>
      <c r="FV14" s="90">
        <v>178</v>
      </c>
      <c r="FW14" s="87">
        <v>0</v>
      </c>
      <c r="FX14" s="88">
        <v>0</v>
      </c>
      <c r="FY14" s="89">
        <v>0</v>
      </c>
      <c r="FZ14" s="399">
        <v>0</v>
      </c>
      <c r="GA14" s="88">
        <v>0</v>
      </c>
      <c r="GB14" s="88">
        <v>0</v>
      </c>
      <c r="GC14" s="88">
        <v>0</v>
      </c>
      <c r="GD14" s="88">
        <v>0</v>
      </c>
      <c r="GE14" s="88">
        <v>0</v>
      </c>
      <c r="GF14" s="89">
        <v>0</v>
      </c>
      <c r="GG14" s="90">
        <v>0</v>
      </c>
      <c r="GH14" s="87">
        <v>114</v>
      </c>
      <c r="GI14" s="88">
        <v>78</v>
      </c>
      <c r="GJ14" s="89">
        <v>192</v>
      </c>
      <c r="GK14" s="399">
        <v>0</v>
      </c>
      <c r="GL14" s="88">
        <v>125</v>
      </c>
      <c r="GM14" s="88">
        <v>56</v>
      </c>
      <c r="GN14" s="88">
        <v>43</v>
      </c>
      <c r="GO14" s="88">
        <v>56</v>
      </c>
      <c r="GP14" s="88">
        <v>37</v>
      </c>
      <c r="GQ14" s="89">
        <v>317</v>
      </c>
      <c r="GR14" s="90">
        <v>509</v>
      </c>
      <c r="GS14" s="91">
        <v>420</v>
      </c>
      <c r="GT14" s="83">
        <v>273</v>
      </c>
      <c r="GU14" s="84">
        <v>693</v>
      </c>
      <c r="GV14" s="399">
        <v>0</v>
      </c>
      <c r="GW14" s="83">
        <v>427</v>
      </c>
      <c r="GX14" s="83">
        <v>203</v>
      </c>
      <c r="GY14" s="83">
        <v>160</v>
      </c>
      <c r="GZ14" s="83">
        <v>145</v>
      </c>
      <c r="HA14" s="83">
        <v>105</v>
      </c>
      <c r="HB14" s="85">
        <v>1040</v>
      </c>
      <c r="HC14" s="86">
        <v>1733</v>
      </c>
      <c r="HD14" s="87">
        <v>21</v>
      </c>
      <c r="HE14" s="88">
        <v>13</v>
      </c>
      <c r="HF14" s="89">
        <v>34</v>
      </c>
      <c r="HG14" s="399">
        <v>0</v>
      </c>
      <c r="HH14" s="88">
        <v>11</v>
      </c>
      <c r="HI14" s="88">
        <v>8</v>
      </c>
      <c r="HJ14" s="88">
        <v>3</v>
      </c>
      <c r="HK14" s="88">
        <v>2</v>
      </c>
      <c r="HL14" s="88">
        <v>3</v>
      </c>
      <c r="HM14" s="89">
        <v>27</v>
      </c>
      <c r="HN14" s="90">
        <v>61</v>
      </c>
      <c r="HO14" s="87">
        <v>19</v>
      </c>
      <c r="HP14" s="88">
        <v>17</v>
      </c>
      <c r="HQ14" s="89">
        <v>36</v>
      </c>
      <c r="HR14" s="399">
        <v>0</v>
      </c>
      <c r="HS14" s="88">
        <v>23</v>
      </c>
      <c r="HT14" s="88">
        <v>20</v>
      </c>
      <c r="HU14" s="88">
        <v>10</v>
      </c>
      <c r="HV14" s="88">
        <v>12</v>
      </c>
      <c r="HW14" s="88">
        <v>7</v>
      </c>
      <c r="HX14" s="89">
        <v>72</v>
      </c>
      <c r="HY14" s="90">
        <v>108</v>
      </c>
      <c r="HZ14" s="87">
        <v>39</v>
      </c>
      <c r="IA14" s="88">
        <v>41</v>
      </c>
      <c r="IB14" s="89">
        <v>80</v>
      </c>
      <c r="IC14" s="399">
        <v>0</v>
      </c>
      <c r="ID14" s="88">
        <v>53</v>
      </c>
      <c r="IE14" s="88">
        <v>23</v>
      </c>
      <c r="IF14" s="88">
        <v>16</v>
      </c>
      <c r="IG14" s="88">
        <v>8</v>
      </c>
      <c r="IH14" s="88">
        <v>16</v>
      </c>
      <c r="II14" s="89">
        <v>116</v>
      </c>
      <c r="IJ14" s="90">
        <v>196</v>
      </c>
      <c r="IK14" s="87">
        <v>94</v>
      </c>
      <c r="IL14" s="88">
        <v>52</v>
      </c>
      <c r="IM14" s="89">
        <v>146</v>
      </c>
      <c r="IN14" s="399">
        <v>0</v>
      </c>
      <c r="IO14" s="88">
        <v>103</v>
      </c>
      <c r="IP14" s="88">
        <v>34</v>
      </c>
      <c r="IQ14" s="88">
        <v>25</v>
      </c>
      <c r="IR14" s="88">
        <v>26</v>
      </c>
      <c r="IS14" s="88">
        <v>27</v>
      </c>
      <c r="IT14" s="89">
        <v>215</v>
      </c>
      <c r="IU14" s="90">
        <v>361</v>
      </c>
      <c r="IV14" s="87">
        <v>138</v>
      </c>
      <c r="IW14" s="88">
        <v>74</v>
      </c>
      <c r="IX14" s="89">
        <v>212</v>
      </c>
      <c r="IY14" s="399">
        <v>0</v>
      </c>
      <c r="IZ14" s="88">
        <v>103</v>
      </c>
      <c r="JA14" s="88">
        <v>54</v>
      </c>
      <c r="JB14" s="88">
        <v>48</v>
      </c>
      <c r="JC14" s="88">
        <v>28</v>
      </c>
      <c r="JD14" s="88">
        <v>23</v>
      </c>
      <c r="JE14" s="89">
        <v>256</v>
      </c>
      <c r="JF14" s="90">
        <v>468</v>
      </c>
      <c r="JG14" s="87">
        <v>109</v>
      </c>
      <c r="JH14" s="88">
        <v>76</v>
      </c>
      <c r="JI14" s="89">
        <v>185</v>
      </c>
      <c r="JJ14" s="399">
        <v>0</v>
      </c>
      <c r="JK14" s="88">
        <v>134</v>
      </c>
      <c r="JL14" s="88">
        <v>64</v>
      </c>
      <c r="JM14" s="88">
        <v>58</v>
      </c>
      <c r="JN14" s="88">
        <v>69</v>
      </c>
      <c r="JO14" s="88">
        <v>29</v>
      </c>
      <c r="JP14" s="89">
        <v>354</v>
      </c>
      <c r="JQ14" s="90">
        <v>539</v>
      </c>
      <c r="JR14" s="87">
        <v>0</v>
      </c>
      <c r="JS14" s="88">
        <v>0</v>
      </c>
      <c r="JT14" s="89">
        <v>0</v>
      </c>
      <c r="JU14" s="399">
        <v>0</v>
      </c>
      <c r="JV14" s="88">
        <v>0</v>
      </c>
      <c r="JW14" s="88">
        <v>0</v>
      </c>
      <c r="JX14" s="88">
        <v>0</v>
      </c>
      <c r="JY14" s="88">
        <v>0</v>
      </c>
      <c r="JZ14" s="88">
        <v>0</v>
      </c>
      <c r="KA14" s="89">
        <v>0</v>
      </c>
      <c r="KB14" s="90">
        <v>0</v>
      </c>
      <c r="KC14" s="87">
        <v>420</v>
      </c>
      <c r="KD14" s="88">
        <v>273</v>
      </c>
      <c r="KE14" s="89">
        <v>693</v>
      </c>
      <c r="KF14" s="399">
        <v>0</v>
      </c>
      <c r="KG14" s="88">
        <v>427</v>
      </c>
      <c r="KH14" s="88">
        <v>203</v>
      </c>
      <c r="KI14" s="88">
        <v>160</v>
      </c>
      <c r="KJ14" s="88">
        <v>145</v>
      </c>
      <c r="KK14" s="88">
        <v>105</v>
      </c>
      <c r="KL14" s="89">
        <v>1040</v>
      </c>
      <c r="KM14" s="90">
        <v>1733</v>
      </c>
    </row>
    <row r="15" spans="2:299" s="56" customFormat="1" ht="21" customHeight="1" x14ac:dyDescent="0.2">
      <c r="B15" s="92" t="s">
        <v>11</v>
      </c>
      <c r="C15" s="82">
        <v>52</v>
      </c>
      <c r="D15" s="83">
        <v>40</v>
      </c>
      <c r="E15" s="84">
        <v>92</v>
      </c>
      <c r="F15" s="399">
        <v>0</v>
      </c>
      <c r="G15" s="83">
        <v>98</v>
      </c>
      <c r="H15" s="83">
        <v>72</v>
      </c>
      <c r="I15" s="83">
        <v>40</v>
      </c>
      <c r="J15" s="83">
        <v>26</v>
      </c>
      <c r="K15" s="83">
        <v>28</v>
      </c>
      <c r="L15" s="85">
        <v>264</v>
      </c>
      <c r="M15" s="86">
        <v>356</v>
      </c>
      <c r="N15" s="87">
        <v>0</v>
      </c>
      <c r="O15" s="88">
        <v>0</v>
      </c>
      <c r="P15" s="89">
        <v>0</v>
      </c>
      <c r="Q15" s="399">
        <v>0</v>
      </c>
      <c r="R15" s="88">
        <v>2</v>
      </c>
      <c r="S15" s="88">
        <v>5</v>
      </c>
      <c r="T15" s="88">
        <v>2</v>
      </c>
      <c r="U15" s="88">
        <v>0</v>
      </c>
      <c r="V15" s="88">
        <v>0</v>
      </c>
      <c r="W15" s="89">
        <v>9</v>
      </c>
      <c r="X15" s="90">
        <v>9</v>
      </c>
      <c r="Y15" s="87">
        <v>3</v>
      </c>
      <c r="Z15" s="88">
        <v>5</v>
      </c>
      <c r="AA15" s="89">
        <v>8</v>
      </c>
      <c r="AB15" s="399">
        <v>0</v>
      </c>
      <c r="AC15" s="88">
        <v>8</v>
      </c>
      <c r="AD15" s="88">
        <v>4</v>
      </c>
      <c r="AE15" s="88">
        <v>1</v>
      </c>
      <c r="AF15" s="88">
        <v>2</v>
      </c>
      <c r="AG15" s="88">
        <v>2</v>
      </c>
      <c r="AH15" s="89">
        <v>17</v>
      </c>
      <c r="AI15" s="90">
        <v>25</v>
      </c>
      <c r="AJ15" s="87">
        <v>6</v>
      </c>
      <c r="AK15" s="88">
        <v>2</v>
      </c>
      <c r="AL15" s="89">
        <v>8</v>
      </c>
      <c r="AM15" s="399">
        <v>0</v>
      </c>
      <c r="AN15" s="88">
        <v>20</v>
      </c>
      <c r="AO15" s="88">
        <v>8</v>
      </c>
      <c r="AP15" s="88">
        <v>5</v>
      </c>
      <c r="AQ15" s="88">
        <v>2</v>
      </c>
      <c r="AR15" s="88">
        <v>3</v>
      </c>
      <c r="AS15" s="89">
        <v>38</v>
      </c>
      <c r="AT15" s="90">
        <v>46</v>
      </c>
      <c r="AU15" s="87">
        <v>12</v>
      </c>
      <c r="AV15" s="88">
        <v>9</v>
      </c>
      <c r="AW15" s="89">
        <v>21</v>
      </c>
      <c r="AX15" s="399">
        <v>0</v>
      </c>
      <c r="AY15" s="88">
        <v>25</v>
      </c>
      <c r="AZ15" s="88">
        <v>13</v>
      </c>
      <c r="BA15" s="88">
        <v>9</v>
      </c>
      <c r="BB15" s="88">
        <v>10</v>
      </c>
      <c r="BC15" s="88">
        <v>12</v>
      </c>
      <c r="BD15" s="89">
        <v>69</v>
      </c>
      <c r="BE15" s="90">
        <v>90</v>
      </c>
      <c r="BF15" s="87">
        <v>20</v>
      </c>
      <c r="BG15" s="88">
        <v>15</v>
      </c>
      <c r="BH15" s="89">
        <v>35</v>
      </c>
      <c r="BI15" s="399">
        <v>0</v>
      </c>
      <c r="BJ15" s="88">
        <v>17</v>
      </c>
      <c r="BK15" s="88">
        <v>19</v>
      </c>
      <c r="BL15" s="88">
        <v>12</v>
      </c>
      <c r="BM15" s="88">
        <v>8</v>
      </c>
      <c r="BN15" s="88">
        <v>3</v>
      </c>
      <c r="BO15" s="89">
        <v>59</v>
      </c>
      <c r="BP15" s="90">
        <v>94</v>
      </c>
      <c r="BQ15" s="87">
        <v>11</v>
      </c>
      <c r="BR15" s="88">
        <v>9</v>
      </c>
      <c r="BS15" s="89">
        <v>20</v>
      </c>
      <c r="BT15" s="399">
        <v>0</v>
      </c>
      <c r="BU15" s="88">
        <v>26</v>
      </c>
      <c r="BV15" s="88">
        <v>23</v>
      </c>
      <c r="BW15" s="88">
        <v>11</v>
      </c>
      <c r="BX15" s="88">
        <v>4</v>
      </c>
      <c r="BY15" s="88">
        <v>8</v>
      </c>
      <c r="BZ15" s="89">
        <v>72</v>
      </c>
      <c r="CA15" s="90">
        <v>92</v>
      </c>
      <c r="CB15" s="87">
        <v>0</v>
      </c>
      <c r="CC15" s="88">
        <v>0</v>
      </c>
      <c r="CD15" s="89">
        <v>0</v>
      </c>
      <c r="CE15" s="399">
        <v>0</v>
      </c>
      <c r="CF15" s="88">
        <v>0</v>
      </c>
      <c r="CG15" s="88">
        <v>0</v>
      </c>
      <c r="CH15" s="88">
        <v>0</v>
      </c>
      <c r="CI15" s="88">
        <v>0</v>
      </c>
      <c r="CJ15" s="88">
        <v>0</v>
      </c>
      <c r="CK15" s="89">
        <v>0</v>
      </c>
      <c r="CL15" s="90">
        <v>0</v>
      </c>
      <c r="CM15" s="87">
        <v>52</v>
      </c>
      <c r="CN15" s="88">
        <v>40</v>
      </c>
      <c r="CO15" s="89">
        <v>92</v>
      </c>
      <c r="CP15" s="399">
        <v>0</v>
      </c>
      <c r="CQ15" s="88">
        <v>98</v>
      </c>
      <c r="CR15" s="88">
        <v>72</v>
      </c>
      <c r="CS15" s="88">
        <v>40</v>
      </c>
      <c r="CT15" s="88">
        <v>26</v>
      </c>
      <c r="CU15" s="88">
        <v>28</v>
      </c>
      <c r="CV15" s="89">
        <v>264</v>
      </c>
      <c r="CW15" s="90">
        <v>356</v>
      </c>
      <c r="CX15" s="91">
        <v>32</v>
      </c>
      <c r="CY15" s="83">
        <v>29</v>
      </c>
      <c r="CZ15" s="84">
        <v>61</v>
      </c>
      <c r="DA15" s="399">
        <v>0</v>
      </c>
      <c r="DB15" s="83">
        <v>37</v>
      </c>
      <c r="DC15" s="83">
        <v>30</v>
      </c>
      <c r="DD15" s="83">
        <v>18</v>
      </c>
      <c r="DE15" s="83">
        <v>30</v>
      </c>
      <c r="DF15" s="83">
        <v>12</v>
      </c>
      <c r="DG15" s="85">
        <v>127</v>
      </c>
      <c r="DH15" s="86">
        <v>188</v>
      </c>
      <c r="DI15" s="87">
        <v>0</v>
      </c>
      <c r="DJ15" s="88">
        <v>1</v>
      </c>
      <c r="DK15" s="89">
        <v>1</v>
      </c>
      <c r="DL15" s="399">
        <v>0</v>
      </c>
      <c r="DM15" s="88">
        <v>2</v>
      </c>
      <c r="DN15" s="88">
        <v>1</v>
      </c>
      <c r="DO15" s="88">
        <v>1</v>
      </c>
      <c r="DP15" s="88">
        <v>0</v>
      </c>
      <c r="DQ15" s="88">
        <v>0</v>
      </c>
      <c r="DR15" s="89">
        <v>4</v>
      </c>
      <c r="DS15" s="90">
        <v>5</v>
      </c>
      <c r="DT15" s="87">
        <v>1</v>
      </c>
      <c r="DU15" s="88">
        <v>2</v>
      </c>
      <c r="DV15" s="89">
        <v>3</v>
      </c>
      <c r="DW15" s="399">
        <v>0</v>
      </c>
      <c r="DX15" s="88">
        <v>1</v>
      </c>
      <c r="DY15" s="88">
        <v>2</v>
      </c>
      <c r="DZ15" s="88">
        <v>1</v>
      </c>
      <c r="EA15" s="88">
        <v>1</v>
      </c>
      <c r="EB15" s="88">
        <v>1</v>
      </c>
      <c r="EC15" s="89">
        <v>6</v>
      </c>
      <c r="ED15" s="90">
        <v>9</v>
      </c>
      <c r="EE15" s="87">
        <v>7</v>
      </c>
      <c r="EF15" s="88">
        <v>1</v>
      </c>
      <c r="EG15" s="89">
        <v>8</v>
      </c>
      <c r="EH15" s="399">
        <v>0</v>
      </c>
      <c r="EI15" s="88">
        <v>4</v>
      </c>
      <c r="EJ15" s="88">
        <v>3</v>
      </c>
      <c r="EK15" s="88">
        <v>0</v>
      </c>
      <c r="EL15" s="88">
        <v>1</v>
      </c>
      <c r="EM15" s="88">
        <v>1</v>
      </c>
      <c r="EN15" s="89">
        <v>9</v>
      </c>
      <c r="EO15" s="90">
        <v>17</v>
      </c>
      <c r="EP15" s="87">
        <v>6</v>
      </c>
      <c r="EQ15" s="88">
        <v>8</v>
      </c>
      <c r="ER15" s="89">
        <v>14</v>
      </c>
      <c r="ES15" s="399">
        <v>0</v>
      </c>
      <c r="ET15" s="88">
        <v>4</v>
      </c>
      <c r="EU15" s="88">
        <v>4</v>
      </c>
      <c r="EV15" s="88">
        <v>1</v>
      </c>
      <c r="EW15" s="88">
        <v>4</v>
      </c>
      <c r="EX15" s="88">
        <v>2</v>
      </c>
      <c r="EY15" s="89">
        <v>15</v>
      </c>
      <c r="EZ15" s="90">
        <v>29</v>
      </c>
      <c r="FA15" s="87">
        <v>15</v>
      </c>
      <c r="FB15" s="88">
        <v>8</v>
      </c>
      <c r="FC15" s="89">
        <v>23</v>
      </c>
      <c r="FD15" s="399">
        <v>0</v>
      </c>
      <c r="FE15" s="88">
        <v>13</v>
      </c>
      <c r="FF15" s="88">
        <v>8</v>
      </c>
      <c r="FG15" s="88">
        <v>4</v>
      </c>
      <c r="FH15" s="88">
        <v>1</v>
      </c>
      <c r="FI15" s="88">
        <v>3</v>
      </c>
      <c r="FJ15" s="89">
        <v>29</v>
      </c>
      <c r="FK15" s="90">
        <v>52</v>
      </c>
      <c r="FL15" s="87">
        <v>3</v>
      </c>
      <c r="FM15" s="88">
        <v>9</v>
      </c>
      <c r="FN15" s="89">
        <v>12</v>
      </c>
      <c r="FO15" s="399">
        <v>0</v>
      </c>
      <c r="FP15" s="88">
        <v>13</v>
      </c>
      <c r="FQ15" s="88">
        <v>12</v>
      </c>
      <c r="FR15" s="88">
        <v>11</v>
      </c>
      <c r="FS15" s="88">
        <v>23</v>
      </c>
      <c r="FT15" s="88">
        <v>5</v>
      </c>
      <c r="FU15" s="89">
        <v>64</v>
      </c>
      <c r="FV15" s="90">
        <v>76</v>
      </c>
      <c r="FW15" s="87">
        <v>0</v>
      </c>
      <c r="FX15" s="88">
        <v>0</v>
      </c>
      <c r="FY15" s="89">
        <v>0</v>
      </c>
      <c r="FZ15" s="399">
        <v>0</v>
      </c>
      <c r="GA15" s="88">
        <v>0</v>
      </c>
      <c r="GB15" s="88">
        <v>0</v>
      </c>
      <c r="GC15" s="88">
        <v>0</v>
      </c>
      <c r="GD15" s="88">
        <v>0</v>
      </c>
      <c r="GE15" s="88">
        <v>0</v>
      </c>
      <c r="GF15" s="89">
        <v>0</v>
      </c>
      <c r="GG15" s="90">
        <v>0</v>
      </c>
      <c r="GH15" s="87">
        <v>32</v>
      </c>
      <c r="GI15" s="88">
        <v>29</v>
      </c>
      <c r="GJ15" s="89">
        <v>61</v>
      </c>
      <c r="GK15" s="399">
        <v>0</v>
      </c>
      <c r="GL15" s="88">
        <v>37</v>
      </c>
      <c r="GM15" s="88">
        <v>30</v>
      </c>
      <c r="GN15" s="88">
        <v>18</v>
      </c>
      <c r="GO15" s="88">
        <v>30</v>
      </c>
      <c r="GP15" s="88">
        <v>12</v>
      </c>
      <c r="GQ15" s="89">
        <v>127</v>
      </c>
      <c r="GR15" s="90">
        <v>188</v>
      </c>
      <c r="GS15" s="91">
        <v>84</v>
      </c>
      <c r="GT15" s="83">
        <v>69</v>
      </c>
      <c r="GU15" s="84">
        <v>153</v>
      </c>
      <c r="GV15" s="399">
        <v>0</v>
      </c>
      <c r="GW15" s="83">
        <v>135</v>
      </c>
      <c r="GX15" s="83">
        <v>102</v>
      </c>
      <c r="GY15" s="83">
        <v>58</v>
      </c>
      <c r="GZ15" s="83">
        <v>56</v>
      </c>
      <c r="HA15" s="83">
        <v>40</v>
      </c>
      <c r="HB15" s="85">
        <v>391</v>
      </c>
      <c r="HC15" s="86">
        <v>544</v>
      </c>
      <c r="HD15" s="87">
        <v>0</v>
      </c>
      <c r="HE15" s="88">
        <v>1</v>
      </c>
      <c r="HF15" s="89">
        <v>1</v>
      </c>
      <c r="HG15" s="399">
        <v>0</v>
      </c>
      <c r="HH15" s="88">
        <v>4</v>
      </c>
      <c r="HI15" s="88">
        <v>6</v>
      </c>
      <c r="HJ15" s="88">
        <v>3</v>
      </c>
      <c r="HK15" s="88">
        <v>0</v>
      </c>
      <c r="HL15" s="88">
        <v>0</v>
      </c>
      <c r="HM15" s="89">
        <v>13</v>
      </c>
      <c r="HN15" s="90">
        <v>14</v>
      </c>
      <c r="HO15" s="87">
        <v>4</v>
      </c>
      <c r="HP15" s="88">
        <v>7</v>
      </c>
      <c r="HQ15" s="89">
        <v>11</v>
      </c>
      <c r="HR15" s="399">
        <v>0</v>
      </c>
      <c r="HS15" s="88">
        <v>9</v>
      </c>
      <c r="HT15" s="88">
        <v>6</v>
      </c>
      <c r="HU15" s="88">
        <v>2</v>
      </c>
      <c r="HV15" s="88">
        <v>3</v>
      </c>
      <c r="HW15" s="88">
        <v>3</v>
      </c>
      <c r="HX15" s="89">
        <v>23</v>
      </c>
      <c r="HY15" s="90">
        <v>34</v>
      </c>
      <c r="HZ15" s="87">
        <v>13</v>
      </c>
      <c r="IA15" s="88">
        <v>3</v>
      </c>
      <c r="IB15" s="89">
        <v>16</v>
      </c>
      <c r="IC15" s="399">
        <v>0</v>
      </c>
      <c r="ID15" s="88">
        <v>24</v>
      </c>
      <c r="IE15" s="88">
        <v>11</v>
      </c>
      <c r="IF15" s="88">
        <v>5</v>
      </c>
      <c r="IG15" s="88">
        <v>3</v>
      </c>
      <c r="IH15" s="88">
        <v>4</v>
      </c>
      <c r="II15" s="89">
        <v>47</v>
      </c>
      <c r="IJ15" s="90">
        <v>63</v>
      </c>
      <c r="IK15" s="87">
        <v>18</v>
      </c>
      <c r="IL15" s="88">
        <v>17</v>
      </c>
      <c r="IM15" s="89">
        <v>35</v>
      </c>
      <c r="IN15" s="399">
        <v>0</v>
      </c>
      <c r="IO15" s="88">
        <v>29</v>
      </c>
      <c r="IP15" s="88">
        <v>17</v>
      </c>
      <c r="IQ15" s="88">
        <v>10</v>
      </c>
      <c r="IR15" s="88">
        <v>14</v>
      </c>
      <c r="IS15" s="88">
        <v>14</v>
      </c>
      <c r="IT15" s="89">
        <v>84</v>
      </c>
      <c r="IU15" s="90">
        <v>119</v>
      </c>
      <c r="IV15" s="87">
        <v>35</v>
      </c>
      <c r="IW15" s="88">
        <v>23</v>
      </c>
      <c r="IX15" s="89">
        <v>58</v>
      </c>
      <c r="IY15" s="399">
        <v>0</v>
      </c>
      <c r="IZ15" s="88">
        <v>30</v>
      </c>
      <c r="JA15" s="88">
        <v>27</v>
      </c>
      <c r="JB15" s="88">
        <v>16</v>
      </c>
      <c r="JC15" s="88">
        <v>9</v>
      </c>
      <c r="JD15" s="88">
        <v>6</v>
      </c>
      <c r="JE15" s="89">
        <v>88</v>
      </c>
      <c r="JF15" s="90">
        <v>146</v>
      </c>
      <c r="JG15" s="87">
        <v>14</v>
      </c>
      <c r="JH15" s="88">
        <v>18</v>
      </c>
      <c r="JI15" s="89">
        <v>32</v>
      </c>
      <c r="JJ15" s="399">
        <v>0</v>
      </c>
      <c r="JK15" s="88">
        <v>39</v>
      </c>
      <c r="JL15" s="88">
        <v>35</v>
      </c>
      <c r="JM15" s="88">
        <v>22</v>
      </c>
      <c r="JN15" s="88">
        <v>27</v>
      </c>
      <c r="JO15" s="88">
        <v>13</v>
      </c>
      <c r="JP15" s="89">
        <v>136</v>
      </c>
      <c r="JQ15" s="90">
        <v>168</v>
      </c>
      <c r="JR15" s="87">
        <v>0</v>
      </c>
      <c r="JS15" s="88">
        <v>0</v>
      </c>
      <c r="JT15" s="89">
        <v>0</v>
      </c>
      <c r="JU15" s="399">
        <v>0</v>
      </c>
      <c r="JV15" s="88">
        <v>0</v>
      </c>
      <c r="JW15" s="88">
        <v>0</v>
      </c>
      <c r="JX15" s="88">
        <v>0</v>
      </c>
      <c r="JY15" s="88">
        <v>0</v>
      </c>
      <c r="JZ15" s="88">
        <v>0</v>
      </c>
      <c r="KA15" s="89">
        <v>0</v>
      </c>
      <c r="KB15" s="90">
        <v>0</v>
      </c>
      <c r="KC15" s="87">
        <v>84</v>
      </c>
      <c r="KD15" s="88">
        <v>69</v>
      </c>
      <c r="KE15" s="89">
        <v>153</v>
      </c>
      <c r="KF15" s="399">
        <v>0</v>
      </c>
      <c r="KG15" s="88">
        <v>135</v>
      </c>
      <c r="KH15" s="88">
        <v>102</v>
      </c>
      <c r="KI15" s="88">
        <v>58</v>
      </c>
      <c r="KJ15" s="88">
        <v>56</v>
      </c>
      <c r="KK15" s="88">
        <v>40</v>
      </c>
      <c r="KL15" s="89">
        <v>391</v>
      </c>
      <c r="KM15" s="90">
        <v>544</v>
      </c>
    </row>
    <row r="16" spans="2:299" s="56" customFormat="1" ht="21" customHeight="1" x14ac:dyDescent="0.2">
      <c r="B16" s="92" t="s">
        <v>12</v>
      </c>
      <c r="C16" s="82">
        <v>126</v>
      </c>
      <c r="D16" s="83">
        <v>123</v>
      </c>
      <c r="E16" s="84">
        <v>249</v>
      </c>
      <c r="F16" s="399">
        <v>0</v>
      </c>
      <c r="G16" s="83">
        <v>126</v>
      </c>
      <c r="H16" s="83">
        <v>104</v>
      </c>
      <c r="I16" s="83">
        <v>60</v>
      </c>
      <c r="J16" s="83">
        <v>76</v>
      </c>
      <c r="K16" s="83">
        <v>35</v>
      </c>
      <c r="L16" s="85">
        <v>401</v>
      </c>
      <c r="M16" s="86">
        <v>650</v>
      </c>
      <c r="N16" s="93">
        <v>2</v>
      </c>
      <c r="O16" s="88">
        <v>5</v>
      </c>
      <c r="P16" s="89">
        <v>7</v>
      </c>
      <c r="Q16" s="399">
        <v>0</v>
      </c>
      <c r="R16" s="88">
        <v>2</v>
      </c>
      <c r="S16" s="88">
        <v>1</v>
      </c>
      <c r="T16" s="88">
        <v>3</v>
      </c>
      <c r="U16" s="88">
        <v>2</v>
      </c>
      <c r="V16" s="88">
        <v>1</v>
      </c>
      <c r="W16" s="89">
        <v>9</v>
      </c>
      <c r="X16" s="90">
        <v>16</v>
      </c>
      <c r="Y16" s="87">
        <v>7</v>
      </c>
      <c r="Z16" s="88">
        <v>11</v>
      </c>
      <c r="AA16" s="89">
        <v>18</v>
      </c>
      <c r="AB16" s="399">
        <v>0</v>
      </c>
      <c r="AC16" s="88">
        <v>4</v>
      </c>
      <c r="AD16" s="88">
        <v>6</v>
      </c>
      <c r="AE16" s="88">
        <v>6</v>
      </c>
      <c r="AF16" s="88">
        <v>6</v>
      </c>
      <c r="AG16" s="88">
        <v>2</v>
      </c>
      <c r="AH16" s="89">
        <v>24</v>
      </c>
      <c r="AI16" s="90">
        <v>42</v>
      </c>
      <c r="AJ16" s="93">
        <v>13</v>
      </c>
      <c r="AK16" s="88">
        <v>12</v>
      </c>
      <c r="AL16" s="89">
        <v>25</v>
      </c>
      <c r="AM16" s="399">
        <v>0</v>
      </c>
      <c r="AN16" s="88">
        <v>16</v>
      </c>
      <c r="AO16" s="88">
        <v>13</v>
      </c>
      <c r="AP16" s="88">
        <v>6</v>
      </c>
      <c r="AQ16" s="88">
        <v>9</v>
      </c>
      <c r="AR16" s="88">
        <v>3</v>
      </c>
      <c r="AS16" s="89">
        <v>47</v>
      </c>
      <c r="AT16" s="90">
        <v>72</v>
      </c>
      <c r="AU16" s="87">
        <v>29</v>
      </c>
      <c r="AV16" s="88">
        <v>33</v>
      </c>
      <c r="AW16" s="89">
        <v>62</v>
      </c>
      <c r="AX16" s="399">
        <v>0</v>
      </c>
      <c r="AY16" s="88">
        <v>22</v>
      </c>
      <c r="AZ16" s="88">
        <v>27</v>
      </c>
      <c r="BA16" s="88">
        <v>12</v>
      </c>
      <c r="BB16" s="88">
        <v>13</v>
      </c>
      <c r="BC16" s="88">
        <v>12</v>
      </c>
      <c r="BD16" s="89">
        <v>86</v>
      </c>
      <c r="BE16" s="90">
        <v>148</v>
      </c>
      <c r="BF16" s="93">
        <v>38</v>
      </c>
      <c r="BG16" s="88">
        <v>25</v>
      </c>
      <c r="BH16" s="89">
        <v>63</v>
      </c>
      <c r="BI16" s="399">
        <v>0</v>
      </c>
      <c r="BJ16" s="88">
        <v>44</v>
      </c>
      <c r="BK16" s="88">
        <v>30</v>
      </c>
      <c r="BL16" s="88">
        <v>15</v>
      </c>
      <c r="BM16" s="88">
        <v>24</v>
      </c>
      <c r="BN16" s="88">
        <v>9</v>
      </c>
      <c r="BO16" s="89">
        <v>122</v>
      </c>
      <c r="BP16" s="90">
        <v>185</v>
      </c>
      <c r="BQ16" s="87">
        <v>37</v>
      </c>
      <c r="BR16" s="88">
        <v>37</v>
      </c>
      <c r="BS16" s="89">
        <v>74</v>
      </c>
      <c r="BT16" s="399">
        <v>0</v>
      </c>
      <c r="BU16" s="88">
        <v>38</v>
      </c>
      <c r="BV16" s="88">
        <v>27</v>
      </c>
      <c r="BW16" s="88">
        <v>18</v>
      </c>
      <c r="BX16" s="88">
        <v>22</v>
      </c>
      <c r="BY16" s="88">
        <v>8</v>
      </c>
      <c r="BZ16" s="89">
        <v>113</v>
      </c>
      <c r="CA16" s="90">
        <v>187</v>
      </c>
      <c r="CB16" s="87">
        <v>0</v>
      </c>
      <c r="CC16" s="88">
        <v>0</v>
      </c>
      <c r="CD16" s="89">
        <v>0</v>
      </c>
      <c r="CE16" s="399">
        <v>0</v>
      </c>
      <c r="CF16" s="88">
        <v>0</v>
      </c>
      <c r="CG16" s="88">
        <v>0</v>
      </c>
      <c r="CH16" s="88">
        <v>0</v>
      </c>
      <c r="CI16" s="88">
        <v>0</v>
      </c>
      <c r="CJ16" s="88">
        <v>0</v>
      </c>
      <c r="CK16" s="89">
        <v>0</v>
      </c>
      <c r="CL16" s="90">
        <v>0</v>
      </c>
      <c r="CM16" s="87">
        <v>126</v>
      </c>
      <c r="CN16" s="88">
        <v>123</v>
      </c>
      <c r="CO16" s="89">
        <v>249</v>
      </c>
      <c r="CP16" s="399">
        <v>0</v>
      </c>
      <c r="CQ16" s="88">
        <v>126</v>
      </c>
      <c r="CR16" s="88">
        <v>104</v>
      </c>
      <c r="CS16" s="88">
        <v>60</v>
      </c>
      <c r="CT16" s="88">
        <v>76</v>
      </c>
      <c r="CU16" s="88">
        <v>35</v>
      </c>
      <c r="CV16" s="89">
        <v>401</v>
      </c>
      <c r="CW16" s="90">
        <v>650</v>
      </c>
      <c r="CX16" s="91">
        <v>37</v>
      </c>
      <c r="CY16" s="83">
        <v>44</v>
      </c>
      <c r="CZ16" s="84">
        <v>81</v>
      </c>
      <c r="DA16" s="399">
        <v>0</v>
      </c>
      <c r="DB16" s="83">
        <v>34</v>
      </c>
      <c r="DC16" s="83">
        <v>35</v>
      </c>
      <c r="DD16" s="83">
        <v>21</v>
      </c>
      <c r="DE16" s="83">
        <v>35</v>
      </c>
      <c r="DF16" s="83">
        <v>16</v>
      </c>
      <c r="DG16" s="85">
        <v>141</v>
      </c>
      <c r="DH16" s="86">
        <v>222</v>
      </c>
      <c r="DI16" s="93">
        <v>0</v>
      </c>
      <c r="DJ16" s="88">
        <v>1</v>
      </c>
      <c r="DK16" s="89">
        <v>1</v>
      </c>
      <c r="DL16" s="399">
        <v>0</v>
      </c>
      <c r="DM16" s="88">
        <v>0</v>
      </c>
      <c r="DN16" s="88">
        <v>0</v>
      </c>
      <c r="DO16" s="88">
        <v>1</v>
      </c>
      <c r="DP16" s="88">
        <v>0</v>
      </c>
      <c r="DQ16" s="88">
        <v>0</v>
      </c>
      <c r="DR16" s="89">
        <v>1</v>
      </c>
      <c r="DS16" s="90">
        <v>2</v>
      </c>
      <c r="DT16" s="87">
        <v>2</v>
      </c>
      <c r="DU16" s="88">
        <v>1</v>
      </c>
      <c r="DV16" s="89">
        <v>3</v>
      </c>
      <c r="DW16" s="399">
        <v>0</v>
      </c>
      <c r="DX16" s="88">
        <v>1</v>
      </c>
      <c r="DY16" s="88">
        <v>1</v>
      </c>
      <c r="DZ16" s="88">
        <v>1</v>
      </c>
      <c r="EA16" s="88">
        <v>0</v>
      </c>
      <c r="EB16" s="88">
        <v>0</v>
      </c>
      <c r="EC16" s="89">
        <v>3</v>
      </c>
      <c r="ED16" s="90">
        <v>6</v>
      </c>
      <c r="EE16" s="93">
        <v>10</v>
      </c>
      <c r="EF16" s="88">
        <v>6</v>
      </c>
      <c r="EG16" s="89">
        <v>16</v>
      </c>
      <c r="EH16" s="399">
        <v>0</v>
      </c>
      <c r="EI16" s="88">
        <v>4</v>
      </c>
      <c r="EJ16" s="88">
        <v>4</v>
      </c>
      <c r="EK16" s="88">
        <v>0</v>
      </c>
      <c r="EL16" s="88">
        <v>3</v>
      </c>
      <c r="EM16" s="88">
        <v>1</v>
      </c>
      <c r="EN16" s="89">
        <v>12</v>
      </c>
      <c r="EO16" s="90">
        <v>28</v>
      </c>
      <c r="EP16" s="87">
        <v>10</v>
      </c>
      <c r="EQ16" s="88">
        <v>12</v>
      </c>
      <c r="ER16" s="89">
        <v>22</v>
      </c>
      <c r="ES16" s="399">
        <v>0</v>
      </c>
      <c r="ET16" s="88">
        <v>7</v>
      </c>
      <c r="EU16" s="88">
        <v>8</v>
      </c>
      <c r="EV16" s="88">
        <v>3</v>
      </c>
      <c r="EW16" s="88">
        <v>8</v>
      </c>
      <c r="EX16" s="88">
        <v>1</v>
      </c>
      <c r="EY16" s="89">
        <v>27</v>
      </c>
      <c r="EZ16" s="90">
        <v>49</v>
      </c>
      <c r="FA16" s="93">
        <v>10</v>
      </c>
      <c r="FB16" s="88">
        <v>9</v>
      </c>
      <c r="FC16" s="89">
        <v>19</v>
      </c>
      <c r="FD16" s="399">
        <v>0</v>
      </c>
      <c r="FE16" s="88">
        <v>15</v>
      </c>
      <c r="FF16" s="88">
        <v>9</v>
      </c>
      <c r="FG16" s="88">
        <v>7</v>
      </c>
      <c r="FH16" s="88">
        <v>9</v>
      </c>
      <c r="FI16" s="88">
        <v>7</v>
      </c>
      <c r="FJ16" s="89">
        <v>47</v>
      </c>
      <c r="FK16" s="90">
        <v>66</v>
      </c>
      <c r="FL16" s="87">
        <v>5</v>
      </c>
      <c r="FM16" s="88">
        <v>15</v>
      </c>
      <c r="FN16" s="89">
        <v>20</v>
      </c>
      <c r="FO16" s="399">
        <v>0</v>
      </c>
      <c r="FP16" s="88">
        <v>7</v>
      </c>
      <c r="FQ16" s="88">
        <v>13</v>
      </c>
      <c r="FR16" s="88">
        <v>9</v>
      </c>
      <c r="FS16" s="88">
        <v>15</v>
      </c>
      <c r="FT16" s="88">
        <v>7</v>
      </c>
      <c r="FU16" s="89">
        <v>51</v>
      </c>
      <c r="FV16" s="90">
        <v>71</v>
      </c>
      <c r="FW16" s="87">
        <v>0</v>
      </c>
      <c r="FX16" s="88">
        <v>0</v>
      </c>
      <c r="FY16" s="89">
        <v>0</v>
      </c>
      <c r="FZ16" s="399">
        <v>0</v>
      </c>
      <c r="GA16" s="88">
        <v>0</v>
      </c>
      <c r="GB16" s="88">
        <v>0</v>
      </c>
      <c r="GC16" s="88">
        <v>0</v>
      </c>
      <c r="GD16" s="88">
        <v>0</v>
      </c>
      <c r="GE16" s="88">
        <v>0</v>
      </c>
      <c r="GF16" s="89">
        <v>0</v>
      </c>
      <c r="GG16" s="90">
        <v>0</v>
      </c>
      <c r="GH16" s="87">
        <v>37</v>
      </c>
      <c r="GI16" s="88">
        <v>44</v>
      </c>
      <c r="GJ16" s="89">
        <v>81</v>
      </c>
      <c r="GK16" s="399">
        <v>0</v>
      </c>
      <c r="GL16" s="88">
        <v>34</v>
      </c>
      <c r="GM16" s="88">
        <v>35</v>
      </c>
      <c r="GN16" s="88">
        <v>21</v>
      </c>
      <c r="GO16" s="88">
        <v>35</v>
      </c>
      <c r="GP16" s="88">
        <v>16</v>
      </c>
      <c r="GQ16" s="89">
        <v>141</v>
      </c>
      <c r="GR16" s="90">
        <v>222</v>
      </c>
      <c r="GS16" s="91">
        <v>163</v>
      </c>
      <c r="GT16" s="83">
        <v>167</v>
      </c>
      <c r="GU16" s="84">
        <v>330</v>
      </c>
      <c r="GV16" s="399">
        <v>0</v>
      </c>
      <c r="GW16" s="83">
        <v>160</v>
      </c>
      <c r="GX16" s="83">
        <v>139</v>
      </c>
      <c r="GY16" s="83">
        <v>81</v>
      </c>
      <c r="GZ16" s="83">
        <v>111</v>
      </c>
      <c r="HA16" s="83">
        <v>51</v>
      </c>
      <c r="HB16" s="85">
        <v>542</v>
      </c>
      <c r="HC16" s="86">
        <v>872</v>
      </c>
      <c r="HD16" s="93">
        <v>2</v>
      </c>
      <c r="HE16" s="88">
        <v>6</v>
      </c>
      <c r="HF16" s="89">
        <v>8</v>
      </c>
      <c r="HG16" s="399">
        <v>0</v>
      </c>
      <c r="HH16" s="88">
        <v>2</v>
      </c>
      <c r="HI16" s="88">
        <v>1</v>
      </c>
      <c r="HJ16" s="88">
        <v>4</v>
      </c>
      <c r="HK16" s="88">
        <v>2</v>
      </c>
      <c r="HL16" s="88">
        <v>1</v>
      </c>
      <c r="HM16" s="89">
        <v>10</v>
      </c>
      <c r="HN16" s="90">
        <v>18</v>
      </c>
      <c r="HO16" s="87">
        <v>9</v>
      </c>
      <c r="HP16" s="88">
        <v>12</v>
      </c>
      <c r="HQ16" s="89">
        <v>21</v>
      </c>
      <c r="HR16" s="399">
        <v>0</v>
      </c>
      <c r="HS16" s="88">
        <v>5</v>
      </c>
      <c r="HT16" s="88">
        <v>7</v>
      </c>
      <c r="HU16" s="88">
        <v>7</v>
      </c>
      <c r="HV16" s="88">
        <v>6</v>
      </c>
      <c r="HW16" s="88">
        <v>2</v>
      </c>
      <c r="HX16" s="89">
        <v>27</v>
      </c>
      <c r="HY16" s="90">
        <v>48</v>
      </c>
      <c r="HZ16" s="93">
        <v>23</v>
      </c>
      <c r="IA16" s="88">
        <v>18</v>
      </c>
      <c r="IB16" s="89">
        <v>41</v>
      </c>
      <c r="IC16" s="399">
        <v>0</v>
      </c>
      <c r="ID16" s="88">
        <v>20</v>
      </c>
      <c r="IE16" s="88">
        <v>17</v>
      </c>
      <c r="IF16" s="88">
        <v>6</v>
      </c>
      <c r="IG16" s="88">
        <v>12</v>
      </c>
      <c r="IH16" s="88">
        <v>4</v>
      </c>
      <c r="II16" s="89">
        <v>59</v>
      </c>
      <c r="IJ16" s="90">
        <v>100</v>
      </c>
      <c r="IK16" s="87">
        <v>39</v>
      </c>
      <c r="IL16" s="88">
        <v>45</v>
      </c>
      <c r="IM16" s="89">
        <v>84</v>
      </c>
      <c r="IN16" s="399">
        <v>0</v>
      </c>
      <c r="IO16" s="88">
        <v>29</v>
      </c>
      <c r="IP16" s="88">
        <v>35</v>
      </c>
      <c r="IQ16" s="88">
        <v>15</v>
      </c>
      <c r="IR16" s="88">
        <v>21</v>
      </c>
      <c r="IS16" s="88">
        <v>13</v>
      </c>
      <c r="IT16" s="89">
        <v>113</v>
      </c>
      <c r="IU16" s="90">
        <v>197</v>
      </c>
      <c r="IV16" s="93">
        <v>48</v>
      </c>
      <c r="IW16" s="88">
        <v>34</v>
      </c>
      <c r="IX16" s="89">
        <v>82</v>
      </c>
      <c r="IY16" s="399">
        <v>0</v>
      </c>
      <c r="IZ16" s="88">
        <v>59</v>
      </c>
      <c r="JA16" s="88">
        <v>39</v>
      </c>
      <c r="JB16" s="88">
        <v>22</v>
      </c>
      <c r="JC16" s="88">
        <v>33</v>
      </c>
      <c r="JD16" s="88">
        <v>16</v>
      </c>
      <c r="JE16" s="89">
        <v>169</v>
      </c>
      <c r="JF16" s="90">
        <v>251</v>
      </c>
      <c r="JG16" s="87">
        <v>42</v>
      </c>
      <c r="JH16" s="88">
        <v>52</v>
      </c>
      <c r="JI16" s="89">
        <v>94</v>
      </c>
      <c r="JJ16" s="399">
        <v>0</v>
      </c>
      <c r="JK16" s="88">
        <v>45</v>
      </c>
      <c r="JL16" s="88">
        <v>40</v>
      </c>
      <c r="JM16" s="88">
        <v>27</v>
      </c>
      <c r="JN16" s="88">
        <v>37</v>
      </c>
      <c r="JO16" s="88">
        <v>15</v>
      </c>
      <c r="JP16" s="89">
        <v>164</v>
      </c>
      <c r="JQ16" s="90">
        <v>258</v>
      </c>
      <c r="JR16" s="87">
        <v>0</v>
      </c>
      <c r="JS16" s="88">
        <v>0</v>
      </c>
      <c r="JT16" s="89">
        <v>0</v>
      </c>
      <c r="JU16" s="399">
        <v>0</v>
      </c>
      <c r="JV16" s="88">
        <v>0</v>
      </c>
      <c r="JW16" s="88">
        <v>0</v>
      </c>
      <c r="JX16" s="88">
        <v>0</v>
      </c>
      <c r="JY16" s="88">
        <v>0</v>
      </c>
      <c r="JZ16" s="88">
        <v>0</v>
      </c>
      <c r="KA16" s="89">
        <v>0</v>
      </c>
      <c r="KB16" s="90">
        <v>0</v>
      </c>
      <c r="KC16" s="87">
        <v>163</v>
      </c>
      <c r="KD16" s="88">
        <v>167</v>
      </c>
      <c r="KE16" s="89">
        <v>330</v>
      </c>
      <c r="KF16" s="399">
        <v>0</v>
      </c>
      <c r="KG16" s="88">
        <v>160</v>
      </c>
      <c r="KH16" s="88">
        <v>139</v>
      </c>
      <c r="KI16" s="88">
        <v>81</v>
      </c>
      <c r="KJ16" s="88">
        <v>111</v>
      </c>
      <c r="KK16" s="88">
        <v>51</v>
      </c>
      <c r="KL16" s="89">
        <v>542</v>
      </c>
      <c r="KM16" s="90">
        <v>872</v>
      </c>
    </row>
    <row r="17" spans="2:299" s="56" customFormat="1" ht="21" customHeight="1" x14ac:dyDescent="0.2">
      <c r="B17" s="92" t="s">
        <v>13</v>
      </c>
      <c r="C17" s="82">
        <v>48</v>
      </c>
      <c r="D17" s="83">
        <v>43</v>
      </c>
      <c r="E17" s="84">
        <v>91</v>
      </c>
      <c r="F17" s="399">
        <v>0</v>
      </c>
      <c r="G17" s="83">
        <v>72</v>
      </c>
      <c r="H17" s="83">
        <v>62</v>
      </c>
      <c r="I17" s="83">
        <v>31</v>
      </c>
      <c r="J17" s="83">
        <v>19</v>
      </c>
      <c r="K17" s="83">
        <v>27</v>
      </c>
      <c r="L17" s="85">
        <v>211</v>
      </c>
      <c r="M17" s="86">
        <v>302</v>
      </c>
      <c r="N17" s="87">
        <v>1</v>
      </c>
      <c r="O17" s="88">
        <v>1</v>
      </c>
      <c r="P17" s="89">
        <v>2</v>
      </c>
      <c r="Q17" s="399">
        <v>0</v>
      </c>
      <c r="R17" s="88">
        <v>1</v>
      </c>
      <c r="S17" s="88">
        <v>1</v>
      </c>
      <c r="T17" s="88">
        <v>0</v>
      </c>
      <c r="U17" s="88">
        <v>0</v>
      </c>
      <c r="V17" s="88">
        <v>1</v>
      </c>
      <c r="W17" s="89">
        <v>3</v>
      </c>
      <c r="X17" s="90">
        <v>5</v>
      </c>
      <c r="Y17" s="87">
        <v>3</v>
      </c>
      <c r="Z17" s="88">
        <v>0</v>
      </c>
      <c r="AA17" s="89">
        <v>3</v>
      </c>
      <c r="AB17" s="399">
        <v>0</v>
      </c>
      <c r="AC17" s="88">
        <v>2</v>
      </c>
      <c r="AD17" s="88">
        <v>5</v>
      </c>
      <c r="AE17" s="88">
        <v>1</v>
      </c>
      <c r="AF17" s="88">
        <v>0</v>
      </c>
      <c r="AG17" s="88">
        <v>1</v>
      </c>
      <c r="AH17" s="89">
        <v>9</v>
      </c>
      <c r="AI17" s="90">
        <v>12</v>
      </c>
      <c r="AJ17" s="87">
        <v>3</v>
      </c>
      <c r="AK17" s="88">
        <v>3</v>
      </c>
      <c r="AL17" s="89">
        <v>6</v>
      </c>
      <c r="AM17" s="399">
        <v>0</v>
      </c>
      <c r="AN17" s="88">
        <v>1</v>
      </c>
      <c r="AO17" s="88">
        <v>9</v>
      </c>
      <c r="AP17" s="88">
        <v>3</v>
      </c>
      <c r="AQ17" s="88">
        <v>3</v>
      </c>
      <c r="AR17" s="88">
        <v>2</v>
      </c>
      <c r="AS17" s="89">
        <v>18</v>
      </c>
      <c r="AT17" s="90">
        <v>24</v>
      </c>
      <c r="AU17" s="87">
        <v>12</v>
      </c>
      <c r="AV17" s="88">
        <v>7</v>
      </c>
      <c r="AW17" s="89">
        <v>19</v>
      </c>
      <c r="AX17" s="399">
        <v>0</v>
      </c>
      <c r="AY17" s="88">
        <v>17</v>
      </c>
      <c r="AZ17" s="88">
        <v>8</v>
      </c>
      <c r="BA17" s="88">
        <v>6</v>
      </c>
      <c r="BB17" s="88">
        <v>2</v>
      </c>
      <c r="BC17" s="88">
        <v>6</v>
      </c>
      <c r="BD17" s="89">
        <v>39</v>
      </c>
      <c r="BE17" s="90">
        <v>58</v>
      </c>
      <c r="BF17" s="87">
        <v>12</v>
      </c>
      <c r="BG17" s="88">
        <v>17</v>
      </c>
      <c r="BH17" s="89">
        <v>29</v>
      </c>
      <c r="BI17" s="399">
        <v>0</v>
      </c>
      <c r="BJ17" s="88">
        <v>30</v>
      </c>
      <c r="BK17" s="88">
        <v>24</v>
      </c>
      <c r="BL17" s="88">
        <v>12</v>
      </c>
      <c r="BM17" s="88">
        <v>7</v>
      </c>
      <c r="BN17" s="88">
        <v>9</v>
      </c>
      <c r="BO17" s="89">
        <v>82</v>
      </c>
      <c r="BP17" s="90">
        <v>111</v>
      </c>
      <c r="BQ17" s="87">
        <v>17</v>
      </c>
      <c r="BR17" s="88">
        <v>15</v>
      </c>
      <c r="BS17" s="89">
        <v>32</v>
      </c>
      <c r="BT17" s="399">
        <v>0</v>
      </c>
      <c r="BU17" s="88">
        <v>21</v>
      </c>
      <c r="BV17" s="88">
        <v>15</v>
      </c>
      <c r="BW17" s="88">
        <v>9</v>
      </c>
      <c r="BX17" s="88">
        <v>7</v>
      </c>
      <c r="BY17" s="88">
        <v>8</v>
      </c>
      <c r="BZ17" s="89">
        <v>60</v>
      </c>
      <c r="CA17" s="90">
        <v>92</v>
      </c>
      <c r="CB17" s="87">
        <v>0</v>
      </c>
      <c r="CC17" s="88">
        <v>0</v>
      </c>
      <c r="CD17" s="89">
        <v>0</v>
      </c>
      <c r="CE17" s="399">
        <v>0</v>
      </c>
      <c r="CF17" s="88">
        <v>0</v>
      </c>
      <c r="CG17" s="88">
        <v>0</v>
      </c>
      <c r="CH17" s="88">
        <v>0</v>
      </c>
      <c r="CI17" s="88">
        <v>0</v>
      </c>
      <c r="CJ17" s="88">
        <v>0</v>
      </c>
      <c r="CK17" s="89">
        <v>0</v>
      </c>
      <c r="CL17" s="90">
        <v>0</v>
      </c>
      <c r="CM17" s="87">
        <v>48</v>
      </c>
      <c r="CN17" s="88">
        <v>43</v>
      </c>
      <c r="CO17" s="89">
        <v>91</v>
      </c>
      <c r="CP17" s="399">
        <v>0</v>
      </c>
      <c r="CQ17" s="88">
        <v>72</v>
      </c>
      <c r="CR17" s="88">
        <v>62</v>
      </c>
      <c r="CS17" s="88">
        <v>31</v>
      </c>
      <c r="CT17" s="88">
        <v>19</v>
      </c>
      <c r="CU17" s="88">
        <v>27</v>
      </c>
      <c r="CV17" s="89">
        <v>211</v>
      </c>
      <c r="CW17" s="90">
        <v>302</v>
      </c>
      <c r="CX17" s="91">
        <v>15</v>
      </c>
      <c r="CY17" s="83">
        <v>20</v>
      </c>
      <c r="CZ17" s="84">
        <v>35</v>
      </c>
      <c r="DA17" s="399">
        <v>0</v>
      </c>
      <c r="DB17" s="83">
        <v>23</v>
      </c>
      <c r="DC17" s="83">
        <v>20</v>
      </c>
      <c r="DD17" s="83">
        <v>11</v>
      </c>
      <c r="DE17" s="83">
        <v>7</v>
      </c>
      <c r="DF17" s="83">
        <v>7</v>
      </c>
      <c r="DG17" s="85">
        <v>68</v>
      </c>
      <c r="DH17" s="86">
        <v>103</v>
      </c>
      <c r="DI17" s="87">
        <v>0</v>
      </c>
      <c r="DJ17" s="88">
        <v>1</v>
      </c>
      <c r="DK17" s="89">
        <v>1</v>
      </c>
      <c r="DL17" s="399">
        <v>0</v>
      </c>
      <c r="DM17" s="88">
        <v>1</v>
      </c>
      <c r="DN17" s="88">
        <v>0</v>
      </c>
      <c r="DO17" s="88">
        <v>0</v>
      </c>
      <c r="DP17" s="88">
        <v>0</v>
      </c>
      <c r="DQ17" s="88">
        <v>0</v>
      </c>
      <c r="DR17" s="89">
        <v>1</v>
      </c>
      <c r="DS17" s="90">
        <v>2</v>
      </c>
      <c r="DT17" s="87">
        <v>2</v>
      </c>
      <c r="DU17" s="88">
        <v>1</v>
      </c>
      <c r="DV17" s="89">
        <v>3</v>
      </c>
      <c r="DW17" s="399">
        <v>0</v>
      </c>
      <c r="DX17" s="88">
        <v>2</v>
      </c>
      <c r="DY17" s="88">
        <v>2</v>
      </c>
      <c r="DZ17" s="88">
        <v>1</v>
      </c>
      <c r="EA17" s="88">
        <v>1</v>
      </c>
      <c r="EB17" s="88">
        <v>1</v>
      </c>
      <c r="EC17" s="89">
        <v>7</v>
      </c>
      <c r="ED17" s="90">
        <v>10</v>
      </c>
      <c r="EE17" s="87">
        <v>3</v>
      </c>
      <c r="EF17" s="88">
        <v>0</v>
      </c>
      <c r="EG17" s="89">
        <v>3</v>
      </c>
      <c r="EH17" s="399">
        <v>0</v>
      </c>
      <c r="EI17" s="88">
        <v>3</v>
      </c>
      <c r="EJ17" s="88">
        <v>3</v>
      </c>
      <c r="EK17" s="88">
        <v>4</v>
      </c>
      <c r="EL17" s="88">
        <v>0</v>
      </c>
      <c r="EM17" s="88">
        <v>1</v>
      </c>
      <c r="EN17" s="89">
        <v>11</v>
      </c>
      <c r="EO17" s="90">
        <v>14</v>
      </c>
      <c r="EP17" s="87">
        <v>4</v>
      </c>
      <c r="EQ17" s="88">
        <v>6</v>
      </c>
      <c r="ER17" s="89">
        <v>10</v>
      </c>
      <c r="ES17" s="399">
        <v>0</v>
      </c>
      <c r="ET17" s="88">
        <v>4</v>
      </c>
      <c r="EU17" s="88">
        <v>1</v>
      </c>
      <c r="EV17" s="88">
        <v>2</v>
      </c>
      <c r="EW17" s="88">
        <v>0</v>
      </c>
      <c r="EX17" s="88">
        <v>1</v>
      </c>
      <c r="EY17" s="89">
        <v>8</v>
      </c>
      <c r="EZ17" s="90">
        <v>18</v>
      </c>
      <c r="FA17" s="87">
        <v>4</v>
      </c>
      <c r="FB17" s="88">
        <v>9</v>
      </c>
      <c r="FC17" s="89">
        <v>13</v>
      </c>
      <c r="FD17" s="399">
        <v>0</v>
      </c>
      <c r="FE17" s="88">
        <v>7</v>
      </c>
      <c r="FF17" s="88">
        <v>3</v>
      </c>
      <c r="FG17" s="88">
        <v>0</v>
      </c>
      <c r="FH17" s="88">
        <v>1</v>
      </c>
      <c r="FI17" s="88">
        <v>1</v>
      </c>
      <c r="FJ17" s="89">
        <v>12</v>
      </c>
      <c r="FK17" s="90">
        <v>25</v>
      </c>
      <c r="FL17" s="87">
        <v>2</v>
      </c>
      <c r="FM17" s="88">
        <v>3</v>
      </c>
      <c r="FN17" s="89">
        <v>5</v>
      </c>
      <c r="FO17" s="399">
        <v>0</v>
      </c>
      <c r="FP17" s="88">
        <v>6</v>
      </c>
      <c r="FQ17" s="88">
        <v>11</v>
      </c>
      <c r="FR17" s="88">
        <v>4</v>
      </c>
      <c r="FS17" s="88">
        <v>5</v>
      </c>
      <c r="FT17" s="88">
        <v>3</v>
      </c>
      <c r="FU17" s="89">
        <v>29</v>
      </c>
      <c r="FV17" s="90">
        <v>34</v>
      </c>
      <c r="FW17" s="87">
        <v>0</v>
      </c>
      <c r="FX17" s="88">
        <v>0</v>
      </c>
      <c r="FY17" s="89">
        <v>0</v>
      </c>
      <c r="FZ17" s="399">
        <v>0</v>
      </c>
      <c r="GA17" s="88">
        <v>0</v>
      </c>
      <c r="GB17" s="88">
        <v>0</v>
      </c>
      <c r="GC17" s="88">
        <v>0</v>
      </c>
      <c r="GD17" s="88">
        <v>0</v>
      </c>
      <c r="GE17" s="88">
        <v>0</v>
      </c>
      <c r="GF17" s="89">
        <v>0</v>
      </c>
      <c r="GG17" s="90">
        <v>0</v>
      </c>
      <c r="GH17" s="87">
        <v>15</v>
      </c>
      <c r="GI17" s="88">
        <v>20</v>
      </c>
      <c r="GJ17" s="89">
        <v>35</v>
      </c>
      <c r="GK17" s="399">
        <v>0</v>
      </c>
      <c r="GL17" s="88">
        <v>23</v>
      </c>
      <c r="GM17" s="88">
        <v>20</v>
      </c>
      <c r="GN17" s="88">
        <v>11</v>
      </c>
      <c r="GO17" s="88">
        <v>7</v>
      </c>
      <c r="GP17" s="88">
        <v>7</v>
      </c>
      <c r="GQ17" s="89">
        <v>68</v>
      </c>
      <c r="GR17" s="90">
        <v>103</v>
      </c>
      <c r="GS17" s="91">
        <v>63</v>
      </c>
      <c r="GT17" s="83">
        <v>63</v>
      </c>
      <c r="GU17" s="84">
        <v>126</v>
      </c>
      <c r="GV17" s="399">
        <v>0</v>
      </c>
      <c r="GW17" s="83">
        <v>95</v>
      </c>
      <c r="GX17" s="83">
        <v>82</v>
      </c>
      <c r="GY17" s="83">
        <v>42</v>
      </c>
      <c r="GZ17" s="83">
        <v>26</v>
      </c>
      <c r="HA17" s="83">
        <v>34</v>
      </c>
      <c r="HB17" s="85">
        <v>279</v>
      </c>
      <c r="HC17" s="86">
        <v>405</v>
      </c>
      <c r="HD17" s="87">
        <v>1</v>
      </c>
      <c r="HE17" s="88">
        <v>2</v>
      </c>
      <c r="HF17" s="89">
        <v>3</v>
      </c>
      <c r="HG17" s="399">
        <v>0</v>
      </c>
      <c r="HH17" s="88">
        <v>2</v>
      </c>
      <c r="HI17" s="88">
        <v>1</v>
      </c>
      <c r="HJ17" s="88">
        <v>0</v>
      </c>
      <c r="HK17" s="88">
        <v>0</v>
      </c>
      <c r="HL17" s="88">
        <v>1</v>
      </c>
      <c r="HM17" s="89">
        <v>4</v>
      </c>
      <c r="HN17" s="90">
        <v>7</v>
      </c>
      <c r="HO17" s="87">
        <v>5</v>
      </c>
      <c r="HP17" s="88">
        <v>1</v>
      </c>
      <c r="HQ17" s="89">
        <v>6</v>
      </c>
      <c r="HR17" s="399">
        <v>0</v>
      </c>
      <c r="HS17" s="88">
        <v>4</v>
      </c>
      <c r="HT17" s="88">
        <v>7</v>
      </c>
      <c r="HU17" s="88">
        <v>2</v>
      </c>
      <c r="HV17" s="88">
        <v>1</v>
      </c>
      <c r="HW17" s="88">
        <v>2</v>
      </c>
      <c r="HX17" s="89">
        <v>16</v>
      </c>
      <c r="HY17" s="90">
        <v>22</v>
      </c>
      <c r="HZ17" s="87">
        <v>6</v>
      </c>
      <c r="IA17" s="88">
        <v>3</v>
      </c>
      <c r="IB17" s="89">
        <v>9</v>
      </c>
      <c r="IC17" s="399">
        <v>0</v>
      </c>
      <c r="ID17" s="88">
        <v>4</v>
      </c>
      <c r="IE17" s="88">
        <v>12</v>
      </c>
      <c r="IF17" s="88">
        <v>7</v>
      </c>
      <c r="IG17" s="88">
        <v>3</v>
      </c>
      <c r="IH17" s="88">
        <v>3</v>
      </c>
      <c r="II17" s="89">
        <v>29</v>
      </c>
      <c r="IJ17" s="90">
        <v>38</v>
      </c>
      <c r="IK17" s="87">
        <v>16</v>
      </c>
      <c r="IL17" s="88">
        <v>13</v>
      </c>
      <c r="IM17" s="89">
        <v>29</v>
      </c>
      <c r="IN17" s="399">
        <v>0</v>
      </c>
      <c r="IO17" s="88">
        <v>21</v>
      </c>
      <c r="IP17" s="88">
        <v>9</v>
      </c>
      <c r="IQ17" s="88">
        <v>8</v>
      </c>
      <c r="IR17" s="88">
        <v>2</v>
      </c>
      <c r="IS17" s="88">
        <v>7</v>
      </c>
      <c r="IT17" s="89">
        <v>47</v>
      </c>
      <c r="IU17" s="90">
        <v>76</v>
      </c>
      <c r="IV17" s="87">
        <v>16</v>
      </c>
      <c r="IW17" s="88">
        <v>26</v>
      </c>
      <c r="IX17" s="89">
        <v>42</v>
      </c>
      <c r="IY17" s="399">
        <v>0</v>
      </c>
      <c r="IZ17" s="88">
        <v>37</v>
      </c>
      <c r="JA17" s="88">
        <v>27</v>
      </c>
      <c r="JB17" s="88">
        <v>12</v>
      </c>
      <c r="JC17" s="88">
        <v>8</v>
      </c>
      <c r="JD17" s="88">
        <v>10</v>
      </c>
      <c r="JE17" s="89">
        <v>94</v>
      </c>
      <c r="JF17" s="90">
        <v>136</v>
      </c>
      <c r="JG17" s="87">
        <v>19</v>
      </c>
      <c r="JH17" s="88">
        <v>18</v>
      </c>
      <c r="JI17" s="89">
        <v>37</v>
      </c>
      <c r="JJ17" s="399">
        <v>0</v>
      </c>
      <c r="JK17" s="88">
        <v>27</v>
      </c>
      <c r="JL17" s="88">
        <v>26</v>
      </c>
      <c r="JM17" s="88">
        <v>13</v>
      </c>
      <c r="JN17" s="88">
        <v>12</v>
      </c>
      <c r="JO17" s="88">
        <v>11</v>
      </c>
      <c r="JP17" s="89">
        <v>89</v>
      </c>
      <c r="JQ17" s="90">
        <v>126</v>
      </c>
      <c r="JR17" s="87">
        <v>0</v>
      </c>
      <c r="JS17" s="88">
        <v>0</v>
      </c>
      <c r="JT17" s="89">
        <v>0</v>
      </c>
      <c r="JU17" s="399">
        <v>0</v>
      </c>
      <c r="JV17" s="88">
        <v>0</v>
      </c>
      <c r="JW17" s="88">
        <v>0</v>
      </c>
      <c r="JX17" s="88">
        <v>0</v>
      </c>
      <c r="JY17" s="88">
        <v>0</v>
      </c>
      <c r="JZ17" s="88">
        <v>0</v>
      </c>
      <c r="KA17" s="89">
        <v>0</v>
      </c>
      <c r="KB17" s="90">
        <v>0</v>
      </c>
      <c r="KC17" s="87">
        <v>63</v>
      </c>
      <c r="KD17" s="88">
        <v>63</v>
      </c>
      <c r="KE17" s="89">
        <v>126</v>
      </c>
      <c r="KF17" s="399">
        <v>0</v>
      </c>
      <c r="KG17" s="88">
        <v>95</v>
      </c>
      <c r="KH17" s="88">
        <v>82</v>
      </c>
      <c r="KI17" s="88">
        <v>42</v>
      </c>
      <c r="KJ17" s="88">
        <v>26</v>
      </c>
      <c r="KK17" s="88">
        <v>34</v>
      </c>
      <c r="KL17" s="89">
        <v>279</v>
      </c>
      <c r="KM17" s="90">
        <v>405</v>
      </c>
    </row>
    <row r="18" spans="2:299" s="56" customFormat="1" ht="21" customHeight="1" x14ac:dyDescent="0.2">
      <c r="B18" s="92" t="s">
        <v>15</v>
      </c>
      <c r="C18" s="82">
        <v>10</v>
      </c>
      <c r="D18" s="83">
        <v>16</v>
      </c>
      <c r="E18" s="84">
        <v>26</v>
      </c>
      <c r="F18" s="399">
        <v>0</v>
      </c>
      <c r="G18" s="83">
        <v>10</v>
      </c>
      <c r="H18" s="83">
        <v>11</v>
      </c>
      <c r="I18" s="83">
        <v>5</v>
      </c>
      <c r="J18" s="83">
        <v>4</v>
      </c>
      <c r="K18" s="83">
        <v>6</v>
      </c>
      <c r="L18" s="85">
        <v>36</v>
      </c>
      <c r="M18" s="86">
        <v>62</v>
      </c>
      <c r="N18" s="87">
        <v>1</v>
      </c>
      <c r="O18" s="88">
        <v>3</v>
      </c>
      <c r="P18" s="89">
        <v>4</v>
      </c>
      <c r="Q18" s="399">
        <v>0</v>
      </c>
      <c r="R18" s="88">
        <v>0</v>
      </c>
      <c r="S18" s="88">
        <v>0</v>
      </c>
      <c r="T18" s="88">
        <v>0</v>
      </c>
      <c r="U18" s="88">
        <v>0</v>
      </c>
      <c r="V18" s="88">
        <v>1</v>
      </c>
      <c r="W18" s="89">
        <v>1</v>
      </c>
      <c r="X18" s="90">
        <v>5</v>
      </c>
      <c r="Y18" s="87">
        <v>3</v>
      </c>
      <c r="Z18" s="88">
        <v>0</v>
      </c>
      <c r="AA18" s="89">
        <v>3</v>
      </c>
      <c r="AB18" s="399">
        <v>0</v>
      </c>
      <c r="AC18" s="88">
        <v>3</v>
      </c>
      <c r="AD18" s="88">
        <v>1</v>
      </c>
      <c r="AE18" s="88">
        <v>0</v>
      </c>
      <c r="AF18" s="88">
        <v>1</v>
      </c>
      <c r="AG18" s="88">
        <v>1</v>
      </c>
      <c r="AH18" s="89">
        <v>6</v>
      </c>
      <c r="AI18" s="90">
        <v>9</v>
      </c>
      <c r="AJ18" s="87">
        <v>3</v>
      </c>
      <c r="AK18" s="88">
        <v>1</v>
      </c>
      <c r="AL18" s="89">
        <v>4</v>
      </c>
      <c r="AM18" s="399">
        <v>0</v>
      </c>
      <c r="AN18" s="88">
        <v>0</v>
      </c>
      <c r="AO18" s="88">
        <v>2</v>
      </c>
      <c r="AP18" s="88">
        <v>1</v>
      </c>
      <c r="AQ18" s="88">
        <v>1</v>
      </c>
      <c r="AR18" s="88">
        <v>1</v>
      </c>
      <c r="AS18" s="89">
        <v>5</v>
      </c>
      <c r="AT18" s="90">
        <v>9</v>
      </c>
      <c r="AU18" s="87">
        <v>0</v>
      </c>
      <c r="AV18" s="88">
        <v>2</v>
      </c>
      <c r="AW18" s="89">
        <v>2</v>
      </c>
      <c r="AX18" s="399">
        <v>0</v>
      </c>
      <c r="AY18" s="88">
        <v>2</v>
      </c>
      <c r="AZ18" s="88">
        <v>2</v>
      </c>
      <c r="BA18" s="88">
        <v>1</v>
      </c>
      <c r="BB18" s="88">
        <v>1</v>
      </c>
      <c r="BC18" s="88">
        <v>2</v>
      </c>
      <c r="BD18" s="89">
        <v>8</v>
      </c>
      <c r="BE18" s="90">
        <v>10</v>
      </c>
      <c r="BF18" s="87">
        <v>1</v>
      </c>
      <c r="BG18" s="88">
        <v>7</v>
      </c>
      <c r="BH18" s="89">
        <v>8</v>
      </c>
      <c r="BI18" s="399">
        <v>0</v>
      </c>
      <c r="BJ18" s="88">
        <v>1</v>
      </c>
      <c r="BK18" s="88">
        <v>2</v>
      </c>
      <c r="BL18" s="88">
        <v>2</v>
      </c>
      <c r="BM18" s="88">
        <v>1</v>
      </c>
      <c r="BN18" s="88">
        <v>1</v>
      </c>
      <c r="BO18" s="89">
        <v>7</v>
      </c>
      <c r="BP18" s="90">
        <v>15</v>
      </c>
      <c r="BQ18" s="87">
        <v>2</v>
      </c>
      <c r="BR18" s="88">
        <v>3</v>
      </c>
      <c r="BS18" s="89">
        <v>5</v>
      </c>
      <c r="BT18" s="399">
        <v>0</v>
      </c>
      <c r="BU18" s="88">
        <v>4</v>
      </c>
      <c r="BV18" s="88">
        <v>4</v>
      </c>
      <c r="BW18" s="88">
        <v>1</v>
      </c>
      <c r="BX18" s="88">
        <v>0</v>
      </c>
      <c r="BY18" s="88">
        <v>0</v>
      </c>
      <c r="BZ18" s="89">
        <v>9</v>
      </c>
      <c r="CA18" s="90">
        <v>14</v>
      </c>
      <c r="CB18" s="87">
        <v>0</v>
      </c>
      <c r="CC18" s="88">
        <v>0</v>
      </c>
      <c r="CD18" s="89">
        <v>0</v>
      </c>
      <c r="CE18" s="399">
        <v>0</v>
      </c>
      <c r="CF18" s="88">
        <v>0</v>
      </c>
      <c r="CG18" s="88">
        <v>0</v>
      </c>
      <c r="CH18" s="88">
        <v>0</v>
      </c>
      <c r="CI18" s="88">
        <v>0</v>
      </c>
      <c r="CJ18" s="88">
        <v>0</v>
      </c>
      <c r="CK18" s="89">
        <v>0</v>
      </c>
      <c r="CL18" s="90">
        <v>0</v>
      </c>
      <c r="CM18" s="87">
        <v>10</v>
      </c>
      <c r="CN18" s="88">
        <v>16</v>
      </c>
      <c r="CO18" s="89">
        <v>26</v>
      </c>
      <c r="CP18" s="399">
        <v>0</v>
      </c>
      <c r="CQ18" s="88">
        <v>10</v>
      </c>
      <c r="CR18" s="88">
        <v>11</v>
      </c>
      <c r="CS18" s="88">
        <v>5</v>
      </c>
      <c r="CT18" s="88">
        <v>4</v>
      </c>
      <c r="CU18" s="88">
        <v>6</v>
      </c>
      <c r="CV18" s="89">
        <v>36</v>
      </c>
      <c r="CW18" s="90">
        <v>62</v>
      </c>
      <c r="CX18" s="91">
        <v>7</v>
      </c>
      <c r="CY18" s="83">
        <v>8</v>
      </c>
      <c r="CZ18" s="84">
        <v>15</v>
      </c>
      <c r="DA18" s="399">
        <v>0</v>
      </c>
      <c r="DB18" s="83">
        <v>5</v>
      </c>
      <c r="DC18" s="83">
        <v>10</v>
      </c>
      <c r="DD18" s="83">
        <v>3</v>
      </c>
      <c r="DE18" s="83">
        <v>1</v>
      </c>
      <c r="DF18" s="83">
        <v>2</v>
      </c>
      <c r="DG18" s="85">
        <v>21</v>
      </c>
      <c r="DH18" s="86">
        <v>36</v>
      </c>
      <c r="DI18" s="87">
        <v>1</v>
      </c>
      <c r="DJ18" s="88">
        <v>0</v>
      </c>
      <c r="DK18" s="89">
        <v>1</v>
      </c>
      <c r="DL18" s="399">
        <v>0</v>
      </c>
      <c r="DM18" s="88">
        <v>0</v>
      </c>
      <c r="DN18" s="88">
        <v>1</v>
      </c>
      <c r="DO18" s="88">
        <v>0</v>
      </c>
      <c r="DP18" s="88">
        <v>0</v>
      </c>
      <c r="DQ18" s="88">
        <v>0</v>
      </c>
      <c r="DR18" s="89">
        <v>1</v>
      </c>
      <c r="DS18" s="90">
        <v>2</v>
      </c>
      <c r="DT18" s="87">
        <v>0</v>
      </c>
      <c r="DU18" s="88">
        <v>1</v>
      </c>
      <c r="DV18" s="89">
        <v>1</v>
      </c>
      <c r="DW18" s="399">
        <v>0</v>
      </c>
      <c r="DX18" s="88">
        <v>0</v>
      </c>
      <c r="DY18" s="88">
        <v>1</v>
      </c>
      <c r="DZ18" s="88">
        <v>0</v>
      </c>
      <c r="EA18" s="88">
        <v>0</v>
      </c>
      <c r="EB18" s="88">
        <v>0</v>
      </c>
      <c r="EC18" s="89">
        <v>1</v>
      </c>
      <c r="ED18" s="90">
        <v>2</v>
      </c>
      <c r="EE18" s="87">
        <v>2</v>
      </c>
      <c r="EF18" s="88">
        <v>2</v>
      </c>
      <c r="EG18" s="89">
        <v>4</v>
      </c>
      <c r="EH18" s="399">
        <v>0</v>
      </c>
      <c r="EI18" s="88">
        <v>0</v>
      </c>
      <c r="EJ18" s="88">
        <v>2</v>
      </c>
      <c r="EK18" s="88">
        <v>2</v>
      </c>
      <c r="EL18" s="88">
        <v>0</v>
      </c>
      <c r="EM18" s="88">
        <v>1</v>
      </c>
      <c r="EN18" s="89">
        <v>5</v>
      </c>
      <c r="EO18" s="90">
        <v>9</v>
      </c>
      <c r="EP18" s="87">
        <v>1</v>
      </c>
      <c r="EQ18" s="88">
        <v>4</v>
      </c>
      <c r="ER18" s="89">
        <v>5</v>
      </c>
      <c r="ES18" s="399">
        <v>0</v>
      </c>
      <c r="ET18" s="88">
        <v>0</v>
      </c>
      <c r="EU18" s="88">
        <v>0</v>
      </c>
      <c r="EV18" s="88">
        <v>0</v>
      </c>
      <c r="EW18" s="88">
        <v>0</v>
      </c>
      <c r="EX18" s="88">
        <v>0</v>
      </c>
      <c r="EY18" s="89">
        <v>0</v>
      </c>
      <c r="EZ18" s="90">
        <v>5</v>
      </c>
      <c r="FA18" s="87">
        <v>1</v>
      </c>
      <c r="FB18" s="88">
        <v>0</v>
      </c>
      <c r="FC18" s="89">
        <v>1</v>
      </c>
      <c r="FD18" s="399">
        <v>0</v>
      </c>
      <c r="FE18" s="88">
        <v>3</v>
      </c>
      <c r="FF18" s="88">
        <v>1</v>
      </c>
      <c r="FG18" s="88">
        <v>0</v>
      </c>
      <c r="FH18" s="88">
        <v>0</v>
      </c>
      <c r="FI18" s="88">
        <v>1</v>
      </c>
      <c r="FJ18" s="89">
        <v>5</v>
      </c>
      <c r="FK18" s="90">
        <v>6</v>
      </c>
      <c r="FL18" s="87">
        <v>2</v>
      </c>
      <c r="FM18" s="88">
        <v>1</v>
      </c>
      <c r="FN18" s="89">
        <v>3</v>
      </c>
      <c r="FO18" s="399">
        <v>0</v>
      </c>
      <c r="FP18" s="88">
        <v>2</v>
      </c>
      <c r="FQ18" s="88">
        <v>5</v>
      </c>
      <c r="FR18" s="88">
        <v>1</v>
      </c>
      <c r="FS18" s="88">
        <v>1</v>
      </c>
      <c r="FT18" s="88">
        <v>0</v>
      </c>
      <c r="FU18" s="89">
        <v>9</v>
      </c>
      <c r="FV18" s="90">
        <v>12</v>
      </c>
      <c r="FW18" s="87">
        <v>0</v>
      </c>
      <c r="FX18" s="88">
        <v>0</v>
      </c>
      <c r="FY18" s="89">
        <v>0</v>
      </c>
      <c r="FZ18" s="399">
        <v>0</v>
      </c>
      <c r="GA18" s="88">
        <v>0</v>
      </c>
      <c r="GB18" s="88">
        <v>0</v>
      </c>
      <c r="GC18" s="88">
        <v>0</v>
      </c>
      <c r="GD18" s="88">
        <v>0</v>
      </c>
      <c r="GE18" s="88">
        <v>0</v>
      </c>
      <c r="GF18" s="89">
        <v>0</v>
      </c>
      <c r="GG18" s="90">
        <v>0</v>
      </c>
      <c r="GH18" s="87">
        <v>7</v>
      </c>
      <c r="GI18" s="88">
        <v>8</v>
      </c>
      <c r="GJ18" s="89">
        <v>15</v>
      </c>
      <c r="GK18" s="399">
        <v>0</v>
      </c>
      <c r="GL18" s="88">
        <v>5</v>
      </c>
      <c r="GM18" s="88">
        <v>10</v>
      </c>
      <c r="GN18" s="88">
        <v>3</v>
      </c>
      <c r="GO18" s="88">
        <v>1</v>
      </c>
      <c r="GP18" s="88">
        <v>2</v>
      </c>
      <c r="GQ18" s="89">
        <v>21</v>
      </c>
      <c r="GR18" s="90">
        <v>36</v>
      </c>
      <c r="GS18" s="91">
        <v>17</v>
      </c>
      <c r="GT18" s="83">
        <v>24</v>
      </c>
      <c r="GU18" s="84">
        <v>41</v>
      </c>
      <c r="GV18" s="399">
        <v>0</v>
      </c>
      <c r="GW18" s="83">
        <v>15</v>
      </c>
      <c r="GX18" s="83">
        <v>21</v>
      </c>
      <c r="GY18" s="83">
        <v>8</v>
      </c>
      <c r="GZ18" s="83">
        <v>5</v>
      </c>
      <c r="HA18" s="83">
        <v>8</v>
      </c>
      <c r="HB18" s="85">
        <v>57</v>
      </c>
      <c r="HC18" s="86">
        <v>98</v>
      </c>
      <c r="HD18" s="87">
        <v>2</v>
      </c>
      <c r="HE18" s="88">
        <v>3</v>
      </c>
      <c r="HF18" s="89">
        <v>5</v>
      </c>
      <c r="HG18" s="399">
        <v>0</v>
      </c>
      <c r="HH18" s="88">
        <v>0</v>
      </c>
      <c r="HI18" s="88">
        <v>1</v>
      </c>
      <c r="HJ18" s="88">
        <v>0</v>
      </c>
      <c r="HK18" s="88">
        <v>0</v>
      </c>
      <c r="HL18" s="88">
        <v>1</v>
      </c>
      <c r="HM18" s="89">
        <v>2</v>
      </c>
      <c r="HN18" s="90">
        <v>7</v>
      </c>
      <c r="HO18" s="87">
        <v>3</v>
      </c>
      <c r="HP18" s="88">
        <v>1</v>
      </c>
      <c r="HQ18" s="89">
        <v>4</v>
      </c>
      <c r="HR18" s="399">
        <v>0</v>
      </c>
      <c r="HS18" s="88">
        <v>3</v>
      </c>
      <c r="HT18" s="88">
        <v>2</v>
      </c>
      <c r="HU18" s="88">
        <v>0</v>
      </c>
      <c r="HV18" s="88">
        <v>1</v>
      </c>
      <c r="HW18" s="88">
        <v>1</v>
      </c>
      <c r="HX18" s="89">
        <v>7</v>
      </c>
      <c r="HY18" s="90">
        <v>11</v>
      </c>
      <c r="HZ18" s="87">
        <v>5</v>
      </c>
      <c r="IA18" s="88">
        <v>3</v>
      </c>
      <c r="IB18" s="89">
        <v>8</v>
      </c>
      <c r="IC18" s="399">
        <v>0</v>
      </c>
      <c r="ID18" s="88">
        <v>0</v>
      </c>
      <c r="IE18" s="88">
        <v>4</v>
      </c>
      <c r="IF18" s="88">
        <v>3</v>
      </c>
      <c r="IG18" s="88">
        <v>1</v>
      </c>
      <c r="IH18" s="88">
        <v>2</v>
      </c>
      <c r="II18" s="89">
        <v>10</v>
      </c>
      <c r="IJ18" s="90">
        <v>18</v>
      </c>
      <c r="IK18" s="87">
        <v>1</v>
      </c>
      <c r="IL18" s="88">
        <v>6</v>
      </c>
      <c r="IM18" s="89">
        <v>7</v>
      </c>
      <c r="IN18" s="399">
        <v>0</v>
      </c>
      <c r="IO18" s="88">
        <v>2</v>
      </c>
      <c r="IP18" s="88">
        <v>2</v>
      </c>
      <c r="IQ18" s="88">
        <v>1</v>
      </c>
      <c r="IR18" s="88">
        <v>1</v>
      </c>
      <c r="IS18" s="88">
        <v>2</v>
      </c>
      <c r="IT18" s="89">
        <v>8</v>
      </c>
      <c r="IU18" s="90">
        <v>15</v>
      </c>
      <c r="IV18" s="87">
        <v>2</v>
      </c>
      <c r="IW18" s="88">
        <v>7</v>
      </c>
      <c r="IX18" s="89">
        <v>9</v>
      </c>
      <c r="IY18" s="399">
        <v>0</v>
      </c>
      <c r="IZ18" s="88">
        <v>4</v>
      </c>
      <c r="JA18" s="88">
        <v>3</v>
      </c>
      <c r="JB18" s="88">
        <v>2</v>
      </c>
      <c r="JC18" s="88">
        <v>1</v>
      </c>
      <c r="JD18" s="88">
        <v>2</v>
      </c>
      <c r="JE18" s="89">
        <v>12</v>
      </c>
      <c r="JF18" s="90">
        <v>21</v>
      </c>
      <c r="JG18" s="87">
        <v>4</v>
      </c>
      <c r="JH18" s="88">
        <v>4</v>
      </c>
      <c r="JI18" s="89">
        <v>8</v>
      </c>
      <c r="JJ18" s="399">
        <v>0</v>
      </c>
      <c r="JK18" s="88">
        <v>6</v>
      </c>
      <c r="JL18" s="88">
        <v>9</v>
      </c>
      <c r="JM18" s="88">
        <v>2</v>
      </c>
      <c r="JN18" s="88">
        <v>1</v>
      </c>
      <c r="JO18" s="88">
        <v>0</v>
      </c>
      <c r="JP18" s="89">
        <v>18</v>
      </c>
      <c r="JQ18" s="90">
        <v>26</v>
      </c>
      <c r="JR18" s="87">
        <v>0</v>
      </c>
      <c r="JS18" s="88">
        <v>0</v>
      </c>
      <c r="JT18" s="89">
        <v>0</v>
      </c>
      <c r="JU18" s="399">
        <v>0</v>
      </c>
      <c r="JV18" s="88">
        <v>0</v>
      </c>
      <c r="JW18" s="88">
        <v>0</v>
      </c>
      <c r="JX18" s="88">
        <v>0</v>
      </c>
      <c r="JY18" s="88">
        <v>0</v>
      </c>
      <c r="JZ18" s="88">
        <v>0</v>
      </c>
      <c r="KA18" s="89">
        <v>0</v>
      </c>
      <c r="KB18" s="90">
        <v>0</v>
      </c>
      <c r="KC18" s="87">
        <v>17</v>
      </c>
      <c r="KD18" s="88">
        <v>24</v>
      </c>
      <c r="KE18" s="89">
        <v>41</v>
      </c>
      <c r="KF18" s="399">
        <v>0</v>
      </c>
      <c r="KG18" s="88">
        <v>15</v>
      </c>
      <c r="KH18" s="88">
        <v>21</v>
      </c>
      <c r="KI18" s="88">
        <v>8</v>
      </c>
      <c r="KJ18" s="88">
        <v>5</v>
      </c>
      <c r="KK18" s="88">
        <v>8</v>
      </c>
      <c r="KL18" s="89">
        <v>57</v>
      </c>
      <c r="KM18" s="90">
        <v>98</v>
      </c>
    </row>
    <row r="19" spans="2:299" s="56" customFormat="1" ht="21" customHeight="1" x14ac:dyDescent="0.2">
      <c r="B19" s="92" t="s">
        <v>16</v>
      </c>
      <c r="C19" s="82">
        <v>25</v>
      </c>
      <c r="D19" s="83">
        <v>27</v>
      </c>
      <c r="E19" s="84">
        <v>52</v>
      </c>
      <c r="F19" s="399">
        <v>0</v>
      </c>
      <c r="G19" s="83">
        <v>55</v>
      </c>
      <c r="H19" s="83">
        <v>67</v>
      </c>
      <c r="I19" s="83">
        <v>43</v>
      </c>
      <c r="J19" s="83">
        <v>26</v>
      </c>
      <c r="K19" s="83">
        <v>21</v>
      </c>
      <c r="L19" s="85">
        <v>212</v>
      </c>
      <c r="M19" s="86">
        <v>264</v>
      </c>
      <c r="N19" s="87">
        <v>0</v>
      </c>
      <c r="O19" s="88">
        <v>0</v>
      </c>
      <c r="P19" s="89">
        <v>0</v>
      </c>
      <c r="Q19" s="399">
        <v>0</v>
      </c>
      <c r="R19" s="88">
        <v>1</v>
      </c>
      <c r="S19" s="88">
        <v>2</v>
      </c>
      <c r="T19" s="88">
        <v>1</v>
      </c>
      <c r="U19" s="88">
        <v>0</v>
      </c>
      <c r="V19" s="88">
        <v>1</v>
      </c>
      <c r="W19" s="89">
        <v>5</v>
      </c>
      <c r="X19" s="90">
        <v>5</v>
      </c>
      <c r="Y19" s="87">
        <v>4</v>
      </c>
      <c r="Z19" s="88">
        <v>4</v>
      </c>
      <c r="AA19" s="89">
        <v>8</v>
      </c>
      <c r="AB19" s="399">
        <v>0</v>
      </c>
      <c r="AC19" s="88">
        <v>3</v>
      </c>
      <c r="AD19" s="88">
        <v>5</v>
      </c>
      <c r="AE19" s="88">
        <v>4</v>
      </c>
      <c r="AF19" s="88">
        <v>2</v>
      </c>
      <c r="AG19" s="88">
        <v>2</v>
      </c>
      <c r="AH19" s="89">
        <v>16</v>
      </c>
      <c r="AI19" s="90">
        <v>24</v>
      </c>
      <c r="AJ19" s="87">
        <v>8</v>
      </c>
      <c r="AK19" s="88">
        <v>5</v>
      </c>
      <c r="AL19" s="89">
        <v>13</v>
      </c>
      <c r="AM19" s="399">
        <v>0</v>
      </c>
      <c r="AN19" s="88">
        <v>8</v>
      </c>
      <c r="AO19" s="88">
        <v>9</v>
      </c>
      <c r="AP19" s="88">
        <v>3</v>
      </c>
      <c r="AQ19" s="88">
        <v>6</v>
      </c>
      <c r="AR19" s="88">
        <v>4</v>
      </c>
      <c r="AS19" s="89">
        <v>30</v>
      </c>
      <c r="AT19" s="90">
        <v>43</v>
      </c>
      <c r="AU19" s="87">
        <v>5</v>
      </c>
      <c r="AV19" s="88">
        <v>5</v>
      </c>
      <c r="AW19" s="89">
        <v>10</v>
      </c>
      <c r="AX19" s="399">
        <v>0</v>
      </c>
      <c r="AY19" s="88">
        <v>12</v>
      </c>
      <c r="AZ19" s="88">
        <v>18</v>
      </c>
      <c r="BA19" s="88">
        <v>14</v>
      </c>
      <c r="BB19" s="88">
        <v>5</v>
      </c>
      <c r="BC19" s="88">
        <v>3</v>
      </c>
      <c r="BD19" s="89">
        <v>52</v>
      </c>
      <c r="BE19" s="90">
        <v>62</v>
      </c>
      <c r="BF19" s="87">
        <v>5</v>
      </c>
      <c r="BG19" s="88">
        <v>6</v>
      </c>
      <c r="BH19" s="89">
        <v>11</v>
      </c>
      <c r="BI19" s="399">
        <v>0</v>
      </c>
      <c r="BJ19" s="88">
        <v>17</v>
      </c>
      <c r="BK19" s="88">
        <v>17</v>
      </c>
      <c r="BL19" s="88">
        <v>14</v>
      </c>
      <c r="BM19" s="88">
        <v>6</v>
      </c>
      <c r="BN19" s="88">
        <v>7</v>
      </c>
      <c r="BO19" s="89">
        <v>61</v>
      </c>
      <c r="BP19" s="90">
        <v>72</v>
      </c>
      <c r="BQ19" s="87">
        <v>3</v>
      </c>
      <c r="BR19" s="88">
        <v>7</v>
      </c>
      <c r="BS19" s="89">
        <v>10</v>
      </c>
      <c r="BT19" s="399">
        <v>0</v>
      </c>
      <c r="BU19" s="88">
        <v>14</v>
      </c>
      <c r="BV19" s="88">
        <v>16</v>
      </c>
      <c r="BW19" s="88">
        <v>7</v>
      </c>
      <c r="BX19" s="88">
        <v>7</v>
      </c>
      <c r="BY19" s="88">
        <v>4</v>
      </c>
      <c r="BZ19" s="89">
        <v>48</v>
      </c>
      <c r="CA19" s="90">
        <v>58</v>
      </c>
      <c r="CB19" s="87">
        <v>0</v>
      </c>
      <c r="CC19" s="88">
        <v>0</v>
      </c>
      <c r="CD19" s="89">
        <v>0</v>
      </c>
      <c r="CE19" s="399">
        <v>0</v>
      </c>
      <c r="CF19" s="88">
        <v>0</v>
      </c>
      <c r="CG19" s="88">
        <v>0</v>
      </c>
      <c r="CH19" s="88">
        <v>0</v>
      </c>
      <c r="CI19" s="88">
        <v>0</v>
      </c>
      <c r="CJ19" s="88">
        <v>0</v>
      </c>
      <c r="CK19" s="89">
        <v>0</v>
      </c>
      <c r="CL19" s="90">
        <v>0</v>
      </c>
      <c r="CM19" s="87">
        <v>25</v>
      </c>
      <c r="CN19" s="88">
        <v>27</v>
      </c>
      <c r="CO19" s="89">
        <v>52</v>
      </c>
      <c r="CP19" s="399">
        <v>0</v>
      </c>
      <c r="CQ19" s="88">
        <v>55</v>
      </c>
      <c r="CR19" s="88">
        <v>67</v>
      </c>
      <c r="CS19" s="88">
        <v>43</v>
      </c>
      <c r="CT19" s="88">
        <v>26</v>
      </c>
      <c r="CU19" s="88">
        <v>21</v>
      </c>
      <c r="CV19" s="89">
        <v>212</v>
      </c>
      <c r="CW19" s="90">
        <v>264</v>
      </c>
      <c r="CX19" s="91">
        <v>20</v>
      </c>
      <c r="CY19" s="83">
        <v>20</v>
      </c>
      <c r="CZ19" s="84">
        <v>40</v>
      </c>
      <c r="DA19" s="399">
        <v>0</v>
      </c>
      <c r="DB19" s="83">
        <v>22</v>
      </c>
      <c r="DC19" s="83">
        <v>29</v>
      </c>
      <c r="DD19" s="83">
        <v>12</v>
      </c>
      <c r="DE19" s="83">
        <v>13</v>
      </c>
      <c r="DF19" s="83">
        <v>6</v>
      </c>
      <c r="DG19" s="85">
        <v>82</v>
      </c>
      <c r="DH19" s="86">
        <v>122</v>
      </c>
      <c r="DI19" s="87">
        <v>0</v>
      </c>
      <c r="DJ19" s="88">
        <v>1</v>
      </c>
      <c r="DK19" s="89">
        <v>1</v>
      </c>
      <c r="DL19" s="399">
        <v>0</v>
      </c>
      <c r="DM19" s="88">
        <v>0</v>
      </c>
      <c r="DN19" s="88">
        <v>2</v>
      </c>
      <c r="DO19" s="88">
        <v>0</v>
      </c>
      <c r="DP19" s="88">
        <v>0</v>
      </c>
      <c r="DQ19" s="88">
        <v>0</v>
      </c>
      <c r="DR19" s="89">
        <v>2</v>
      </c>
      <c r="DS19" s="90">
        <v>3</v>
      </c>
      <c r="DT19" s="87">
        <v>1</v>
      </c>
      <c r="DU19" s="88">
        <v>4</v>
      </c>
      <c r="DV19" s="89">
        <v>5</v>
      </c>
      <c r="DW19" s="399">
        <v>0</v>
      </c>
      <c r="DX19" s="88">
        <v>0</v>
      </c>
      <c r="DY19" s="88">
        <v>0</v>
      </c>
      <c r="DZ19" s="88">
        <v>1</v>
      </c>
      <c r="EA19" s="88">
        <v>1</v>
      </c>
      <c r="EB19" s="88">
        <v>0</v>
      </c>
      <c r="EC19" s="89">
        <v>2</v>
      </c>
      <c r="ED19" s="90">
        <v>7</v>
      </c>
      <c r="EE19" s="87">
        <v>3</v>
      </c>
      <c r="EF19" s="88">
        <v>1</v>
      </c>
      <c r="EG19" s="89">
        <v>4</v>
      </c>
      <c r="EH19" s="399">
        <v>0</v>
      </c>
      <c r="EI19" s="88">
        <v>2</v>
      </c>
      <c r="EJ19" s="88">
        <v>2</v>
      </c>
      <c r="EK19" s="88">
        <v>0</v>
      </c>
      <c r="EL19" s="88">
        <v>2</v>
      </c>
      <c r="EM19" s="88">
        <v>1</v>
      </c>
      <c r="EN19" s="89">
        <v>7</v>
      </c>
      <c r="EO19" s="90">
        <v>11</v>
      </c>
      <c r="EP19" s="87">
        <v>6</v>
      </c>
      <c r="EQ19" s="88">
        <v>6</v>
      </c>
      <c r="ER19" s="89">
        <v>12</v>
      </c>
      <c r="ES19" s="399">
        <v>0</v>
      </c>
      <c r="ET19" s="88">
        <v>4</v>
      </c>
      <c r="EU19" s="88">
        <v>7</v>
      </c>
      <c r="EV19" s="88">
        <v>2</v>
      </c>
      <c r="EW19" s="88">
        <v>0</v>
      </c>
      <c r="EX19" s="88">
        <v>0</v>
      </c>
      <c r="EY19" s="89">
        <v>13</v>
      </c>
      <c r="EZ19" s="90">
        <v>25</v>
      </c>
      <c r="FA19" s="87">
        <v>7</v>
      </c>
      <c r="FB19" s="88">
        <v>4</v>
      </c>
      <c r="FC19" s="89">
        <v>11</v>
      </c>
      <c r="FD19" s="399">
        <v>0</v>
      </c>
      <c r="FE19" s="88">
        <v>11</v>
      </c>
      <c r="FF19" s="88">
        <v>8</v>
      </c>
      <c r="FG19" s="88">
        <v>3</v>
      </c>
      <c r="FH19" s="88">
        <v>3</v>
      </c>
      <c r="FI19" s="88">
        <v>0</v>
      </c>
      <c r="FJ19" s="89">
        <v>25</v>
      </c>
      <c r="FK19" s="90">
        <v>36</v>
      </c>
      <c r="FL19" s="87">
        <v>3</v>
      </c>
      <c r="FM19" s="88">
        <v>4</v>
      </c>
      <c r="FN19" s="89">
        <v>7</v>
      </c>
      <c r="FO19" s="399">
        <v>0</v>
      </c>
      <c r="FP19" s="88">
        <v>5</v>
      </c>
      <c r="FQ19" s="88">
        <v>10</v>
      </c>
      <c r="FR19" s="88">
        <v>6</v>
      </c>
      <c r="FS19" s="88">
        <v>7</v>
      </c>
      <c r="FT19" s="88">
        <v>5</v>
      </c>
      <c r="FU19" s="89">
        <v>33</v>
      </c>
      <c r="FV19" s="90">
        <v>40</v>
      </c>
      <c r="FW19" s="87">
        <v>0</v>
      </c>
      <c r="FX19" s="88">
        <v>0</v>
      </c>
      <c r="FY19" s="89">
        <v>0</v>
      </c>
      <c r="FZ19" s="399">
        <v>0</v>
      </c>
      <c r="GA19" s="88">
        <v>0</v>
      </c>
      <c r="GB19" s="88">
        <v>0</v>
      </c>
      <c r="GC19" s="88">
        <v>0</v>
      </c>
      <c r="GD19" s="88">
        <v>0</v>
      </c>
      <c r="GE19" s="88">
        <v>0</v>
      </c>
      <c r="GF19" s="89">
        <v>0</v>
      </c>
      <c r="GG19" s="90">
        <v>0</v>
      </c>
      <c r="GH19" s="87">
        <v>20</v>
      </c>
      <c r="GI19" s="88">
        <v>20</v>
      </c>
      <c r="GJ19" s="89">
        <v>40</v>
      </c>
      <c r="GK19" s="399">
        <v>0</v>
      </c>
      <c r="GL19" s="88">
        <v>22</v>
      </c>
      <c r="GM19" s="88">
        <v>29</v>
      </c>
      <c r="GN19" s="88">
        <v>12</v>
      </c>
      <c r="GO19" s="88">
        <v>13</v>
      </c>
      <c r="GP19" s="88">
        <v>6</v>
      </c>
      <c r="GQ19" s="89">
        <v>82</v>
      </c>
      <c r="GR19" s="90">
        <v>122</v>
      </c>
      <c r="GS19" s="91">
        <v>45</v>
      </c>
      <c r="GT19" s="83">
        <v>47</v>
      </c>
      <c r="GU19" s="84">
        <v>92</v>
      </c>
      <c r="GV19" s="399">
        <v>0</v>
      </c>
      <c r="GW19" s="83">
        <v>77</v>
      </c>
      <c r="GX19" s="83">
        <v>96</v>
      </c>
      <c r="GY19" s="83">
        <v>55</v>
      </c>
      <c r="GZ19" s="83">
        <v>39</v>
      </c>
      <c r="HA19" s="83">
        <v>27</v>
      </c>
      <c r="HB19" s="85">
        <v>294</v>
      </c>
      <c r="HC19" s="86">
        <v>386</v>
      </c>
      <c r="HD19" s="87">
        <v>0</v>
      </c>
      <c r="HE19" s="88">
        <v>1</v>
      </c>
      <c r="HF19" s="89">
        <v>1</v>
      </c>
      <c r="HG19" s="399">
        <v>0</v>
      </c>
      <c r="HH19" s="88">
        <v>1</v>
      </c>
      <c r="HI19" s="88">
        <v>4</v>
      </c>
      <c r="HJ19" s="88">
        <v>1</v>
      </c>
      <c r="HK19" s="88">
        <v>0</v>
      </c>
      <c r="HL19" s="88">
        <v>1</v>
      </c>
      <c r="HM19" s="89">
        <v>7</v>
      </c>
      <c r="HN19" s="90">
        <v>8</v>
      </c>
      <c r="HO19" s="87">
        <v>5</v>
      </c>
      <c r="HP19" s="88">
        <v>8</v>
      </c>
      <c r="HQ19" s="89">
        <v>13</v>
      </c>
      <c r="HR19" s="399">
        <v>0</v>
      </c>
      <c r="HS19" s="88">
        <v>3</v>
      </c>
      <c r="HT19" s="88">
        <v>5</v>
      </c>
      <c r="HU19" s="88">
        <v>5</v>
      </c>
      <c r="HV19" s="88">
        <v>3</v>
      </c>
      <c r="HW19" s="88">
        <v>2</v>
      </c>
      <c r="HX19" s="89">
        <v>18</v>
      </c>
      <c r="HY19" s="90">
        <v>31</v>
      </c>
      <c r="HZ19" s="87">
        <v>11</v>
      </c>
      <c r="IA19" s="88">
        <v>6</v>
      </c>
      <c r="IB19" s="89">
        <v>17</v>
      </c>
      <c r="IC19" s="399">
        <v>0</v>
      </c>
      <c r="ID19" s="88">
        <v>10</v>
      </c>
      <c r="IE19" s="88">
        <v>11</v>
      </c>
      <c r="IF19" s="88">
        <v>3</v>
      </c>
      <c r="IG19" s="88">
        <v>8</v>
      </c>
      <c r="IH19" s="88">
        <v>5</v>
      </c>
      <c r="II19" s="89">
        <v>37</v>
      </c>
      <c r="IJ19" s="90">
        <v>54</v>
      </c>
      <c r="IK19" s="87">
        <v>11</v>
      </c>
      <c r="IL19" s="88">
        <v>11</v>
      </c>
      <c r="IM19" s="89">
        <v>22</v>
      </c>
      <c r="IN19" s="399">
        <v>0</v>
      </c>
      <c r="IO19" s="88">
        <v>16</v>
      </c>
      <c r="IP19" s="88">
        <v>25</v>
      </c>
      <c r="IQ19" s="88">
        <v>16</v>
      </c>
      <c r="IR19" s="88">
        <v>5</v>
      </c>
      <c r="IS19" s="88">
        <v>3</v>
      </c>
      <c r="IT19" s="89">
        <v>65</v>
      </c>
      <c r="IU19" s="90">
        <v>87</v>
      </c>
      <c r="IV19" s="87">
        <v>12</v>
      </c>
      <c r="IW19" s="88">
        <v>10</v>
      </c>
      <c r="IX19" s="89">
        <v>22</v>
      </c>
      <c r="IY19" s="399">
        <v>0</v>
      </c>
      <c r="IZ19" s="88">
        <v>28</v>
      </c>
      <c r="JA19" s="88">
        <v>25</v>
      </c>
      <c r="JB19" s="88">
        <v>17</v>
      </c>
      <c r="JC19" s="88">
        <v>9</v>
      </c>
      <c r="JD19" s="88">
        <v>7</v>
      </c>
      <c r="JE19" s="89">
        <v>86</v>
      </c>
      <c r="JF19" s="90">
        <v>108</v>
      </c>
      <c r="JG19" s="87">
        <v>6</v>
      </c>
      <c r="JH19" s="88">
        <v>11</v>
      </c>
      <c r="JI19" s="89">
        <v>17</v>
      </c>
      <c r="JJ19" s="399">
        <v>0</v>
      </c>
      <c r="JK19" s="88">
        <v>19</v>
      </c>
      <c r="JL19" s="88">
        <v>26</v>
      </c>
      <c r="JM19" s="88">
        <v>13</v>
      </c>
      <c r="JN19" s="88">
        <v>14</v>
      </c>
      <c r="JO19" s="88">
        <v>9</v>
      </c>
      <c r="JP19" s="89">
        <v>81</v>
      </c>
      <c r="JQ19" s="90">
        <v>98</v>
      </c>
      <c r="JR19" s="87">
        <v>0</v>
      </c>
      <c r="JS19" s="88">
        <v>0</v>
      </c>
      <c r="JT19" s="89">
        <v>0</v>
      </c>
      <c r="JU19" s="399">
        <v>0</v>
      </c>
      <c r="JV19" s="88">
        <v>0</v>
      </c>
      <c r="JW19" s="88">
        <v>0</v>
      </c>
      <c r="JX19" s="88">
        <v>0</v>
      </c>
      <c r="JY19" s="88">
        <v>0</v>
      </c>
      <c r="JZ19" s="88">
        <v>0</v>
      </c>
      <c r="KA19" s="89">
        <v>0</v>
      </c>
      <c r="KB19" s="90">
        <v>0</v>
      </c>
      <c r="KC19" s="87">
        <v>45</v>
      </c>
      <c r="KD19" s="88">
        <v>47</v>
      </c>
      <c r="KE19" s="89">
        <v>92</v>
      </c>
      <c r="KF19" s="399">
        <v>0</v>
      </c>
      <c r="KG19" s="88">
        <v>77</v>
      </c>
      <c r="KH19" s="88">
        <v>96</v>
      </c>
      <c r="KI19" s="88">
        <v>55</v>
      </c>
      <c r="KJ19" s="88">
        <v>39</v>
      </c>
      <c r="KK19" s="88">
        <v>27</v>
      </c>
      <c r="KL19" s="89">
        <v>294</v>
      </c>
      <c r="KM19" s="90">
        <v>386</v>
      </c>
    </row>
    <row r="20" spans="2:299" s="56" customFormat="1" ht="21" customHeight="1" x14ac:dyDescent="0.2">
      <c r="B20" s="92" t="s">
        <v>17</v>
      </c>
      <c r="C20" s="82">
        <v>62</v>
      </c>
      <c r="D20" s="83">
        <v>64</v>
      </c>
      <c r="E20" s="84">
        <v>126</v>
      </c>
      <c r="F20" s="399">
        <v>0</v>
      </c>
      <c r="G20" s="83">
        <v>71</v>
      </c>
      <c r="H20" s="83">
        <v>93</v>
      </c>
      <c r="I20" s="83">
        <v>63</v>
      </c>
      <c r="J20" s="83">
        <v>43</v>
      </c>
      <c r="K20" s="83">
        <v>18</v>
      </c>
      <c r="L20" s="85">
        <v>288</v>
      </c>
      <c r="M20" s="86">
        <v>414</v>
      </c>
      <c r="N20" s="87">
        <v>3</v>
      </c>
      <c r="O20" s="88">
        <v>2</v>
      </c>
      <c r="P20" s="89">
        <v>5</v>
      </c>
      <c r="Q20" s="399">
        <v>0</v>
      </c>
      <c r="R20" s="88">
        <v>5</v>
      </c>
      <c r="S20" s="88">
        <v>4</v>
      </c>
      <c r="T20" s="88">
        <v>2</v>
      </c>
      <c r="U20" s="88">
        <v>3</v>
      </c>
      <c r="V20" s="88">
        <v>1</v>
      </c>
      <c r="W20" s="89">
        <v>15</v>
      </c>
      <c r="X20" s="90">
        <v>20</v>
      </c>
      <c r="Y20" s="87">
        <v>5</v>
      </c>
      <c r="Z20" s="88">
        <v>8</v>
      </c>
      <c r="AA20" s="89">
        <v>13</v>
      </c>
      <c r="AB20" s="399">
        <v>0</v>
      </c>
      <c r="AC20" s="88">
        <v>4</v>
      </c>
      <c r="AD20" s="88">
        <v>16</v>
      </c>
      <c r="AE20" s="88">
        <v>3</v>
      </c>
      <c r="AF20" s="88">
        <v>2</v>
      </c>
      <c r="AG20" s="88">
        <v>4</v>
      </c>
      <c r="AH20" s="89">
        <v>29</v>
      </c>
      <c r="AI20" s="90">
        <v>42</v>
      </c>
      <c r="AJ20" s="87">
        <v>10</v>
      </c>
      <c r="AK20" s="88">
        <v>7</v>
      </c>
      <c r="AL20" s="89">
        <v>17</v>
      </c>
      <c r="AM20" s="399">
        <v>0</v>
      </c>
      <c r="AN20" s="88">
        <v>7</v>
      </c>
      <c r="AO20" s="88">
        <v>11</v>
      </c>
      <c r="AP20" s="88">
        <v>8</v>
      </c>
      <c r="AQ20" s="88">
        <v>6</v>
      </c>
      <c r="AR20" s="88">
        <v>2</v>
      </c>
      <c r="AS20" s="89">
        <v>34</v>
      </c>
      <c r="AT20" s="90">
        <v>51</v>
      </c>
      <c r="AU20" s="87">
        <v>12</v>
      </c>
      <c r="AV20" s="88">
        <v>10</v>
      </c>
      <c r="AW20" s="89">
        <v>22</v>
      </c>
      <c r="AX20" s="399">
        <v>0</v>
      </c>
      <c r="AY20" s="88">
        <v>21</v>
      </c>
      <c r="AZ20" s="88">
        <v>24</v>
      </c>
      <c r="BA20" s="88">
        <v>11</v>
      </c>
      <c r="BB20" s="88">
        <v>12</v>
      </c>
      <c r="BC20" s="88">
        <v>7</v>
      </c>
      <c r="BD20" s="89">
        <v>75</v>
      </c>
      <c r="BE20" s="90">
        <v>97</v>
      </c>
      <c r="BF20" s="87">
        <v>23</v>
      </c>
      <c r="BG20" s="88">
        <v>22</v>
      </c>
      <c r="BH20" s="89">
        <v>45</v>
      </c>
      <c r="BI20" s="399">
        <v>0</v>
      </c>
      <c r="BJ20" s="88">
        <v>22</v>
      </c>
      <c r="BK20" s="88">
        <v>17</v>
      </c>
      <c r="BL20" s="88">
        <v>18</v>
      </c>
      <c r="BM20" s="88">
        <v>11</v>
      </c>
      <c r="BN20" s="88">
        <v>3</v>
      </c>
      <c r="BO20" s="89">
        <v>71</v>
      </c>
      <c r="BP20" s="90">
        <v>116</v>
      </c>
      <c r="BQ20" s="87">
        <v>9</v>
      </c>
      <c r="BR20" s="88">
        <v>15</v>
      </c>
      <c r="BS20" s="89">
        <v>24</v>
      </c>
      <c r="BT20" s="399">
        <v>0</v>
      </c>
      <c r="BU20" s="88">
        <v>12</v>
      </c>
      <c r="BV20" s="88">
        <v>21</v>
      </c>
      <c r="BW20" s="88">
        <v>21</v>
      </c>
      <c r="BX20" s="88">
        <v>9</v>
      </c>
      <c r="BY20" s="88">
        <v>1</v>
      </c>
      <c r="BZ20" s="89">
        <v>64</v>
      </c>
      <c r="CA20" s="90">
        <v>88</v>
      </c>
      <c r="CB20" s="87">
        <v>0</v>
      </c>
      <c r="CC20" s="88">
        <v>0</v>
      </c>
      <c r="CD20" s="89">
        <v>0</v>
      </c>
      <c r="CE20" s="399">
        <v>0</v>
      </c>
      <c r="CF20" s="88">
        <v>0</v>
      </c>
      <c r="CG20" s="88">
        <v>0</v>
      </c>
      <c r="CH20" s="88">
        <v>0</v>
      </c>
      <c r="CI20" s="88">
        <v>0</v>
      </c>
      <c r="CJ20" s="88">
        <v>0</v>
      </c>
      <c r="CK20" s="89">
        <v>0</v>
      </c>
      <c r="CL20" s="90">
        <v>0</v>
      </c>
      <c r="CM20" s="87">
        <v>62</v>
      </c>
      <c r="CN20" s="88">
        <v>64</v>
      </c>
      <c r="CO20" s="89">
        <v>126</v>
      </c>
      <c r="CP20" s="399">
        <v>0</v>
      </c>
      <c r="CQ20" s="88">
        <v>71</v>
      </c>
      <c r="CR20" s="88">
        <v>93</v>
      </c>
      <c r="CS20" s="88">
        <v>63</v>
      </c>
      <c r="CT20" s="88">
        <v>43</v>
      </c>
      <c r="CU20" s="88">
        <v>18</v>
      </c>
      <c r="CV20" s="89">
        <v>288</v>
      </c>
      <c r="CW20" s="90">
        <v>414</v>
      </c>
      <c r="CX20" s="91">
        <v>17</v>
      </c>
      <c r="CY20" s="83">
        <v>26</v>
      </c>
      <c r="CZ20" s="84">
        <v>43</v>
      </c>
      <c r="DA20" s="399">
        <v>0</v>
      </c>
      <c r="DB20" s="83">
        <v>39</v>
      </c>
      <c r="DC20" s="83">
        <v>44</v>
      </c>
      <c r="DD20" s="83">
        <v>31</v>
      </c>
      <c r="DE20" s="83">
        <v>26</v>
      </c>
      <c r="DF20" s="83">
        <v>21</v>
      </c>
      <c r="DG20" s="85">
        <v>161</v>
      </c>
      <c r="DH20" s="86">
        <v>204</v>
      </c>
      <c r="DI20" s="87">
        <v>1</v>
      </c>
      <c r="DJ20" s="88">
        <v>1</v>
      </c>
      <c r="DK20" s="89">
        <v>2</v>
      </c>
      <c r="DL20" s="399">
        <v>0</v>
      </c>
      <c r="DM20" s="88">
        <v>0</v>
      </c>
      <c r="DN20" s="88">
        <v>0</v>
      </c>
      <c r="DO20" s="88">
        <v>0</v>
      </c>
      <c r="DP20" s="88">
        <v>0</v>
      </c>
      <c r="DQ20" s="88">
        <v>0</v>
      </c>
      <c r="DR20" s="89">
        <v>0</v>
      </c>
      <c r="DS20" s="90">
        <v>2</v>
      </c>
      <c r="DT20" s="87">
        <v>5</v>
      </c>
      <c r="DU20" s="88">
        <v>1</v>
      </c>
      <c r="DV20" s="89">
        <v>6</v>
      </c>
      <c r="DW20" s="399">
        <v>0</v>
      </c>
      <c r="DX20" s="88">
        <v>0</v>
      </c>
      <c r="DY20" s="88">
        <v>0</v>
      </c>
      <c r="DZ20" s="88">
        <v>0</v>
      </c>
      <c r="EA20" s="88">
        <v>4</v>
      </c>
      <c r="EB20" s="88">
        <v>0</v>
      </c>
      <c r="EC20" s="89">
        <v>4</v>
      </c>
      <c r="ED20" s="90">
        <v>10</v>
      </c>
      <c r="EE20" s="87">
        <v>3</v>
      </c>
      <c r="EF20" s="88">
        <v>1</v>
      </c>
      <c r="EG20" s="89">
        <v>4</v>
      </c>
      <c r="EH20" s="399">
        <v>0</v>
      </c>
      <c r="EI20" s="88">
        <v>8</v>
      </c>
      <c r="EJ20" s="88">
        <v>4</v>
      </c>
      <c r="EK20" s="88">
        <v>7</v>
      </c>
      <c r="EL20" s="88">
        <v>4</v>
      </c>
      <c r="EM20" s="88">
        <v>2</v>
      </c>
      <c r="EN20" s="89">
        <v>25</v>
      </c>
      <c r="EO20" s="90">
        <v>29</v>
      </c>
      <c r="EP20" s="87">
        <v>2</v>
      </c>
      <c r="EQ20" s="88">
        <v>7</v>
      </c>
      <c r="ER20" s="89">
        <v>9</v>
      </c>
      <c r="ES20" s="399">
        <v>0</v>
      </c>
      <c r="ET20" s="88">
        <v>10</v>
      </c>
      <c r="EU20" s="88">
        <v>8</v>
      </c>
      <c r="EV20" s="88">
        <v>6</v>
      </c>
      <c r="EW20" s="88">
        <v>4</v>
      </c>
      <c r="EX20" s="88">
        <v>6</v>
      </c>
      <c r="EY20" s="89">
        <v>34</v>
      </c>
      <c r="EZ20" s="90">
        <v>43</v>
      </c>
      <c r="FA20" s="87">
        <v>6</v>
      </c>
      <c r="FB20" s="88">
        <v>12</v>
      </c>
      <c r="FC20" s="89">
        <v>18</v>
      </c>
      <c r="FD20" s="399">
        <v>0</v>
      </c>
      <c r="FE20" s="88">
        <v>10</v>
      </c>
      <c r="FF20" s="88">
        <v>14</v>
      </c>
      <c r="FG20" s="88">
        <v>5</v>
      </c>
      <c r="FH20" s="88">
        <v>3</v>
      </c>
      <c r="FI20" s="88">
        <v>7</v>
      </c>
      <c r="FJ20" s="89">
        <v>39</v>
      </c>
      <c r="FK20" s="90">
        <v>57</v>
      </c>
      <c r="FL20" s="87">
        <v>0</v>
      </c>
      <c r="FM20" s="88">
        <v>4</v>
      </c>
      <c r="FN20" s="89">
        <v>4</v>
      </c>
      <c r="FO20" s="399">
        <v>0</v>
      </c>
      <c r="FP20" s="88">
        <v>11</v>
      </c>
      <c r="FQ20" s="88">
        <v>18</v>
      </c>
      <c r="FR20" s="88">
        <v>13</v>
      </c>
      <c r="FS20" s="88">
        <v>11</v>
      </c>
      <c r="FT20" s="88">
        <v>6</v>
      </c>
      <c r="FU20" s="89">
        <v>59</v>
      </c>
      <c r="FV20" s="90">
        <v>63</v>
      </c>
      <c r="FW20" s="87">
        <v>0</v>
      </c>
      <c r="FX20" s="88">
        <v>0</v>
      </c>
      <c r="FY20" s="89">
        <v>0</v>
      </c>
      <c r="FZ20" s="399">
        <v>0</v>
      </c>
      <c r="GA20" s="88">
        <v>0</v>
      </c>
      <c r="GB20" s="88">
        <v>0</v>
      </c>
      <c r="GC20" s="88">
        <v>0</v>
      </c>
      <c r="GD20" s="88">
        <v>0</v>
      </c>
      <c r="GE20" s="88">
        <v>0</v>
      </c>
      <c r="GF20" s="89">
        <v>0</v>
      </c>
      <c r="GG20" s="90">
        <v>0</v>
      </c>
      <c r="GH20" s="87">
        <v>17</v>
      </c>
      <c r="GI20" s="88">
        <v>26</v>
      </c>
      <c r="GJ20" s="89">
        <v>43</v>
      </c>
      <c r="GK20" s="399">
        <v>0</v>
      </c>
      <c r="GL20" s="88">
        <v>39</v>
      </c>
      <c r="GM20" s="88">
        <v>44</v>
      </c>
      <c r="GN20" s="88">
        <v>31</v>
      </c>
      <c r="GO20" s="88">
        <v>26</v>
      </c>
      <c r="GP20" s="88">
        <v>21</v>
      </c>
      <c r="GQ20" s="89">
        <v>161</v>
      </c>
      <c r="GR20" s="90">
        <v>204</v>
      </c>
      <c r="GS20" s="91">
        <v>79</v>
      </c>
      <c r="GT20" s="83">
        <v>90</v>
      </c>
      <c r="GU20" s="84">
        <v>169</v>
      </c>
      <c r="GV20" s="399">
        <v>0</v>
      </c>
      <c r="GW20" s="83">
        <v>110</v>
      </c>
      <c r="GX20" s="83">
        <v>137</v>
      </c>
      <c r="GY20" s="83">
        <v>94</v>
      </c>
      <c r="GZ20" s="83">
        <v>69</v>
      </c>
      <c r="HA20" s="83">
        <v>39</v>
      </c>
      <c r="HB20" s="85">
        <v>449</v>
      </c>
      <c r="HC20" s="86">
        <v>618</v>
      </c>
      <c r="HD20" s="87">
        <v>4</v>
      </c>
      <c r="HE20" s="88">
        <v>3</v>
      </c>
      <c r="HF20" s="89">
        <v>7</v>
      </c>
      <c r="HG20" s="399">
        <v>0</v>
      </c>
      <c r="HH20" s="88">
        <v>5</v>
      </c>
      <c r="HI20" s="88">
        <v>4</v>
      </c>
      <c r="HJ20" s="88">
        <v>2</v>
      </c>
      <c r="HK20" s="88">
        <v>3</v>
      </c>
      <c r="HL20" s="88">
        <v>1</v>
      </c>
      <c r="HM20" s="89">
        <v>15</v>
      </c>
      <c r="HN20" s="90">
        <v>22</v>
      </c>
      <c r="HO20" s="87">
        <v>10</v>
      </c>
      <c r="HP20" s="88">
        <v>9</v>
      </c>
      <c r="HQ20" s="89">
        <v>19</v>
      </c>
      <c r="HR20" s="399">
        <v>0</v>
      </c>
      <c r="HS20" s="88">
        <v>4</v>
      </c>
      <c r="HT20" s="88">
        <v>16</v>
      </c>
      <c r="HU20" s="88">
        <v>3</v>
      </c>
      <c r="HV20" s="88">
        <v>6</v>
      </c>
      <c r="HW20" s="88">
        <v>4</v>
      </c>
      <c r="HX20" s="89">
        <v>33</v>
      </c>
      <c r="HY20" s="90">
        <v>52</v>
      </c>
      <c r="HZ20" s="87">
        <v>13</v>
      </c>
      <c r="IA20" s="88">
        <v>8</v>
      </c>
      <c r="IB20" s="89">
        <v>21</v>
      </c>
      <c r="IC20" s="399">
        <v>0</v>
      </c>
      <c r="ID20" s="88">
        <v>15</v>
      </c>
      <c r="IE20" s="88">
        <v>15</v>
      </c>
      <c r="IF20" s="88">
        <v>15</v>
      </c>
      <c r="IG20" s="88">
        <v>10</v>
      </c>
      <c r="IH20" s="88">
        <v>4</v>
      </c>
      <c r="II20" s="89">
        <v>59</v>
      </c>
      <c r="IJ20" s="90">
        <v>80</v>
      </c>
      <c r="IK20" s="87">
        <v>14</v>
      </c>
      <c r="IL20" s="88">
        <v>17</v>
      </c>
      <c r="IM20" s="89">
        <v>31</v>
      </c>
      <c r="IN20" s="399">
        <v>0</v>
      </c>
      <c r="IO20" s="88">
        <v>31</v>
      </c>
      <c r="IP20" s="88">
        <v>32</v>
      </c>
      <c r="IQ20" s="88">
        <v>17</v>
      </c>
      <c r="IR20" s="88">
        <v>16</v>
      </c>
      <c r="IS20" s="88">
        <v>13</v>
      </c>
      <c r="IT20" s="89">
        <v>109</v>
      </c>
      <c r="IU20" s="90">
        <v>140</v>
      </c>
      <c r="IV20" s="87">
        <v>29</v>
      </c>
      <c r="IW20" s="88">
        <v>34</v>
      </c>
      <c r="IX20" s="89">
        <v>63</v>
      </c>
      <c r="IY20" s="399">
        <v>0</v>
      </c>
      <c r="IZ20" s="88">
        <v>32</v>
      </c>
      <c r="JA20" s="88">
        <v>31</v>
      </c>
      <c r="JB20" s="88">
        <v>23</v>
      </c>
      <c r="JC20" s="88">
        <v>14</v>
      </c>
      <c r="JD20" s="88">
        <v>10</v>
      </c>
      <c r="JE20" s="89">
        <v>110</v>
      </c>
      <c r="JF20" s="90">
        <v>173</v>
      </c>
      <c r="JG20" s="87">
        <v>9</v>
      </c>
      <c r="JH20" s="88">
        <v>19</v>
      </c>
      <c r="JI20" s="89">
        <v>28</v>
      </c>
      <c r="JJ20" s="399">
        <v>0</v>
      </c>
      <c r="JK20" s="88">
        <v>23</v>
      </c>
      <c r="JL20" s="88">
        <v>39</v>
      </c>
      <c r="JM20" s="88">
        <v>34</v>
      </c>
      <c r="JN20" s="88">
        <v>20</v>
      </c>
      <c r="JO20" s="88">
        <v>7</v>
      </c>
      <c r="JP20" s="89">
        <v>123</v>
      </c>
      <c r="JQ20" s="90">
        <v>151</v>
      </c>
      <c r="JR20" s="87">
        <v>0</v>
      </c>
      <c r="JS20" s="88">
        <v>0</v>
      </c>
      <c r="JT20" s="89">
        <v>0</v>
      </c>
      <c r="JU20" s="399">
        <v>0</v>
      </c>
      <c r="JV20" s="88">
        <v>0</v>
      </c>
      <c r="JW20" s="88">
        <v>0</v>
      </c>
      <c r="JX20" s="88">
        <v>0</v>
      </c>
      <c r="JY20" s="88">
        <v>0</v>
      </c>
      <c r="JZ20" s="88">
        <v>0</v>
      </c>
      <c r="KA20" s="89">
        <v>0</v>
      </c>
      <c r="KB20" s="90">
        <v>0</v>
      </c>
      <c r="KC20" s="87">
        <v>79</v>
      </c>
      <c r="KD20" s="88">
        <v>90</v>
      </c>
      <c r="KE20" s="89">
        <v>169</v>
      </c>
      <c r="KF20" s="399">
        <v>0</v>
      </c>
      <c r="KG20" s="88">
        <v>110</v>
      </c>
      <c r="KH20" s="88">
        <v>137</v>
      </c>
      <c r="KI20" s="88">
        <v>94</v>
      </c>
      <c r="KJ20" s="88">
        <v>69</v>
      </c>
      <c r="KK20" s="88">
        <v>39</v>
      </c>
      <c r="KL20" s="89">
        <v>449</v>
      </c>
      <c r="KM20" s="90">
        <v>618</v>
      </c>
    </row>
    <row r="21" spans="2:299" s="56" customFormat="1" ht="21" customHeight="1" x14ac:dyDescent="0.2">
      <c r="B21" s="92" t="s">
        <v>18</v>
      </c>
      <c r="C21" s="82">
        <v>65</v>
      </c>
      <c r="D21" s="83">
        <v>67</v>
      </c>
      <c r="E21" s="84">
        <v>132</v>
      </c>
      <c r="F21" s="399">
        <v>0</v>
      </c>
      <c r="G21" s="83">
        <v>133</v>
      </c>
      <c r="H21" s="83">
        <v>102</v>
      </c>
      <c r="I21" s="83">
        <v>67</v>
      </c>
      <c r="J21" s="83">
        <v>42</v>
      </c>
      <c r="K21" s="83">
        <v>35</v>
      </c>
      <c r="L21" s="85">
        <v>379</v>
      </c>
      <c r="M21" s="86">
        <v>511</v>
      </c>
      <c r="N21" s="87">
        <v>5</v>
      </c>
      <c r="O21" s="88">
        <v>1</v>
      </c>
      <c r="P21" s="89">
        <v>6</v>
      </c>
      <c r="Q21" s="399">
        <v>0</v>
      </c>
      <c r="R21" s="88">
        <v>7</v>
      </c>
      <c r="S21" s="88">
        <v>6</v>
      </c>
      <c r="T21" s="88">
        <v>6</v>
      </c>
      <c r="U21" s="88">
        <v>2</v>
      </c>
      <c r="V21" s="88">
        <v>3</v>
      </c>
      <c r="W21" s="89">
        <v>24</v>
      </c>
      <c r="X21" s="90">
        <v>30</v>
      </c>
      <c r="Y21" s="87">
        <v>5</v>
      </c>
      <c r="Z21" s="88">
        <v>6</v>
      </c>
      <c r="AA21" s="89">
        <v>11</v>
      </c>
      <c r="AB21" s="399">
        <v>0</v>
      </c>
      <c r="AC21" s="88">
        <v>11</v>
      </c>
      <c r="AD21" s="88">
        <v>6</v>
      </c>
      <c r="AE21" s="88">
        <v>4</v>
      </c>
      <c r="AF21" s="88">
        <v>3</v>
      </c>
      <c r="AG21" s="88">
        <v>4</v>
      </c>
      <c r="AH21" s="89">
        <v>28</v>
      </c>
      <c r="AI21" s="90">
        <v>39</v>
      </c>
      <c r="AJ21" s="87">
        <v>10</v>
      </c>
      <c r="AK21" s="88">
        <v>9</v>
      </c>
      <c r="AL21" s="89">
        <v>19</v>
      </c>
      <c r="AM21" s="399">
        <v>0</v>
      </c>
      <c r="AN21" s="88">
        <v>18</v>
      </c>
      <c r="AO21" s="88">
        <v>11</v>
      </c>
      <c r="AP21" s="88">
        <v>7</v>
      </c>
      <c r="AQ21" s="88">
        <v>4</v>
      </c>
      <c r="AR21" s="88">
        <v>7</v>
      </c>
      <c r="AS21" s="89">
        <v>47</v>
      </c>
      <c r="AT21" s="90">
        <v>66</v>
      </c>
      <c r="AU21" s="87">
        <v>15</v>
      </c>
      <c r="AV21" s="88">
        <v>13</v>
      </c>
      <c r="AW21" s="89">
        <v>28</v>
      </c>
      <c r="AX21" s="399">
        <v>0</v>
      </c>
      <c r="AY21" s="88">
        <v>38</v>
      </c>
      <c r="AZ21" s="88">
        <v>24</v>
      </c>
      <c r="BA21" s="88">
        <v>15</v>
      </c>
      <c r="BB21" s="88">
        <v>10</v>
      </c>
      <c r="BC21" s="88">
        <v>11</v>
      </c>
      <c r="BD21" s="89">
        <v>98</v>
      </c>
      <c r="BE21" s="90">
        <v>126</v>
      </c>
      <c r="BF21" s="87">
        <v>18</v>
      </c>
      <c r="BG21" s="88">
        <v>26</v>
      </c>
      <c r="BH21" s="89">
        <v>44</v>
      </c>
      <c r="BI21" s="399">
        <v>0</v>
      </c>
      <c r="BJ21" s="88">
        <v>38</v>
      </c>
      <c r="BK21" s="88">
        <v>27</v>
      </c>
      <c r="BL21" s="88">
        <v>20</v>
      </c>
      <c r="BM21" s="88">
        <v>15</v>
      </c>
      <c r="BN21" s="88">
        <v>7</v>
      </c>
      <c r="BO21" s="89">
        <v>107</v>
      </c>
      <c r="BP21" s="90">
        <v>151</v>
      </c>
      <c r="BQ21" s="87">
        <v>12</v>
      </c>
      <c r="BR21" s="88">
        <v>12</v>
      </c>
      <c r="BS21" s="89">
        <v>24</v>
      </c>
      <c r="BT21" s="399">
        <v>0</v>
      </c>
      <c r="BU21" s="88">
        <v>21</v>
      </c>
      <c r="BV21" s="88">
        <v>28</v>
      </c>
      <c r="BW21" s="88">
        <v>15</v>
      </c>
      <c r="BX21" s="88">
        <v>8</v>
      </c>
      <c r="BY21" s="88">
        <v>3</v>
      </c>
      <c r="BZ21" s="89">
        <v>75</v>
      </c>
      <c r="CA21" s="90">
        <v>99</v>
      </c>
      <c r="CB21" s="87">
        <v>0</v>
      </c>
      <c r="CC21" s="88">
        <v>0</v>
      </c>
      <c r="CD21" s="89">
        <v>0</v>
      </c>
      <c r="CE21" s="399">
        <v>0</v>
      </c>
      <c r="CF21" s="88">
        <v>0</v>
      </c>
      <c r="CG21" s="88">
        <v>0</v>
      </c>
      <c r="CH21" s="88">
        <v>0</v>
      </c>
      <c r="CI21" s="88">
        <v>0</v>
      </c>
      <c r="CJ21" s="88">
        <v>0</v>
      </c>
      <c r="CK21" s="89">
        <v>0</v>
      </c>
      <c r="CL21" s="90">
        <v>0</v>
      </c>
      <c r="CM21" s="87">
        <v>65</v>
      </c>
      <c r="CN21" s="88">
        <v>67</v>
      </c>
      <c r="CO21" s="89">
        <v>132</v>
      </c>
      <c r="CP21" s="399">
        <v>0</v>
      </c>
      <c r="CQ21" s="88">
        <v>133</v>
      </c>
      <c r="CR21" s="88">
        <v>102</v>
      </c>
      <c r="CS21" s="88">
        <v>67</v>
      </c>
      <c r="CT21" s="88">
        <v>42</v>
      </c>
      <c r="CU21" s="88">
        <v>35</v>
      </c>
      <c r="CV21" s="89">
        <v>379</v>
      </c>
      <c r="CW21" s="90">
        <v>511</v>
      </c>
      <c r="CX21" s="91">
        <v>18</v>
      </c>
      <c r="CY21" s="83">
        <v>33</v>
      </c>
      <c r="CZ21" s="84">
        <v>51</v>
      </c>
      <c r="DA21" s="399">
        <v>0</v>
      </c>
      <c r="DB21" s="83">
        <v>46</v>
      </c>
      <c r="DC21" s="83">
        <v>37</v>
      </c>
      <c r="DD21" s="83">
        <v>37</v>
      </c>
      <c r="DE21" s="83">
        <v>26</v>
      </c>
      <c r="DF21" s="83">
        <v>23</v>
      </c>
      <c r="DG21" s="85">
        <v>169</v>
      </c>
      <c r="DH21" s="86">
        <v>220</v>
      </c>
      <c r="DI21" s="87">
        <v>0</v>
      </c>
      <c r="DJ21" s="88">
        <v>0</v>
      </c>
      <c r="DK21" s="89">
        <v>0</v>
      </c>
      <c r="DL21" s="399">
        <v>0</v>
      </c>
      <c r="DM21" s="88">
        <v>0</v>
      </c>
      <c r="DN21" s="88">
        <v>4</v>
      </c>
      <c r="DO21" s="88">
        <v>1</v>
      </c>
      <c r="DP21" s="88">
        <v>1</v>
      </c>
      <c r="DQ21" s="88">
        <v>1</v>
      </c>
      <c r="DR21" s="89">
        <v>7</v>
      </c>
      <c r="DS21" s="90">
        <v>7</v>
      </c>
      <c r="DT21" s="87">
        <v>2</v>
      </c>
      <c r="DU21" s="88">
        <v>4</v>
      </c>
      <c r="DV21" s="89">
        <v>6</v>
      </c>
      <c r="DW21" s="399">
        <v>0</v>
      </c>
      <c r="DX21" s="88">
        <v>3</v>
      </c>
      <c r="DY21" s="88">
        <v>2</v>
      </c>
      <c r="DZ21" s="88">
        <v>0</v>
      </c>
      <c r="EA21" s="88">
        <v>5</v>
      </c>
      <c r="EB21" s="88">
        <v>0</v>
      </c>
      <c r="EC21" s="89">
        <v>10</v>
      </c>
      <c r="ED21" s="90">
        <v>16</v>
      </c>
      <c r="EE21" s="87">
        <v>1</v>
      </c>
      <c r="EF21" s="88">
        <v>11</v>
      </c>
      <c r="EG21" s="89">
        <v>12</v>
      </c>
      <c r="EH21" s="399">
        <v>0</v>
      </c>
      <c r="EI21" s="88">
        <v>8</v>
      </c>
      <c r="EJ21" s="88">
        <v>4</v>
      </c>
      <c r="EK21" s="88">
        <v>4</v>
      </c>
      <c r="EL21" s="88">
        <v>2</v>
      </c>
      <c r="EM21" s="88">
        <v>2</v>
      </c>
      <c r="EN21" s="89">
        <v>20</v>
      </c>
      <c r="EO21" s="90">
        <v>32</v>
      </c>
      <c r="EP21" s="87">
        <v>7</v>
      </c>
      <c r="EQ21" s="88">
        <v>5</v>
      </c>
      <c r="ER21" s="89">
        <v>12</v>
      </c>
      <c r="ES21" s="399">
        <v>0</v>
      </c>
      <c r="ET21" s="88">
        <v>8</v>
      </c>
      <c r="EU21" s="88">
        <v>4</v>
      </c>
      <c r="EV21" s="88">
        <v>5</v>
      </c>
      <c r="EW21" s="88">
        <v>2</v>
      </c>
      <c r="EX21" s="88">
        <v>3</v>
      </c>
      <c r="EY21" s="89">
        <v>22</v>
      </c>
      <c r="EZ21" s="90">
        <v>34</v>
      </c>
      <c r="FA21" s="87">
        <v>8</v>
      </c>
      <c r="FB21" s="88">
        <v>11</v>
      </c>
      <c r="FC21" s="89">
        <v>19</v>
      </c>
      <c r="FD21" s="399">
        <v>0</v>
      </c>
      <c r="FE21" s="88">
        <v>11</v>
      </c>
      <c r="FF21" s="88">
        <v>14</v>
      </c>
      <c r="FG21" s="88">
        <v>12</v>
      </c>
      <c r="FH21" s="88">
        <v>10</v>
      </c>
      <c r="FI21" s="88">
        <v>6</v>
      </c>
      <c r="FJ21" s="89">
        <v>53</v>
      </c>
      <c r="FK21" s="90">
        <v>72</v>
      </c>
      <c r="FL21" s="87">
        <v>0</v>
      </c>
      <c r="FM21" s="88">
        <v>2</v>
      </c>
      <c r="FN21" s="89">
        <v>2</v>
      </c>
      <c r="FO21" s="399">
        <v>0</v>
      </c>
      <c r="FP21" s="88">
        <v>16</v>
      </c>
      <c r="FQ21" s="88">
        <v>9</v>
      </c>
      <c r="FR21" s="88">
        <v>15</v>
      </c>
      <c r="FS21" s="88">
        <v>6</v>
      </c>
      <c r="FT21" s="88">
        <v>11</v>
      </c>
      <c r="FU21" s="89">
        <v>57</v>
      </c>
      <c r="FV21" s="90">
        <v>59</v>
      </c>
      <c r="FW21" s="87">
        <v>0</v>
      </c>
      <c r="FX21" s="88">
        <v>0</v>
      </c>
      <c r="FY21" s="89">
        <v>0</v>
      </c>
      <c r="FZ21" s="399">
        <v>0</v>
      </c>
      <c r="GA21" s="88">
        <v>0</v>
      </c>
      <c r="GB21" s="88">
        <v>0</v>
      </c>
      <c r="GC21" s="88">
        <v>0</v>
      </c>
      <c r="GD21" s="88">
        <v>0</v>
      </c>
      <c r="GE21" s="88">
        <v>0</v>
      </c>
      <c r="GF21" s="89">
        <v>0</v>
      </c>
      <c r="GG21" s="90">
        <v>0</v>
      </c>
      <c r="GH21" s="87">
        <v>18</v>
      </c>
      <c r="GI21" s="88">
        <v>33</v>
      </c>
      <c r="GJ21" s="89">
        <v>51</v>
      </c>
      <c r="GK21" s="399">
        <v>0</v>
      </c>
      <c r="GL21" s="88">
        <v>46</v>
      </c>
      <c r="GM21" s="88">
        <v>37</v>
      </c>
      <c r="GN21" s="88">
        <v>37</v>
      </c>
      <c r="GO21" s="88">
        <v>26</v>
      </c>
      <c r="GP21" s="88">
        <v>23</v>
      </c>
      <c r="GQ21" s="89">
        <v>169</v>
      </c>
      <c r="GR21" s="90">
        <v>220</v>
      </c>
      <c r="GS21" s="91">
        <v>83</v>
      </c>
      <c r="GT21" s="83">
        <v>100</v>
      </c>
      <c r="GU21" s="84">
        <v>183</v>
      </c>
      <c r="GV21" s="399">
        <v>0</v>
      </c>
      <c r="GW21" s="83">
        <v>179</v>
      </c>
      <c r="GX21" s="83">
        <v>139</v>
      </c>
      <c r="GY21" s="83">
        <v>104</v>
      </c>
      <c r="GZ21" s="83">
        <v>68</v>
      </c>
      <c r="HA21" s="83">
        <v>58</v>
      </c>
      <c r="HB21" s="85">
        <v>548</v>
      </c>
      <c r="HC21" s="86">
        <v>731</v>
      </c>
      <c r="HD21" s="87">
        <v>5</v>
      </c>
      <c r="HE21" s="88">
        <v>1</v>
      </c>
      <c r="HF21" s="89">
        <v>6</v>
      </c>
      <c r="HG21" s="399">
        <v>0</v>
      </c>
      <c r="HH21" s="88">
        <v>7</v>
      </c>
      <c r="HI21" s="88">
        <v>10</v>
      </c>
      <c r="HJ21" s="88">
        <v>7</v>
      </c>
      <c r="HK21" s="88">
        <v>3</v>
      </c>
      <c r="HL21" s="88">
        <v>4</v>
      </c>
      <c r="HM21" s="89">
        <v>31</v>
      </c>
      <c r="HN21" s="90">
        <v>37</v>
      </c>
      <c r="HO21" s="87">
        <v>7</v>
      </c>
      <c r="HP21" s="88">
        <v>10</v>
      </c>
      <c r="HQ21" s="89">
        <v>17</v>
      </c>
      <c r="HR21" s="399">
        <v>0</v>
      </c>
      <c r="HS21" s="88">
        <v>14</v>
      </c>
      <c r="HT21" s="88">
        <v>8</v>
      </c>
      <c r="HU21" s="88">
        <v>4</v>
      </c>
      <c r="HV21" s="88">
        <v>8</v>
      </c>
      <c r="HW21" s="88">
        <v>4</v>
      </c>
      <c r="HX21" s="89">
        <v>38</v>
      </c>
      <c r="HY21" s="90">
        <v>55</v>
      </c>
      <c r="HZ21" s="87">
        <v>11</v>
      </c>
      <c r="IA21" s="88">
        <v>20</v>
      </c>
      <c r="IB21" s="89">
        <v>31</v>
      </c>
      <c r="IC21" s="399">
        <v>0</v>
      </c>
      <c r="ID21" s="88">
        <v>26</v>
      </c>
      <c r="IE21" s="88">
        <v>15</v>
      </c>
      <c r="IF21" s="88">
        <v>11</v>
      </c>
      <c r="IG21" s="88">
        <v>6</v>
      </c>
      <c r="IH21" s="88">
        <v>9</v>
      </c>
      <c r="II21" s="89">
        <v>67</v>
      </c>
      <c r="IJ21" s="90">
        <v>98</v>
      </c>
      <c r="IK21" s="87">
        <v>22</v>
      </c>
      <c r="IL21" s="88">
        <v>18</v>
      </c>
      <c r="IM21" s="89">
        <v>40</v>
      </c>
      <c r="IN21" s="399">
        <v>0</v>
      </c>
      <c r="IO21" s="88">
        <v>46</v>
      </c>
      <c r="IP21" s="88">
        <v>28</v>
      </c>
      <c r="IQ21" s="88">
        <v>20</v>
      </c>
      <c r="IR21" s="88">
        <v>12</v>
      </c>
      <c r="IS21" s="88">
        <v>14</v>
      </c>
      <c r="IT21" s="89">
        <v>120</v>
      </c>
      <c r="IU21" s="90">
        <v>160</v>
      </c>
      <c r="IV21" s="87">
        <v>26</v>
      </c>
      <c r="IW21" s="88">
        <v>37</v>
      </c>
      <c r="IX21" s="89">
        <v>63</v>
      </c>
      <c r="IY21" s="399">
        <v>0</v>
      </c>
      <c r="IZ21" s="88">
        <v>49</v>
      </c>
      <c r="JA21" s="88">
        <v>41</v>
      </c>
      <c r="JB21" s="88">
        <v>32</v>
      </c>
      <c r="JC21" s="88">
        <v>25</v>
      </c>
      <c r="JD21" s="88">
        <v>13</v>
      </c>
      <c r="JE21" s="89">
        <v>160</v>
      </c>
      <c r="JF21" s="90">
        <v>223</v>
      </c>
      <c r="JG21" s="87">
        <v>12</v>
      </c>
      <c r="JH21" s="88">
        <v>14</v>
      </c>
      <c r="JI21" s="89">
        <v>26</v>
      </c>
      <c r="JJ21" s="399">
        <v>0</v>
      </c>
      <c r="JK21" s="88">
        <v>37</v>
      </c>
      <c r="JL21" s="88">
        <v>37</v>
      </c>
      <c r="JM21" s="88">
        <v>30</v>
      </c>
      <c r="JN21" s="88">
        <v>14</v>
      </c>
      <c r="JO21" s="88">
        <v>14</v>
      </c>
      <c r="JP21" s="89">
        <v>132</v>
      </c>
      <c r="JQ21" s="90">
        <v>158</v>
      </c>
      <c r="JR21" s="87">
        <v>0</v>
      </c>
      <c r="JS21" s="88">
        <v>0</v>
      </c>
      <c r="JT21" s="89">
        <v>0</v>
      </c>
      <c r="JU21" s="399">
        <v>0</v>
      </c>
      <c r="JV21" s="88">
        <v>0</v>
      </c>
      <c r="JW21" s="88">
        <v>0</v>
      </c>
      <c r="JX21" s="88">
        <v>0</v>
      </c>
      <c r="JY21" s="88">
        <v>0</v>
      </c>
      <c r="JZ21" s="88">
        <v>0</v>
      </c>
      <c r="KA21" s="89">
        <v>0</v>
      </c>
      <c r="KB21" s="90">
        <v>0</v>
      </c>
      <c r="KC21" s="87">
        <v>83</v>
      </c>
      <c r="KD21" s="88">
        <v>100</v>
      </c>
      <c r="KE21" s="89">
        <v>183</v>
      </c>
      <c r="KF21" s="399">
        <v>0</v>
      </c>
      <c r="KG21" s="88">
        <v>179</v>
      </c>
      <c r="KH21" s="88">
        <v>139</v>
      </c>
      <c r="KI21" s="88">
        <v>104</v>
      </c>
      <c r="KJ21" s="88">
        <v>68</v>
      </c>
      <c r="KK21" s="88">
        <v>58</v>
      </c>
      <c r="KL21" s="89">
        <v>548</v>
      </c>
      <c r="KM21" s="90">
        <v>731</v>
      </c>
    </row>
    <row r="22" spans="2:299" s="56" customFormat="1" ht="21" customHeight="1" x14ac:dyDescent="0.2">
      <c r="B22" s="92" t="s">
        <v>19</v>
      </c>
      <c r="C22" s="82">
        <v>43</v>
      </c>
      <c r="D22" s="83">
        <v>24</v>
      </c>
      <c r="E22" s="84">
        <v>67</v>
      </c>
      <c r="F22" s="399">
        <v>0</v>
      </c>
      <c r="G22" s="83">
        <v>53</v>
      </c>
      <c r="H22" s="83">
        <v>41</v>
      </c>
      <c r="I22" s="83">
        <v>25</v>
      </c>
      <c r="J22" s="83">
        <v>15</v>
      </c>
      <c r="K22" s="83">
        <v>7</v>
      </c>
      <c r="L22" s="85">
        <v>141</v>
      </c>
      <c r="M22" s="86">
        <v>208</v>
      </c>
      <c r="N22" s="93">
        <v>0</v>
      </c>
      <c r="O22" s="88">
        <v>2</v>
      </c>
      <c r="P22" s="89">
        <v>2</v>
      </c>
      <c r="Q22" s="399">
        <v>0</v>
      </c>
      <c r="R22" s="88">
        <v>2</v>
      </c>
      <c r="S22" s="88">
        <v>0</v>
      </c>
      <c r="T22" s="88">
        <v>0</v>
      </c>
      <c r="U22" s="88">
        <v>1</v>
      </c>
      <c r="V22" s="88">
        <v>0</v>
      </c>
      <c r="W22" s="89">
        <v>3</v>
      </c>
      <c r="X22" s="90">
        <v>5</v>
      </c>
      <c r="Y22" s="87">
        <v>3</v>
      </c>
      <c r="Z22" s="88">
        <v>3</v>
      </c>
      <c r="AA22" s="89">
        <v>6</v>
      </c>
      <c r="AB22" s="399">
        <v>0</v>
      </c>
      <c r="AC22" s="88">
        <v>5</v>
      </c>
      <c r="AD22" s="88">
        <v>3</v>
      </c>
      <c r="AE22" s="88">
        <v>2</v>
      </c>
      <c r="AF22" s="88">
        <v>3</v>
      </c>
      <c r="AG22" s="88">
        <v>0</v>
      </c>
      <c r="AH22" s="89">
        <v>13</v>
      </c>
      <c r="AI22" s="90">
        <v>19</v>
      </c>
      <c r="AJ22" s="93">
        <v>4</v>
      </c>
      <c r="AK22" s="88">
        <v>6</v>
      </c>
      <c r="AL22" s="89">
        <v>10</v>
      </c>
      <c r="AM22" s="399">
        <v>0</v>
      </c>
      <c r="AN22" s="88">
        <v>7</v>
      </c>
      <c r="AO22" s="88">
        <v>5</v>
      </c>
      <c r="AP22" s="88">
        <v>4</v>
      </c>
      <c r="AQ22" s="88">
        <v>3</v>
      </c>
      <c r="AR22" s="88">
        <v>3</v>
      </c>
      <c r="AS22" s="89">
        <v>22</v>
      </c>
      <c r="AT22" s="90">
        <v>32</v>
      </c>
      <c r="AU22" s="87">
        <v>12</v>
      </c>
      <c r="AV22" s="88">
        <v>4</v>
      </c>
      <c r="AW22" s="89">
        <v>16</v>
      </c>
      <c r="AX22" s="399">
        <v>0</v>
      </c>
      <c r="AY22" s="88">
        <v>11</v>
      </c>
      <c r="AZ22" s="88">
        <v>8</v>
      </c>
      <c r="BA22" s="88">
        <v>6</v>
      </c>
      <c r="BB22" s="88">
        <v>3</v>
      </c>
      <c r="BC22" s="88">
        <v>1</v>
      </c>
      <c r="BD22" s="89">
        <v>29</v>
      </c>
      <c r="BE22" s="90">
        <v>45</v>
      </c>
      <c r="BF22" s="93">
        <v>12</v>
      </c>
      <c r="BG22" s="88">
        <v>3</v>
      </c>
      <c r="BH22" s="89">
        <v>15</v>
      </c>
      <c r="BI22" s="399">
        <v>0</v>
      </c>
      <c r="BJ22" s="88">
        <v>12</v>
      </c>
      <c r="BK22" s="88">
        <v>14</v>
      </c>
      <c r="BL22" s="88">
        <v>4</v>
      </c>
      <c r="BM22" s="88">
        <v>4</v>
      </c>
      <c r="BN22" s="88">
        <v>3</v>
      </c>
      <c r="BO22" s="89">
        <v>37</v>
      </c>
      <c r="BP22" s="90">
        <v>52</v>
      </c>
      <c r="BQ22" s="87">
        <v>12</v>
      </c>
      <c r="BR22" s="88">
        <v>6</v>
      </c>
      <c r="BS22" s="89">
        <v>18</v>
      </c>
      <c r="BT22" s="399">
        <v>0</v>
      </c>
      <c r="BU22" s="88">
        <v>16</v>
      </c>
      <c r="BV22" s="88">
        <v>11</v>
      </c>
      <c r="BW22" s="88">
        <v>9</v>
      </c>
      <c r="BX22" s="88">
        <v>1</v>
      </c>
      <c r="BY22" s="88">
        <v>0</v>
      </c>
      <c r="BZ22" s="89">
        <v>37</v>
      </c>
      <c r="CA22" s="90">
        <v>55</v>
      </c>
      <c r="CB22" s="87">
        <v>0</v>
      </c>
      <c r="CC22" s="88">
        <v>0</v>
      </c>
      <c r="CD22" s="89">
        <v>0</v>
      </c>
      <c r="CE22" s="399">
        <v>0</v>
      </c>
      <c r="CF22" s="88">
        <v>0</v>
      </c>
      <c r="CG22" s="88">
        <v>0</v>
      </c>
      <c r="CH22" s="88">
        <v>0</v>
      </c>
      <c r="CI22" s="88">
        <v>0</v>
      </c>
      <c r="CJ22" s="88">
        <v>0</v>
      </c>
      <c r="CK22" s="89">
        <v>0</v>
      </c>
      <c r="CL22" s="90">
        <v>0</v>
      </c>
      <c r="CM22" s="87">
        <v>43</v>
      </c>
      <c r="CN22" s="88">
        <v>24</v>
      </c>
      <c r="CO22" s="89">
        <v>67</v>
      </c>
      <c r="CP22" s="399">
        <v>0</v>
      </c>
      <c r="CQ22" s="88">
        <v>53</v>
      </c>
      <c r="CR22" s="88">
        <v>41</v>
      </c>
      <c r="CS22" s="88">
        <v>25</v>
      </c>
      <c r="CT22" s="88">
        <v>15</v>
      </c>
      <c r="CU22" s="88">
        <v>7</v>
      </c>
      <c r="CV22" s="89">
        <v>141</v>
      </c>
      <c r="CW22" s="90">
        <v>208</v>
      </c>
      <c r="CX22" s="91">
        <v>11</v>
      </c>
      <c r="CY22" s="83">
        <v>6</v>
      </c>
      <c r="CZ22" s="84">
        <v>17</v>
      </c>
      <c r="DA22" s="399">
        <v>0</v>
      </c>
      <c r="DB22" s="83">
        <v>20</v>
      </c>
      <c r="DC22" s="83">
        <v>10</v>
      </c>
      <c r="DD22" s="83">
        <v>10</v>
      </c>
      <c r="DE22" s="83">
        <v>4</v>
      </c>
      <c r="DF22" s="83">
        <v>4</v>
      </c>
      <c r="DG22" s="85">
        <v>48</v>
      </c>
      <c r="DH22" s="86">
        <v>65</v>
      </c>
      <c r="DI22" s="93">
        <v>1</v>
      </c>
      <c r="DJ22" s="88">
        <v>0</v>
      </c>
      <c r="DK22" s="89">
        <v>1</v>
      </c>
      <c r="DL22" s="399">
        <v>0</v>
      </c>
      <c r="DM22" s="88">
        <v>0</v>
      </c>
      <c r="DN22" s="88">
        <v>0</v>
      </c>
      <c r="DO22" s="88">
        <v>1</v>
      </c>
      <c r="DP22" s="88">
        <v>0</v>
      </c>
      <c r="DQ22" s="88">
        <v>0</v>
      </c>
      <c r="DR22" s="89">
        <v>1</v>
      </c>
      <c r="DS22" s="90">
        <v>2</v>
      </c>
      <c r="DT22" s="87">
        <v>0</v>
      </c>
      <c r="DU22" s="88">
        <v>0</v>
      </c>
      <c r="DV22" s="89">
        <v>0</v>
      </c>
      <c r="DW22" s="399">
        <v>0</v>
      </c>
      <c r="DX22" s="88">
        <v>1</v>
      </c>
      <c r="DY22" s="88">
        <v>1</v>
      </c>
      <c r="DZ22" s="88">
        <v>0</v>
      </c>
      <c r="EA22" s="88">
        <v>1</v>
      </c>
      <c r="EB22" s="88">
        <v>0</v>
      </c>
      <c r="EC22" s="89">
        <v>3</v>
      </c>
      <c r="ED22" s="90">
        <v>3</v>
      </c>
      <c r="EE22" s="93">
        <v>1</v>
      </c>
      <c r="EF22" s="88">
        <v>2</v>
      </c>
      <c r="EG22" s="89">
        <v>3</v>
      </c>
      <c r="EH22" s="399">
        <v>0</v>
      </c>
      <c r="EI22" s="88">
        <v>3</v>
      </c>
      <c r="EJ22" s="88">
        <v>1</v>
      </c>
      <c r="EK22" s="88">
        <v>0</v>
      </c>
      <c r="EL22" s="88">
        <v>2</v>
      </c>
      <c r="EM22" s="88">
        <v>0</v>
      </c>
      <c r="EN22" s="89">
        <v>6</v>
      </c>
      <c r="EO22" s="90">
        <v>9</v>
      </c>
      <c r="EP22" s="87">
        <v>5</v>
      </c>
      <c r="EQ22" s="88">
        <v>1</v>
      </c>
      <c r="ER22" s="89">
        <v>6</v>
      </c>
      <c r="ES22" s="399">
        <v>0</v>
      </c>
      <c r="ET22" s="88">
        <v>3</v>
      </c>
      <c r="EU22" s="88">
        <v>1</v>
      </c>
      <c r="EV22" s="88">
        <v>2</v>
      </c>
      <c r="EW22" s="88">
        <v>1</v>
      </c>
      <c r="EX22" s="88">
        <v>1</v>
      </c>
      <c r="EY22" s="89">
        <v>8</v>
      </c>
      <c r="EZ22" s="90">
        <v>14</v>
      </c>
      <c r="FA22" s="93">
        <v>2</v>
      </c>
      <c r="FB22" s="88">
        <v>2</v>
      </c>
      <c r="FC22" s="89">
        <v>4</v>
      </c>
      <c r="FD22" s="399">
        <v>0</v>
      </c>
      <c r="FE22" s="88">
        <v>7</v>
      </c>
      <c r="FF22" s="88">
        <v>1</v>
      </c>
      <c r="FG22" s="88">
        <v>3</v>
      </c>
      <c r="FH22" s="88">
        <v>0</v>
      </c>
      <c r="FI22" s="88">
        <v>1</v>
      </c>
      <c r="FJ22" s="89">
        <v>12</v>
      </c>
      <c r="FK22" s="90">
        <v>16</v>
      </c>
      <c r="FL22" s="87">
        <v>2</v>
      </c>
      <c r="FM22" s="88">
        <v>1</v>
      </c>
      <c r="FN22" s="89">
        <v>3</v>
      </c>
      <c r="FO22" s="399">
        <v>0</v>
      </c>
      <c r="FP22" s="88">
        <v>6</v>
      </c>
      <c r="FQ22" s="88">
        <v>6</v>
      </c>
      <c r="FR22" s="88">
        <v>4</v>
      </c>
      <c r="FS22" s="88">
        <v>0</v>
      </c>
      <c r="FT22" s="88">
        <v>2</v>
      </c>
      <c r="FU22" s="89">
        <v>18</v>
      </c>
      <c r="FV22" s="90">
        <v>21</v>
      </c>
      <c r="FW22" s="87">
        <v>0</v>
      </c>
      <c r="FX22" s="88">
        <v>0</v>
      </c>
      <c r="FY22" s="89">
        <v>0</v>
      </c>
      <c r="FZ22" s="399">
        <v>0</v>
      </c>
      <c r="GA22" s="88">
        <v>0</v>
      </c>
      <c r="GB22" s="88">
        <v>0</v>
      </c>
      <c r="GC22" s="88">
        <v>0</v>
      </c>
      <c r="GD22" s="88">
        <v>0</v>
      </c>
      <c r="GE22" s="88">
        <v>0</v>
      </c>
      <c r="GF22" s="89">
        <v>0</v>
      </c>
      <c r="GG22" s="90">
        <v>0</v>
      </c>
      <c r="GH22" s="87">
        <v>11</v>
      </c>
      <c r="GI22" s="88">
        <v>6</v>
      </c>
      <c r="GJ22" s="89">
        <v>17</v>
      </c>
      <c r="GK22" s="399">
        <v>0</v>
      </c>
      <c r="GL22" s="88">
        <v>20</v>
      </c>
      <c r="GM22" s="88">
        <v>10</v>
      </c>
      <c r="GN22" s="88">
        <v>10</v>
      </c>
      <c r="GO22" s="88">
        <v>4</v>
      </c>
      <c r="GP22" s="88">
        <v>4</v>
      </c>
      <c r="GQ22" s="89">
        <v>48</v>
      </c>
      <c r="GR22" s="90">
        <v>65</v>
      </c>
      <c r="GS22" s="91">
        <v>54</v>
      </c>
      <c r="GT22" s="83">
        <v>30</v>
      </c>
      <c r="GU22" s="84">
        <v>84</v>
      </c>
      <c r="GV22" s="399">
        <v>0</v>
      </c>
      <c r="GW22" s="83">
        <v>73</v>
      </c>
      <c r="GX22" s="83">
        <v>51</v>
      </c>
      <c r="GY22" s="83">
        <v>35</v>
      </c>
      <c r="GZ22" s="83">
        <v>19</v>
      </c>
      <c r="HA22" s="83">
        <v>11</v>
      </c>
      <c r="HB22" s="85">
        <v>189</v>
      </c>
      <c r="HC22" s="86">
        <v>273</v>
      </c>
      <c r="HD22" s="93">
        <v>1</v>
      </c>
      <c r="HE22" s="88">
        <v>2</v>
      </c>
      <c r="HF22" s="89">
        <v>3</v>
      </c>
      <c r="HG22" s="399">
        <v>0</v>
      </c>
      <c r="HH22" s="88">
        <v>2</v>
      </c>
      <c r="HI22" s="88">
        <v>0</v>
      </c>
      <c r="HJ22" s="88">
        <v>1</v>
      </c>
      <c r="HK22" s="88">
        <v>1</v>
      </c>
      <c r="HL22" s="88">
        <v>0</v>
      </c>
      <c r="HM22" s="89">
        <v>4</v>
      </c>
      <c r="HN22" s="90">
        <v>7</v>
      </c>
      <c r="HO22" s="87">
        <v>3</v>
      </c>
      <c r="HP22" s="88">
        <v>3</v>
      </c>
      <c r="HQ22" s="89">
        <v>6</v>
      </c>
      <c r="HR22" s="399">
        <v>0</v>
      </c>
      <c r="HS22" s="88">
        <v>6</v>
      </c>
      <c r="HT22" s="88">
        <v>4</v>
      </c>
      <c r="HU22" s="88">
        <v>2</v>
      </c>
      <c r="HV22" s="88">
        <v>4</v>
      </c>
      <c r="HW22" s="88">
        <v>0</v>
      </c>
      <c r="HX22" s="89">
        <v>16</v>
      </c>
      <c r="HY22" s="90">
        <v>22</v>
      </c>
      <c r="HZ22" s="93">
        <v>5</v>
      </c>
      <c r="IA22" s="88">
        <v>8</v>
      </c>
      <c r="IB22" s="89">
        <v>13</v>
      </c>
      <c r="IC22" s="399">
        <v>0</v>
      </c>
      <c r="ID22" s="88">
        <v>10</v>
      </c>
      <c r="IE22" s="88">
        <v>6</v>
      </c>
      <c r="IF22" s="88">
        <v>4</v>
      </c>
      <c r="IG22" s="88">
        <v>5</v>
      </c>
      <c r="IH22" s="88">
        <v>3</v>
      </c>
      <c r="II22" s="89">
        <v>28</v>
      </c>
      <c r="IJ22" s="90">
        <v>41</v>
      </c>
      <c r="IK22" s="87">
        <v>17</v>
      </c>
      <c r="IL22" s="88">
        <v>5</v>
      </c>
      <c r="IM22" s="89">
        <v>22</v>
      </c>
      <c r="IN22" s="399">
        <v>0</v>
      </c>
      <c r="IO22" s="88">
        <v>14</v>
      </c>
      <c r="IP22" s="88">
        <v>9</v>
      </c>
      <c r="IQ22" s="88">
        <v>8</v>
      </c>
      <c r="IR22" s="88">
        <v>4</v>
      </c>
      <c r="IS22" s="88">
        <v>2</v>
      </c>
      <c r="IT22" s="89">
        <v>37</v>
      </c>
      <c r="IU22" s="90">
        <v>59</v>
      </c>
      <c r="IV22" s="93">
        <v>14</v>
      </c>
      <c r="IW22" s="88">
        <v>5</v>
      </c>
      <c r="IX22" s="89">
        <v>19</v>
      </c>
      <c r="IY22" s="399">
        <v>0</v>
      </c>
      <c r="IZ22" s="88">
        <v>19</v>
      </c>
      <c r="JA22" s="88">
        <v>15</v>
      </c>
      <c r="JB22" s="88">
        <v>7</v>
      </c>
      <c r="JC22" s="88">
        <v>4</v>
      </c>
      <c r="JD22" s="88">
        <v>4</v>
      </c>
      <c r="JE22" s="89">
        <v>49</v>
      </c>
      <c r="JF22" s="90">
        <v>68</v>
      </c>
      <c r="JG22" s="87">
        <v>14</v>
      </c>
      <c r="JH22" s="88">
        <v>7</v>
      </c>
      <c r="JI22" s="89">
        <v>21</v>
      </c>
      <c r="JJ22" s="399">
        <v>0</v>
      </c>
      <c r="JK22" s="88">
        <v>22</v>
      </c>
      <c r="JL22" s="88">
        <v>17</v>
      </c>
      <c r="JM22" s="88">
        <v>13</v>
      </c>
      <c r="JN22" s="88">
        <v>1</v>
      </c>
      <c r="JO22" s="88">
        <v>2</v>
      </c>
      <c r="JP22" s="89">
        <v>55</v>
      </c>
      <c r="JQ22" s="90">
        <v>76</v>
      </c>
      <c r="JR22" s="87">
        <v>0</v>
      </c>
      <c r="JS22" s="88">
        <v>0</v>
      </c>
      <c r="JT22" s="89">
        <v>0</v>
      </c>
      <c r="JU22" s="399">
        <v>0</v>
      </c>
      <c r="JV22" s="88">
        <v>0</v>
      </c>
      <c r="JW22" s="88">
        <v>0</v>
      </c>
      <c r="JX22" s="88">
        <v>0</v>
      </c>
      <c r="JY22" s="88">
        <v>0</v>
      </c>
      <c r="JZ22" s="88">
        <v>0</v>
      </c>
      <c r="KA22" s="89">
        <v>0</v>
      </c>
      <c r="KB22" s="90">
        <v>0</v>
      </c>
      <c r="KC22" s="87">
        <v>54</v>
      </c>
      <c r="KD22" s="88">
        <v>30</v>
      </c>
      <c r="KE22" s="89">
        <v>84</v>
      </c>
      <c r="KF22" s="399">
        <v>0</v>
      </c>
      <c r="KG22" s="88">
        <v>73</v>
      </c>
      <c r="KH22" s="88">
        <v>51</v>
      </c>
      <c r="KI22" s="88">
        <v>35</v>
      </c>
      <c r="KJ22" s="88">
        <v>19</v>
      </c>
      <c r="KK22" s="88">
        <v>11</v>
      </c>
      <c r="KL22" s="89">
        <v>189</v>
      </c>
      <c r="KM22" s="90">
        <v>273</v>
      </c>
    </row>
    <row r="23" spans="2:299" s="56" customFormat="1" ht="21" customHeight="1" x14ac:dyDescent="0.2">
      <c r="B23" s="92" t="s">
        <v>20</v>
      </c>
      <c r="C23" s="82">
        <v>36</v>
      </c>
      <c r="D23" s="83">
        <v>45</v>
      </c>
      <c r="E23" s="84">
        <v>81</v>
      </c>
      <c r="F23" s="399">
        <v>0</v>
      </c>
      <c r="G23" s="83">
        <v>80</v>
      </c>
      <c r="H23" s="83">
        <v>58</v>
      </c>
      <c r="I23" s="83">
        <v>31</v>
      </c>
      <c r="J23" s="83">
        <v>27</v>
      </c>
      <c r="K23" s="83">
        <v>19</v>
      </c>
      <c r="L23" s="85">
        <v>215</v>
      </c>
      <c r="M23" s="86">
        <v>296</v>
      </c>
      <c r="N23" s="87">
        <v>0</v>
      </c>
      <c r="O23" s="88">
        <v>1</v>
      </c>
      <c r="P23" s="89">
        <v>1</v>
      </c>
      <c r="Q23" s="399">
        <v>0</v>
      </c>
      <c r="R23" s="88">
        <v>1</v>
      </c>
      <c r="S23" s="88">
        <v>0</v>
      </c>
      <c r="T23" s="88">
        <v>0</v>
      </c>
      <c r="U23" s="88">
        <v>0</v>
      </c>
      <c r="V23" s="88">
        <v>1</v>
      </c>
      <c r="W23" s="89">
        <v>2</v>
      </c>
      <c r="X23" s="90">
        <v>3</v>
      </c>
      <c r="Y23" s="87">
        <v>5</v>
      </c>
      <c r="Z23" s="88">
        <v>3</v>
      </c>
      <c r="AA23" s="89">
        <v>8</v>
      </c>
      <c r="AB23" s="399">
        <v>0</v>
      </c>
      <c r="AC23" s="88">
        <v>9</v>
      </c>
      <c r="AD23" s="88">
        <v>9</v>
      </c>
      <c r="AE23" s="88">
        <v>3</v>
      </c>
      <c r="AF23" s="88">
        <v>3</v>
      </c>
      <c r="AG23" s="88">
        <v>2</v>
      </c>
      <c r="AH23" s="89">
        <v>26</v>
      </c>
      <c r="AI23" s="90">
        <v>34</v>
      </c>
      <c r="AJ23" s="87">
        <v>6</v>
      </c>
      <c r="AK23" s="88">
        <v>7</v>
      </c>
      <c r="AL23" s="89">
        <v>13</v>
      </c>
      <c r="AM23" s="399">
        <v>0</v>
      </c>
      <c r="AN23" s="88">
        <v>13</v>
      </c>
      <c r="AO23" s="88">
        <v>4</v>
      </c>
      <c r="AP23" s="88">
        <v>5</v>
      </c>
      <c r="AQ23" s="88">
        <v>3</v>
      </c>
      <c r="AR23" s="88">
        <v>2</v>
      </c>
      <c r="AS23" s="89">
        <v>27</v>
      </c>
      <c r="AT23" s="90">
        <v>40</v>
      </c>
      <c r="AU23" s="87">
        <v>10</v>
      </c>
      <c r="AV23" s="88">
        <v>6</v>
      </c>
      <c r="AW23" s="89">
        <v>16</v>
      </c>
      <c r="AX23" s="399">
        <v>0</v>
      </c>
      <c r="AY23" s="88">
        <v>18</v>
      </c>
      <c r="AZ23" s="88">
        <v>7</v>
      </c>
      <c r="BA23" s="88">
        <v>9</v>
      </c>
      <c r="BB23" s="88">
        <v>12</v>
      </c>
      <c r="BC23" s="88">
        <v>5</v>
      </c>
      <c r="BD23" s="89">
        <v>51</v>
      </c>
      <c r="BE23" s="90">
        <v>67</v>
      </c>
      <c r="BF23" s="87">
        <v>10</v>
      </c>
      <c r="BG23" s="88">
        <v>16</v>
      </c>
      <c r="BH23" s="89">
        <v>26</v>
      </c>
      <c r="BI23" s="399">
        <v>0</v>
      </c>
      <c r="BJ23" s="88">
        <v>24</v>
      </c>
      <c r="BK23" s="88">
        <v>24</v>
      </c>
      <c r="BL23" s="88">
        <v>9</v>
      </c>
      <c r="BM23" s="88">
        <v>5</v>
      </c>
      <c r="BN23" s="88">
        <v>5</v>
      </c>
      <c r="BO23" s="89">
        <v>67</v>
      </c>
      <c r="BP23" s="90">
        <v>93</v>
      </c>
      <c r="BQ23" s="87">
        <v>5</v>
      </c>
      <c r="BR23" s="88">
        <v>12</v>
      </c>
      <c r="BS23" s="89">
        <v>17</v>
      </c>
      <c r="BT23" s="399">
        <v>0</v>
      </c>
      <c r="BU23" s="88">
        <v>15</v>
      </c>
      <c r="BV23" s="88">
        <v>14</v>
      </c>
      <c r="BW23" s="88">
        <v>5</v>
      </c>
      <c r="BX23" s="88">
        <v>4</v>
      </c>
      <c r="BY23" s="88">
        <v>4</v>
      </c>
      <c r="BZ23" s="89">
        <v>42</v>
      </c>
      <c r="CA23" s="90">
        <v>59</v>
      </c>
      <c r="CB23" s="87">
        <v>0</v>
      </c>
      <c r="CC23" s="88">
        <v>0</v>
      </c>
      <c r="CD23" s="89">
        <v>0</v>
      </c>
      <c r="CE23" s="399">
        <v>0</v>
      </c>
      <c r="CF23" s="88">
        <v>0</v>
      </c>
      <c r="CG23" s="88">
        <v>0</v>
      </c>
      <c r="CH23" s="88">
        <v>0</v>
      </c>
      <c r="CI23" s="88">
        <v>0</v>
      </c>
      <c r="CJ23" s="88">
        <v>0</v>
      </c>
      <c r="CK23" s="89">
        <v>0</v>
      </c>
      <c r="CL23" s="90">
        <v>0</v>
      </c>
      <c r="CM23" s="87">
        <v>36</v>
      </c>
      <c r="CN23" s="88">
        <v>45</v>
      </c>
      <c r="CO23" s="89">
        <v>81</v>
      </c>
      <c r="CP23" s="399">
        <v>0</v>
      </c>
      <c r="CQ23" s="88">
        <v>80</v>
      </c>
      <c r="CR23" s="88">
        <v>58</v>
      </c>
      <c r="CS23" s="88">
        <v>31</v>
      </c>
      <c r="CT23" s="88">
        <v>27</v>
      </c>
      <c r="CU23" s="88">
        <v>19</v>
      </c>
      <c r="CV23" s="89">
        <v>215</v>
      </c>
      <c r="CW23" s="90">
        <v>296</v>
      </c>
      <c r="CX23" s="91">
        <v>16</v>
      </c>
      <c r="CY23" s="83">
        <v>16</v>
      </c>
      <c r="CZ23" s="84">
        <v>32</v>
      </c>
      <c r="DA23" s="399">
        <v>0</v>
      </c>
      <c r="DB23" s="83">
        <v>21</v>
      </c>
      <c r="DC23" s="83">
        <v>26</v>
      </c>
      <c r="DD23" s="83">
        <v>10</v>
      </c>
      <c r="DE23" s="83">
        <v>10</v>
      </c>
      <c r="DF23" s="83">
        <v>7</v>
      </c>
      <c r="DG23" s="85">
        <v>74</v>
      </c>
      <c r="DH23" s="86">
        <v>106</v>
      </c>
      <c r="DI23" s="87">
        <v>1</v>
      </c>
      <c r="DJ23" s="88">
        <v>0</v>
      </c>
      <c r="DK23" s="89">
        <v>1</v>
      </c>
      <c r="DL23" s="399">
        <v>0</v>
      </c>
      <c r="DM23" s="88">
        <v>0</v>
      </c>
      <c r="DN23" s="88">
        <v>1</v>
      </c>
      <c r="DO23" s="88">
        <v>0</v>
      </c>
      <c r="DP23" s="88">
        <v>0</v>
      </c>
      <c r="DQ23" s="88">
        <v>1</v>
      </c>
      <c r="DR23" s="89">
        <v>2</v>
      </c>
      <c r="DS23" s="90">
        <v>3</v>
      </c>
      <c r="DT23" s="87">
        <v>2</v>
      </c>
      <c r="DU23" s="88">
        <v>2</v>
      </c>
      <c r="DV23" s="89">
        <v>4</v>
      </c>
      <c r="DW23" s="399">
        <v>0</v>
      </c>
      <c r="DX23" s="88">
        <v>0</v>
      </c>
      <c r="DY23" s="88">
        <v>1</v>
      </c>
      <c r="DZ23" s="88">
        <v>0</v>
      </c>
      <c r="EA23" s="88">
        <v>0</v>
      </c>
      <c r="EB23" s="88">
        <v>0</v>
      </c>
      <c r="EC23" s="89">
        <v>1</v>
      </c>
      <c r="ED23" s="90">
        <v>5</v>
      </c>
      <c r="EE23" s="87">
        <v>2</v>
      </c>
      <c r="EF23" s="88">
        <v>1</v>
      </c>
      <c r="EG23" s="89">
        <v>3</v>
      </c>
      <c r="EH23" s="399">
        <v>0</v>
      </c>
      <c r="EI23" s="88">
        <v>2</v>
      </c>
      <c r="EJ23" s="88">
        <v>1</v>
      </c>
      <c r="EK23" s="88">
        <v>3</v>
      </c>
      <c r="EL23" s="88">
        <v>3</v>
      </c>
      <c r="EM23" s="88">
        <v>0</v>
      </c>
      <c r="EN23" s="89">
        <v>9</v>
      </c>
      <c r="EO23" s="90">
        <v>12</v>
      </c>
      <c r="EP23" s="87">
        <v>3</v>
      </c>
      <c r="EQ23" s="88">
        <v>6</v>
      </c>
      <c r="ER23" s="89">
        <v>9</v>
      </c>
      <c r="ES23" s="399">
        <v>0</v>
      </c>
      <c r="ET23" s="88">
        <v>4</v>
      </c>
      <c r="EU23" s="88">
        <v>8</v>
      </c>
      <c r="EV23" s="88">
        <v>1</v>
      </c>
      <c r="EW23" s="88">
        <v>1</v>
      </c>
      <c r="EX23" s="88">
        <v>1</v>
      </c>
      <c r="EY23" s="89">
        <v>15</v>
      </c>
      <c r="EZ23" s="90">
        <v>24</v>
      </c>
      <c r="FA23" s="87">
        <v>4</v>
      </c>
      <c r="FB23" s="88">
        <v>2</v>
      </c>
      <c r="FC23" s="89">
        <v>6</v>
      </c>
      <c r="FD23" s="399">
        <v>0</v>
      </c>
      <c r="FE23" s="88">
        <v>8</v>
      </c>
      <c r="FF23" s="88">
        <v>8</v>
      </c>
      <c r="FG23" s="88">
        <v>2</v>
      </c>
      <c r="FH23" s="88">
        <v>0</v>
      </c>
      <c r="FI23" s="88">
        <v>2</v>
      </c>
      <c r="FJ23" s="89">
        <v>20</v>
      </c>
      <c r="FK23" s="90">
        <v>26</v>
      </c>
      <c r="FL23" s="87">
        <v>4</v>
      </c>
      <c r="FM23" s="88">
        <v>5</v>
      </c>
      <c r="FN23" s="89">
        <v>9</v>
      </c>
      <c r="FO23" s="399">
        <v>0</v>
      </c>
      <c r="FP23" s="88">
        <v>7</v>
      </c>
      <c r="FQ23" s="88">
        <v>7</v>
      </c>
      <c r="FR23" s="88">
        <v>4</v>
      </c>
      <c r="FS23" s="88">
        <v>6</v>
      </c>
      <c r="FT23" s="88">
        <v>3</v>
      </c>
      <c r="FU23" s="89">
        <v>27</v>
      </c>
      <c r="FV23" s="90">
        <v>36</v>
      </c>
      <c r="FW23" s="87">
        <v>0</v>
      </c>
      <c r="FX23" s="88">
        <v>0</v>
      </c>
      <c r="FY23" s="89">
        <v>0</v>
      </c>
      <c r="FZ23" s="399">
        <v>0</v>
      </c>
      <c r="GA23" s="88">
        <v>0</v>
      </c>
      <c r="GB23" s="88">
        <v>0</v>
      </c>
      <c r="GC23" s="88">
        <v>0</v>
      </c>
      <c r="GD23" s="88">
        <v>0</v>
      </c>
      <c r="GE23" s="88">
        <v>0</v>
      </c>
      <c r="GF23" s="89">
        <v>0</v>
      </c>
      <c r="GG23" s="90">
        <v>0</v>
      </c>
      <c r="GH23" s="87">
        <v>16</v>
      </c>
      <c r="GI23" s="88">
        <v>16</v>
      </c>
      <c r="GJ23" s="89">
        <v>32</v>
      </c>
      <c r="GK23" s="399">
        <v>0</v>
      </c>
      <c r="GL23" s="88">
        <v>21</v>
      </c>
      <c r="GM23" s="88">
        <v>26</v>
      </c>
      <c r="GN23" s="88">
        <v>10</v>
      </c>
      <c r="GO23" s="88">
        <v>10</v>
      </c>
      <c r="GP23" s="88">
        <v>7</v>
      </c>
      <c r="GQ23" s="89">
        <v>74</v>
      </c>
      <c r="GR23" s="90">
        <v>106</v>
      </c>
      <c r="GS23" s="91">
        <v>52</v>
      </c>
      <c r="GT23" s="83">
        <v>61</v>
      </c>
      <c r="GU23" s="84">
        <v>113</v>
      </c>
      <c r="GV23" s="399">
        <v>0</v>
      </c>
      <c r="GW23" s="83">
        <v>101</v>
      </c>
      <c r="GX23" s="83">
        <v>84</v>
      </c>
      <c r="GY23" s="83">
        <v>41</v>
      </c>
      <c r="GZ23" s="83">
        <v>37</v>
      </c>
      <c r="HA23" s="83">
        <v>26</v>
      </c>
      <c r="HB23" s="85">
        <v>289</v>
      </c>
      <c r="HC23" s="86">
        <v>402</v>
      </c>
      <c r="HD23" s="87">
        <v>1</v>
      </c>
      <c r="HE23" s="88">
        <v>1</v>
      </c>
      <c r="HF23" s="89">
        <v>2</v>
      </c>
      <c r="HG23" s="399">
        <v>0</v>
      </c>
      <c r="HH23" s="88">
        <v>1</v>
      </c>
      <c r="HI23" s="88">
        <v>1</v>
      </c>
      <c r="HJ23" s="88">
        <v>0</v>
      </c>
      <c r="HK23" s="88">
        <v>0</v>
      </c>
      <c r="HL23" s="88">
        <v>2</v>
      </c>
      <c r="HM23" s="89">
        <v>4</v>
      </c>
      <c r="HN23" s="90">
        <v>6</v>
      </c>
      <c r="HO23" s="87">
        <v>7</v>
      </c>
      <c r="HP23" s="88">
        <v>5</v>
      </c>
      <c r="HQ23" s="89">
        <v>12</v>
      </c>
      <c r="HR23" s="399">
        <v>0</v>
      </c>
      <c r="HS23" s="88">
        <v>9</v>
      </c>
      <c r="HT23" s="88">
        <v>10</v>
      </c>
      <c r="HU23" s="88">
        <v>3</v>
      </c>
      <c r="HV23" s="88">
        <v>3</v>
      </c>
      <c r="HW23" s="88">
        <v>2</v>
      </c>
      <c r="HX23" s="89">
        <v>27</v>
      </c>
      <c r="HY23" s="90">
        <v>39</v>
      </c>
      <c r="HZ23" s="87">
        <v>8</v>
      </c>
      <c r="IA23" s="88">
        <v>8</v>
      </c>
      <c r="IB23" s="89">
        <v>16</v>
      </c>
      <c r="IC23" s="399">
        <v>0</v>
      </c>
      <c r="ID23" s="88">
        <v>15</v>
      </c>
      <c r="IE23" s="88">
        <v>5</v>
      </c>
      <c r="IF23" s="88">
        <v>8</v>
      </c>
      <c r="IG23" s="88">
        <v>6</v>
      </c>
      <c r="IH23" s="88">
        <v>2</v>
      </c>
      <c r="II23" s="89">
        <v>36</v>
      </c>
      <c r="IJ23" s="90">
        <v>52</v>
      </c>
      <c r="IK23" s="87">
        <v>13</v>
      </c>
      <c r="IL23" s="88">
        <v>12</v>
      </c>
      <c r="IM23" s="89">
        <v>25</v>
      </c>
      <c r="IN23" s="399">
        <v>0</v>
      </c>
      <c r="IO23" s="88">
        <v>22</v>
      </c>
      <c r="IP23" s="88">
        <v>15</v>
      </c>
      <c r="IQ23" s="88">
        <v>10</v>
      </c>
      <c r="IR23" s="88">
        <v>13</v>
      </c>
      <c r="IS23" s="88">
        <v>6</v>
      </c>
      <c r="IT23" s="89">
        <v>66</v>
      </c>
      <c r="IU23" s="90">
        <v>91</v>
      </c>
      <c r="IV23" s="87">
        <v>14</v>
      </c>
      <c r="IW23" s="88">
        <v>18</v>
      </c>
      <c r="IX23" s="89">
        <v>32</v>
      </c>
      <c r="IY23" s="399">
        <v>0</v>
      </c>
      <c r="IZ23" s="88">
        <v>32</v>
      </c>
      <c r="JA23" s="88">
        <v>32</v>
      </c>
      <c r="JB23" s="88">
        <v>11</v>
      </c>
      <c r="JC23" s="88">
        <v>5</v>
      </c>
      <c r="JD23" s="88">
        <v>7</v>
      </c>
      <c r="JE23" s="89">
        <v>87</v>
      </c>
      <c r="JF23" s="90">
        <v>119</v>
      </c>
      <c r="JG23" s="87">
        <v>9</v>
      </c>
      <c r="JH23" s="88">
        <v>17</v>
      </c>
      <c r="JI23" s="89">
        <v>26</v>
      </c>
      <c r="JJ23" s="399">
        <v>0</v>
      </c>
      <c r="JK23" s="88">
        <v>22</v>
      </c>
      <c r="JL23" s="88">
        <v>21</v>
      </c>
      <c r="JM23" s="88">
        <v>9</v>
      </c>
      <c r="JN23" s="88">
        <v>10</v>
      </c>
      <c r="JO23" s="88">
        <v>7</v>
      </c>
      <c r="JP23" s="89">
        <v>69</v>
      </c>
      <c r="JQ23" s="90">
        <v>95</v>
      </c>
      <c r="JR23" s="87">
        <v>0</v>
      </c>
      <c r="JS23" s="88">
        <v>0</v>
      </c>
      <c r="JT23" s="89">
        <v>0</v>
      </c>
      <c r="JU23" s="399">
        <v>0</v>
      </c>
      <c r="JV23" s="88">
        <v>0</v>
      </c>
      <c r="JW23" s="88">
        <v>0</v>
      </c>
      <c r="JX23" s="88">
        <v>0</v>
      </c>
      <c r="JY23" s="88">
        <v>0</v>
      </c>
      <c r="JZ23" s="88">
        <v>0</v>
      </c>
      <c r="KA23" s="89">
        <v>0</v>
      </c>
      <c r="KB23" s="90">
        <v>0</v>
      </c>
      <c r="KC23" s="87">
        <v>52</v>
      </c>
      <c r="KD23" s="88">
        <v>61</v>
      </c>
      <c r="KE23" s="89">
        <v>113</v>
      </c>
      <c r="KF23" s="399">
        <v>0</v>
      </c>
      <c r="KG23" s="88">
        <v>101</v>
      </c>
      <c r="KH23" s="88">
        <v>84</v>
      </c>
      <c r="KI23" s="88">
        <v>41</v>
      </c>
      <c r="KJ23" s="88">
        <v>37</v>
      </c>
      <c r="KK23" s="88">
        <v>26</v>
      </c>
      <c r="KL23" s="89">
        <v>289</v>
      </c>
      <c r="KM23" s="90">
        <v>402</v>
      </c>
    </row>
    <row r="24" spans="2:299" s="56" customFormat="1" ht="21" customHeight="1" x14ac:dyDescent="0.2">
      <c r="B24" s="92" t="s">
        <v>21</v>
      </c>
      <c r="C24" s="82">
        <v>38</v>
      </c>
      <c r="D24" s="83">
        <v>27</v>
      </c>
      <c r="E24" s="84">
        <v>65</v>
      </c>
      <c r="F24" s="399">
        <v>0</v>
      </c>
      <c r="G24" s="83">
        <v>49</v>
      </c>
      <c r="H24" s="83">
        <v>35</v>
      </c>
      <c r="I24" s="83">
        <v>21</v>
      </c>
      <c r="J24" s="83">
        <v>17</v>
      </c>
      <c r="K24" s="83">
        <v>15</v>
      </c>
      <c r="L24" s="85">
        <v>137</v>
      </c>
      <c r="M24" s="86">
        <v>202</v>
      </c>
      <c r="N24" s="87">
        <v>1</v>
      </c>
      <c r="O24" s="88">
        <v>1</v>
      </c>
      <c r="P24" s="89">
        <v>2</v>
      </c>
      <c r="Q24" s="399">
        <v>0</v>
      </c>
      <c r="R24" s="88">
        <v>2</v>
      </c>
      <c r="S24" s="88">
        <v>1</v>
      </c>
      <c r="T24" s="88">
        <v>2</v>
      </c>
      <c r="U24" s="88">
        <v>0</v>
      </c>
      <c r="V24" s="88">
        <v>2</v>
      </c>
      <c r="W24" s="89">
        <v>7</v>
      </c>
      <c r="X24" s="90">
        <v>9</v>
      </c>
      <c r="Y24" s="87">
        <v>0</v>
      </c>
      <c r="Z24" s="88">
        <v>6</v>
      </c>
      <c r="AA24" s="89">
        <v>6</v>
      </c>
      <c r="AB24" s="399">
        <v>0</v>
      </c>
      <c r="AC24" s="88">
        <v>5</v>
      </c>
      <c r="AD24" s="88">
        <v>6</v>
      </c>
      <c r="AE24" s="88">
        <v>0</v>
      </c>
      <c r="AF24" s="88">
        <v>1</v>
      </c>
      <c r="AG24" s="88">
        <v>0</v>
      </c>
      <c r="AH24" s="89">
        <v>12</v>
      </c>
      <c r="AI24" s="90">
        <v>18</v>
      </c>
      <c r="AJ24" s="87">
        <v>9</v>
      </c>
      <c r="AK24" s="88">
        <v>3</v>
      </c>
      <c r="AL24" s="89">
        <v>12</v>
      </c>
      <c r="AM24" s="399">
        <v>0</v>
      </c>
      <c r="AN24" s="88">
        <v>10</v>
      </c>
      <c r="AO24" s="88">
        <v>4</v>
      </c>
      <c r="AP24" s="88">
        <v>5</v>
      </c>
      <c r="AQ24" s="88">
        <v>3</v>
      </c>
      <c r="AR24" s="88">
        <v>2</v>
      </c>
      <c r="AS24" s="89">
        <v>24</v>
      </c>
      <c r="AT24" s="90">
        <v>36</v>
      </c>
      <c r="AU24" s="87">
        <v>8</v>
      </c>
      <c r="AV24" s="88">
        <v>6</v>
      </c>
      <c r="AW24" s="89">
        <v>14</v>
      </c>
      <c r="AX24" s="399">
        <v>0</v>
      </c>
      <c r="AY24" s="88">
        <v>9</v>
      </c>
      <c r="AZ24" s="88">
        <v>8</v>
      </c>
      <c r="BA24" s="88">
        <v>2</v>
      </c>
      <c r="BB24" s="88">
        <v>4</v>
      </c>
      <c r="BC24" s="88">
        <v>6</v>
      </c>
      <c r="BD24" s="89">
        <v>29</v>
      </c>
      <c r="BE24" s="90">
        <v>43</v>
      </c>
      <c r="BF24" s="87">
        <v>15</v>
      </c>
      <c r="BG24" s="88">
        <v>6</v>
      </c>
      <c r="BH24" s="89">
        <v>21</v>
      </c>
      <c r="BI24" s="399">
        <v>0</v>
      </c>
      <c r="BJ24" s="88">
        <v>16</v>
      </c>
      <c r="BK24" s="88">
        <v>11</v>
      </c>
      <c r="BL24" s="88">
        <v>3</v>
      </c>
      <c r="BM24" s="88">
        <v>7</v>
      </c>
      <c r="BN24" s="88">
        <v>4</v>
      </c>
      <c r="BO24" s="89">
        <v>41</v>
      </c>
      <c r="BP24" s="90">
        <v>62</v>
      </c>
      <c r="BQ24" s="87">
        <v>5</v>
      </c>
      <c r="BR24" s="88">
        <v>5</v>
      </c>
      <c r="BS24" s="89">
        <v>10</v>
      </c>
      <c r="BT24" s="399">
        <v>0</v>
      </c>
      <c r="BU24" s="88">
        <v>7</v>
      </c>
      <c r="BV24" s="88">
        <v>5</v>
      </c>
      <c r="BW24" s="88">
        <v>9</v>
      </c>
      <c r="BX24" s="88">
        <v>2</v>
      </c>
      <c r="BY24" s="88">
        <v>1</v>
      </c>
      <c r="BZ24" s="89">
        <v>24</v>
      </c>
      <c r="CA24" s="90">
        <v>34</v>
      </c>
      <c r="CB24" s="87">
        <v>0</v>
      </c>
      <c r="CC24" s="88">
        <v>0</v>
      </c>
      <c r="CD24" s="89">
        <v>0</v>
      </c>
      <c r="CE24" s="399">
        <v>0</v>
      </c>
      <c r="CF24" s="88">
        <v>0</v>
      </c>
      <c r="CG24" s="88">
        <v>0</v>
      </c>
      <c r="CH24" s="88">
        <v>0</v>
      </c>
      <c r="CI24" s="88">
        <v>0</v>
      </c>
      <c r="CJ24" s="88">
        <v>0</v>
      </c>
      <c r="CK24" s="89">
        <v>0</v>
      </c>
      <c r="CL24" s="90">
        <v>0</v>
      </c>
      <c r="CM24" s="87">
        <v>38</v>
      </c>
      <c r="CN24" s="88">
        <v>27</v>
      </c>
      <c r="CO24" s="89">
        <v>65</v>
      </c>
      <c r="CP24" s="399">
        <v>0</v>
      </c>
      <c r="CQ24" s="88">
        <v>49</v>
      </c>
      <c r="CR24" s="88">
        <v>35</v>
      </c>
      <c r="CS24" s="88">
        <v>21</v>
      </c>
      <c r="CT24" s="88">
        <v>17</v>
      </c>
      <c r="CU24" s="88">
        <v>15</v>
      </c>
      <c r="CV24" s="89">
        <v>137</v>
      </c>
      <c r="CW24" s="90">
        <v>202</v>
      </c>
      <c r="CX24" s="91">
        <v>8</v>
      </c>
      <c r="CY24" s="83">
        <v>10</v>
      </c>
      <c r="CZ24" s="84">
        <v>18</v>
      </c>
      <c r="DA24" s="399">
        <v>0</v>
      </c>
      <c r="DB24" s="83">
        <v>17</v>
      </c>
      <c r="DC24" s="83">
        <v>17</v>
      </c>
      <c r="DD24" s="83">
        <v>10</v>
      </c>
      <c r="DE24" s="83">
        <v>5</v>
      </c>
      <c r="DF24" s="83">
        <v>3</v>
      </c>
      <c r="DG24" s="85">
        <v>52</v>
      </c>
      <c r="DH24" s="86">
        <v>70</v>
      </c>
      <c r="DI24" s="87">
        <v>0</v>
      </c>
      <c r="DJ24" s="88">
        <v>0</v>
      </c>
      <c r="DK24" s="89">
        <v>0</v>
      </c>
      <c r="DL24" s="399">
        <v>0</v>
      </c>
      <c r="DM24" s="88">
        <v>0</v>
      </c>
      <c r="DN24" s="88">
        <v>0</v>
      </c>
      <c r="DO24" s="88">
        <v>0</v>
      </c>
      <c r="DP24" s="88">
        <v>0</v>
      </c>
      <c r="DQ24" s="88">
        <v>0</v>
      </c>
      <c r="DR24" s="89">
        <v>0</v>
      </c>
      <c r="DS24" s="90">
        <v>0</v>
      </c>
      <c r="DT24" s="87">
        <v>0</v>
      </c>
      <c r="DU24" s="88">
        <v>1</v>
      </c>
      <c r="DV24" s="89">
        <v>1</v>
      </c>
      <c r="DW24" s="399">
        <v>0</v>
      </c>
      <c r="DX24" s="88">
        <v>1</v>
      </c>
      <c r="DY24" s="88">
        <v>1</v>
      </c>
      <c r="DZ24" s="88">
        <v>1</v>
      </c>
      <c r="EA24" s="88">
        <v>0</v>
      </c>
      <c r="EB24" s="88">
        <v>1</v>
      </c>
      <c r="EC24" s="89">
        <v>4</v>
      </c>
      <c r="ED24" s="90">
        <v>5</v>
      </c>
      <c r="EE24" s="87">
        <v>0</v>
      </c>
      <c r="EF24" s="88">
        <v>1</v>
      </c>
      <c r="EG24" s="89">
        <v>1</v>
      </c>
      <c r="EH24" s="399">
        <v>0</v>
      </c>
      <c r="EI24" s="88">
        <v>3</v>
      </c>
      <c r="EJ24" s="88">
        <v>1</v>
      </c>
      <c r="EK24" s="88">
        <v>0</v>
      </c>
      <c r="EL24" s="88">
        <v>0</v>
      </c>
      <c r="EM24" s="88">
        <v>1</v>
      </c>
      <c r="EN24" s="89">
        <v>5</v>
      </c>
      <c r="EO24" s="90">
        <v>6</v>
      </c>
      <c r="EP24" s="87">
        <v>6</v>
      </c>
      <c r="EQ24" s="88">
        <v>2</v>
      </c>
      <c r="ER24" s="89">
        <v>8</v>
      </c>
      <c r="ES24" s="399">
        <v>0</v>
      </c>
      <c r="ET24" s="88">
        <v>2</v>
      </c>
      <c r="EU24" s="88">
        <v>4</v>
      </c>
      <c r="EV24" s="88">
        <v>0</v>
      </c>
      <c r="EW24" s="88">
        <v>0</v>
      </c>
      <c r="EX24" s="88">
        <v>1</v>
      </c>
      <c r="EY24" s="89">
        <v>7</v>
      </c>
      <c r="EZ24" s="90">
        <v>15</v>
      </c>
      <c r="FA24" s="87">
        <v>0</v>
      </c>
      <c r="FB24" s="88">
        <v>4</v>
      </c>
      <c r="FC24" s="89">
        <v>4</v>
      </c>
      <c r="FD24" s="399">
        <v>0</v>
      </c>
      <c r="FE24" s="88">
        <v>3</v>
      </c>
      <c r="FF24" s="88">
        <v>5</v>
      </c>
      <c r="FG24" s="88">
        <v>3</v>
      </c>
      <c r="FH24" s="88">
        <v>1</v>
      </c>
      <c r="FI24" s="88">
        <v>0</v>
      </c>
      <c r="FJ24" s="89">
        <v>12</v>
      </c>
      <c r="FK24" s="90">
        <v>16</v>
      </c>
      <c r="FL24" s="87">
        <v>2</v>
      </c>
      <c r="FM24" s="88">
        <v>2</v>
      </c>
      <c r="FN24" s="89">
        <v>4</v>
      </c>
      <c r="FO24" s="399">
        <v>0</v>
      </c>
      <c r="FP24" s="88">
        <v>8</v>
      </c>
      <c r="FQ24" s="88">
        <v>6</v>
      </c>
      <c r="FR24" s="88">
        <v>6</v>
      </c>
      <c r="FS24" s="88">
        <v>4</v>
      </c>
      <c r="FT24" s="88">
        <v>0</v>
      </c>
      <c r="FU24" s="89">
        <v>24</v>
      </c>
      <c r="FV24" s="90">
        <v>28</v>
      </c>
      <c r="FW24" s="87">
        <v>0</v>
      </c>
      <c r="FX24" s="88">
        <v>0</v>
      </c>
      <c r="FY24" s="89">
        <v>0</v>
      </c>
      <c r="FZ24" s="399">
        <v>0</v>
      </c>
      <c r="GA24" s="88">
        <v>0</v>
      </c>
      <c r="GB24" s="88">
        <v>0</v>
      </c>
      <c r="GC24" s="88">
        <v>0</v>
      </c>
      <c r="GD24" s="88">
        <v>0</v>
      </c>
      <c r="GE24" s="88">
        <v>0</v>
      </c>
      <c r="GF24" s="89">
        <v>0</v>
      </c>
      <c r="GG24" s="90">
        <v>0</v>
      </c>
      <c r="GH24" s="87">
        <v>8</v>
      </c>
      <c r="GI24" s="88">
        <v>10</v>
      </c>
      <c r="GJ24" s="89">
        <v>18</v>
      </c>
      <c r="GK24" s="399">
        <v>0</v>
      </c>
      <c r="GL24" s="88">
        <v>17</v>
      </c>
      <c r="GM24" s="88">
        <v>17</v>
      </c>
      <c r="GN24" s="88">
        <v>10</v>
      </c>
      <c r="GO24" s="88">
        <v>5</v>
      </c>
      <c r="GP24" s="88">
        <v>3</v>
      </c>
      <c r="GQ24" s="89">
        <v>52</v>
      </c>
      <c r="GR24" s="90">
        <v>70</v>
      </c>
      <c r="GS24" s="91">
        <v>46</v>
      </c>
      <c r="GT24" s="83">
        <v>37</v>
      </c>
      <c r="GU24" s="84">
        <v>83</v>
      </c>
      <c r="GV24" s="399">
        <v>0</v>
      </c>
      <c r="GW24" s="83">
        <v>66</v>
      </c>
      <c r="GX24" s="83">
        <v>52</v>
      </c>
      <c r="GY24" s="83">
        <v>31</v>
      </c>
      <c r="GZ24" s="83">
        <v>22</v>
      </c>
      <c r="HA24" s="83">
        <v>18</v>
      </c>
      <c r="HB24" s="85">
        <v>189</v>
      </c>
      <c r="HC24" s="86">
        <v>272</v>
      </c>
      <c r="HD24" s="87">
        <v>1</v>
      </c>
      <c r="HE24" s="88">
        <v>1</v>
      </c>
      <c r="HF24" s="89">
        <v>2</v>
      </c>
      <c r="HG24" s="399">
        <v>0</v>
      </c>
      <c r="HH24" s="88">
        <v>2</v>
      </c>
      <c r="HI24" s="88">
        <v>1</v>
      </c>
      <c r="HJ24" s="88">
        <v>2</v>
      </c>
      <c r="HK24" s="88">
        <v>0</v>
      </c>
      <c r="HL24" s="88">
        <v>2</v>
      </c>
      <c r="HM24" s="89">
        <v>7</v>
      </c>
      <c r="HN24" s="90">
        <v>9</v>
      </c>
      <c r="HO24" s="87">
        <v>0</v>
      </c>
      <c r="HP24" s="88">
        <v>7</v>
      </c>
      <c r="HQ24" s="89">
        <v>7</v>
      </c>
      <c r="HR24" s="399">
        <v>0</v>
      </c>
      <c r="HS24" s="88">
        <v>6</v>
      </c>
      <c r="HT24" s="88">
        <v>7</v>
      </c>
      <c r="HU24" s="88">
        <v>1</v>
      </c>
      <c r="HV24" s="88">
        <v>1</v>
      </c>
      <c r="HW24" s="88">
        <v>1</v>
      </c>
      <c r="HX24" s="89">
        <v>16</v>
      </c>
      <c r="HY24" s="90">
        <v>23</v>
      </c>
      <c r="HZ24" s="87">
        <v>9</v>
      </c>
      <c r="IA24" s="88">
        <v>4</v>
      </c>
      <c r="IB24" s="89">
        <v>13</v>
      </c>
      <c r="IC24" s="399">
        <v>0</v>
      </c>
      <c r="ID24" s="88">
        <v>13</v>
      </c>
      <c r="IE24" s="88">
        <v>5</v>
      </c>
      <c r="IF24" s="88">
        <v>5</v>
      </c>
      <c r="IG24" s="88">
        <v>3</v>
      </c>
      <c r="IH24" s="88">
        <v>3</v>
      </c>
      <c r="II24" s="89">
        <v>29</v>
      </c>
      <c r="IJ24" s="90">
        <v>42</v>
      </c>
      <c r="IK24" s="87">
        <v>14</v>
      </c>
      <c r="IL24" s="88">
        <v>8</v>
      </c>
      <c r="IM24" s="89">
        <v>22</v>
      </c>
      <c r="IN24" s="399">
        <v>0</v>
      </c>
      <c r="IO24" s="88">
        <v>11</v>
      </c>
      <c r="IP24" s="88">
        <v>12</v>
      </c>
      <c r="IQ24" s="88">
        <v>2</v>
      </c>
      <c r="IR24" s="88">
        <v>4</v>
      </c>
      <c r="IS24" s="88">
        <v>7</v>
      </c>
      <c r="IT24" s="89">
        <v>36</v>
      </c>
      <c r="IU24" s="90">
        <v>58</v>
      </c>
      <c r="IV24" s="87">
        <v>15</v>
      </c>
      <c r="IW24" s="88">
        <v>10</v>
      </c>
      <c r="IX24" s="89">
        <v>25</v>
      </c>
      <c r="IY24" s="399">
        <v>0</v>
      </c>
      <c r="IZ24" s="88">
        <v>19</v>
      </c>
      <c r="JA24" s="88">
        <v>16</v>
      </c>
      <c r="JB24" s="88">
        <v>6</v>
      </c>
      <c r="JC24" s="88">
        <v>8</v>
      </c>
      <c r="JD24" s="88">
        <v>4</v>
      </c>
      <c r="JE24" s="89">
        <v>53</v>
      </c>
      <c r="JF24" s="90">
        <v>78</v>
      </c>
      <c r="JG24" s="87">
        <v>7</v>
      </c>
      <c r="JH24" s="88">
        <v>7</v>
      </c>
      <c r="JI24" s="89">
        <v>14</v>
      </c>
      <c r="JJ24" s="399">
        <v>0</v>
      </c>
      <c r="JK24" s="88">
        <v>15</v>
      </c>
      <c r="JL24" s="88">
        <v>11</v>
      </c>
      <c r="JM24" s="88">
        <v>15</v>
      </c>
      <c r="JN24" s="88">
        <v>6</v>
      </c>
      <c r="JO24" s="88">
        <v>1</v>
      </c>
      <c r="JP24" s="89">
        <v>48</v>
      </c>
      <c r="JQ24" s="90">
        <v>62</v>
      </c>
      <c r="JR24" s="87">
        <v>0</v>
      </c>
      <c r="JS24" s="88">
        <v>0</v>
      </c>
      <c r="JT24" s="89">
        <v>0</v>
      </c>
      <c r="JU24" s="399">
        <v>0</v>
      </c>
      <c r="JV24" s="88">
        <v>0</v>
      </c>
      <c r="JW24" s="88">
        <v>0</v>
      </c>
      <c r="JX24" s="88">
        <v>0</v>
      </c>
      <c r="JY24" s="88">
        <v>0</v>
      </c>
      <c r="JZ24" s="88">
        <v>0</v>
      </c>
      <c r="KA24" s="89">
        <v>0</v>
      </c>
      <c r="KB24" s="90">
        <v>0</v>
      </c>
      <c r="KC24" s="87">
        <v>46</v>
      </c>
      <c r="KD24" s="88">
        <v>37</v>
      </c>
      <c r="KE24" s="89">
        <v>83</v>
      </c>
      <c r="KF24" s="399">
        <v>0</v>
      </c>
      <c r="KG24" s="88">
        <v>66</v>
      </c>
      <c r="KH24" s="88">
        <v>52</v>
      </c>
      <c r="KI24" s="88">
        <v>31</v>
      </c>
      <c r="KJ24" s="88">
        <v>22</v>
      </c>
      <c r="KK24" s="88">
        <v>18</v>
      </c>
      <c r="KL24" s="89">
        <v>189</v>
      </c>
      <c r="KM24" s="90">
        <v>272</v>
      </c>
    </row>
    <row r="25" spans="2:299" s="56" customFormat="1" ht="21" customHeight="1" x14ac:dyDescent="0.2">
      <c r="B25" s="92" t="s">
        <v>22</v>
      </c>
      <c r="C25" s="82">
        <v>18</v>
      </c>
      <c r="D25" s="83">
        <v>10</v>
      </c>
      <c r="E25" s="84">
        <v>28</v>
      </c>
      <c r="F25" s="399">
        <v>0</v>
      </c>
      <c r="G25" s="83">
        <v>31</v>
      </c>
      <c r="H25" s="83">
        <v>19</v>
      </c>
      <c r="I25" s="83">
        <v>15</v>
      </c>
      <c r="J25" s="83">
        <v>7</v>
      </c>
      <c r="K25" s="83">
        <v>6</v>
      </c>
      <c r="L25" s="85">
        <v>78</v>
      </c>
      <c r="M25" s="86">
        <v>106</v>
      </c>
      <c r="N25" s="87">
        <v>0</v>
      </c>
      <c r="O25" s="88">
        <v>0</v>
      </c>
      <c r="P25" s="89">
        <v>0</v>
      </c>
      <c r="Q25" s="399">
        <v>0</v>
      </c>
      <c r="R25" s="88">
        <v>0</v>
      </c>
      <c r="S25" s="88">
        <v>0</v>
      </c>
      <c r="T25" s="88">
        <v>0</v>
      </c>
      <c r="U25" s="88">
        <v>0</v>
      </c>
      <c r="V25" s="88">
        <v>0</v>
      </c>
      <c r="W25" s="89">
        <v>0</v>
      </c>
      <c r="X25" s="90">
        <v>0</v>
      </c>
      <c r="Y25" s="87">
        <v>0</v>
      </c>
      <c r="Z25" s="88">
        <v>1</v>
      </c>
      <c r="AA25" s="89">
        <v>1</v>
      </c>
      <c r="AB25" s="399">
        <v>0</v>
      </c>
      <c r="AC25" s="88">
        <v>3</v>
      </c>
      <c r="AD25" s="88">
        <v>1</v>
      </c>
      <c r="AE25" s="88">
        <v>3</v>
      </c>
      <c r="AF25" s="88">
        <v>1</v>
      </c>
      <c r="AG25" s="88">
        <v>1</v>
      </c>
      <c r="AH25" s="89">
        <v>9</v>
      </c>
      <c r="AI25" s="90">
        <v>10</v>
      </c>
      <c r="AJ25" s="87">
        <v>2</v>
      </c>
      <c r="AK25" s="88">
        <v>2</v>
      </c>
      <c r="AL25" s="89">
        <v>4</v>
      </c>
      <c r="AM25" s="399">
        <v>0</v>
      </c>
      <c r="AN25" s="88">
        <v>4</v>
      </c>
      <c r="AO25" s="88">
        <v>3</v>
      </c>
      <c r="AP25" s="88">
        <v>1</v>
      </c>
      <c r="AQ25" s="88">
        <v>0</v>
      </c>
      <c r="AR25" s="88">
        <v>0</v>
      </c>
      <c r="AS25" s="89">
        <v>8</v>
      </c>
      <c r="AT25" s="90">
        <v>12</v>
      </c>
      <c r="AU25" s="87">
        <v>7</v>
      </c>
      <c r="AV25" s="88">
        <v>4</v>
      </c>
      <c r="AW25" s="89">
        <v>11</v>
      </c>
      <c r="AX25" s="399">
        <v>0</v>
      </c>
      <c r="AY25" s="88">
        <v>9</v>
      </c>
      <c r="AZ25" s="88">
        <v>4</v>
      </c>
      <c r="BA25" s="88">
        <v>1</v>
      </c>
      <c r="BB25" s="88">
        <v>2</v>
      </c>
      <c r="BC25" s="88">
        <v>1</v>
      </c>
      <c r="BD25" s="89">
        <v>17</v>
      </c>
      <c r="BE25" s="90">
        <v>28</v>
      </c>
      <c r="BF25" s="87">
        <v>5</v>
      </c>
      <c r="BG25" s="88">
        <v>1</v>
      </c>
      <c r="BH25" s="89">
        <v>6</v>
      </c>
      <c r="BI25" s="399">
        <v>0</v>
      </c>
      <c r="BJ25" s="88">
        <v>4</v>
      </c>
      <c r="BK25" s="88">
        <v>5</v>
      </c>
      <c r="BL25" s="88">
        <v>5</v>
      </c>
      <c r="BM25" s="88">
        <v>2</v>
      </c>
      <c r="BN25" s="88">
        <v>2</v>
      </c>
      <c r="BO25" s="89">
        <v>18</v>
      </c>
      <c r="BP25" s="90">
        <v>24</v>
      </c>
      <c r="BQ25" s="87">
        <v>4</v>
      </c>
      <c r="BR25" s="88">
        <v>2</v>
      </c>
      <c r="BS25" s="89">
        <v>6</v>
      </c>
      <c r="BT25" s="399">
        <v>0</v>
      </c>
      <c r="BU25" s="88">
        <v>11</v>
      </c>
      <c r="BV25" s="88">
        <v>6</v>
      </c>
      <c r="BW25" s="88">
        <v>5</v>
      </c>
      <c r="BX25" s="88">
        <v>2</v>
      </c>
      <c r="BY25" s="88">
        <v>2</v>
      </c>
      <c r="BZ25" s="89">
        <v>26</v>
      </c>
      <c r="CA25" s="90">
        <v>32</v>
      </c>
      <c r="CB25" s="87">
        <v>0</v>
      </c>
      <c r="CC25" s="88">
        <v>0</v>
      </c>
      <c r="CD25" s="89">
        <v>0</v>
      </c>
      <c r="CE25" s="399">
        <v>0</v>
      </c>
      <c r="CF25" s="88">
        <v>0</v>
      </c>
      <c r="CG25" s="88">
        <v>0</v>
      </c>
      <c r="CH25" s="88">
        <v>0</v>
      </c>
      <c r="CI25" s="88">
        <v>0</v>
      </c>
      <c r="CJ25" s="88">
        <v>0</v>
      </c>
      <c r="CK25" s="89">
        <v>0</v>
      </c>
      <c r="CL25" s="90">
        <v>0</v>
      </c>
      <c r="CM25" s="87">
        <v>18</v>
      </c>
      <c r="CN25" s="88">
        <v>10</v>
      </c>
      <c r="CO25" s="89">
        <v>28</v>
      </c>
      <c r="CP25" s="399">
        <v>0</v>
      </c>
      <c r="CQ25" s="88">
        <v>31</v>
      </c>
      <c r="CR25" s="88">
        <v>19</v>
      </c>
      <c r="CS25" s="88">
        <v>15</v>
      </c>
      <c r="CT25" s="88">
        <v>7</v>
      </c>
      <c r="CU25" s="88">
        <v>6</v>
      </c>
      <c r="CV25" s="89">
        <v>78</v>
      </c>
      <c r="CW25" s="90">
        <v>106</v>
      </c>
      <c r="CX25" s="91">
        <v>3</v>
      </c>
      <c r="CY25" s="83">
        <v>7</v>
      </c>
      <c r="CZ25" s="84">
        <v>10</v>
      </c>
      <c r="DA25" s="399">
        <v>0</v>
      </c>
      <c r="DB25" s="83">
        <v>6</v>
      </c>
      <c r="DC25" s="83">
        <v>3</v>
      </c>
      <c r="DD25" s="83">
        <v>0</v>
      </c>
      <c r="DE25" s="83">
        <v>3</v>
      </c>
      <c r="DF25" s="83">
        <v>4</v>
      </c>
      <c r="DG25" s="85">
        <v>16</v>
      </c>
      <c r="DH25" s="86">
        <v>26</v>
      </c>
      <c r="DI25" s="87">
        <v>0</v>
      </c>
      <c r="DJ25" s="88">
        <v>1</v>
      </c>
      <c r="DK25" s="89">
        <v>1</v>
      </c>
      <c r="DL25" s="399">
        <v>0</v>
      </c>
      <c r="DM25" s="88">
        <v>0</v>
      </c>
      <c r="DN25" s="88">
        <v>0</v>
      </c>
      <c r="DO25" s="88">
        <v>0</v>
      </c>
      <c r="DP25" s="88">
        <v>0</v>
      </c>
      <c r="DQ25" s="88">
        <v>0</v>
      </c>
      <c r="DR25" s="89">
        <v>0</v>
      </c>
      <c r="DS25" s="90">
        <v>1</v>
      </c>
      <c r="DT25" s="87">
        <v>0</v>
      </c>
      <c r="DU25" s="88">
        <v>0</v>
      </c>
      <c r="DV25" s="89">
        <v>0</v>
      </c>
      <c r="DW25" s="399">
        <v>0</v>
      </c>
      <c r="DX25" s="88">
        <v>0</v>
      </c>
      <c r="DY25" s="88">
        <v>0</v>
      </c>
      <c r="DZ25" s="88">
        <v>0</v>
      </c>
      <c r="EA25" s="88">
        <v>0</v>
      </c>
      <c r="EB25" s="88">
        <v>0</v>
      </c>
      <c r="EC25" s="89">
        <v>0</v>
      </c>
      <c r="ED25" s="90">
        <v>0</v>
      </c>
      <c r="EE25" s="87">
        <v>0</v>
      </c>
      <c r="EF25" s="88">
        <v>1</v>
      </c>
      <c r="EG25" s="89">
        <v>1</v>
      </c>
      <c r="EH25" s="399">
        <v>0</v>
      </c>
      <c r="EI25" s="88">
        <v>1</v>
      </c>
      <c r="EJ25" s="88">
        <v>1</v>
      </c>
      <c r="EK25" s="88">
        <v>0</v>
      </c>
      <c r="EL25" s="88">
        <v>0</v>
      </c>
      <c r="EM25" s="88">
        <v>2</v>
      </c>
      <c r="EN25" s="89">
        <v>4</v>
      </c>
      <c r="EO25" s="90">
        <v>5</v>
      </c>
      <c r="EP25" s="87">
        <v>3</v>
      </c>
      <c r="EQ25" s="88">
        <v>3</v>
      </c>
      <c r="ER25" s="89">
        <v>6</v>
      </c>
      <c r="ES25" s="399">
        <v>0</v>
      </c>
      <c r="ET25" s="88">
        <v>1</v>
      </c>
      <c r="EU25" s="88">
        <v>0</v>
      </c>
      <c r="EV25" s="88">
        <v>0</v>
      </c>
      <c r="EW25" s="88">
        <v>0</v>
      </c>
      <c r="EX25" s="88">
        <v>1</v>
      </c>
      <c r="EY25" s="89">
        <v>2</v>
      </c>
      <c r="EZ25" s="90">
        <v>8</v>
      </c>
      <c r="FA25" s="87">
        <v>0</v>
      </c>
      <c r="FB25" s="88">
        <v>1</v>
      </c>
      <c r="FC25" s="89">
        <v>1</v>
      </c>
      <c r="FD25" s="399">
        <v>0</v>
      </c>
      <c r="FE25" s="88">
        <v>2</v>
      </c>
      <c r="FF25" s="88">
        <v>1</v>
      </c>
      <c r="FG25" s="88">
        <v>0</v>
      </c>
      <c r="FH25" s="88">
        <v>0</v>
      </c>
      <c r="FI25" s="88">
        <v>0</v>
      </c>
      <c r="FJ25" s="89">
        <v>3</v>
      </c>
      <c r="FK25" s="90">
        <v>4</v>
      </c>
      <c r="FL25" s="87">
        <v>0</v>
      </c>
      <c r="FM25" s="88">
        <v>1</v>
      </c>
      <c r="FN25" s="89">
        <v>1</v>
      </c>
      <c r="FO25" s="399">
        <v>0</v>
      </c>
      <c r="FP25" s="88">
        <v>2</v>
      </c>
      <c r="FQ25" s="88">
        <v>1</v>
      </c>
      <c r="FR25" s="88">
        <v>0</v>
      </c>
      <c r="FS25" s="88">
        <v>3</v>
      </c>
      <c r="FT25" s="88">
        <v>1</v>
      </c>
      <c r="FU25" s="89">
        <v>7</v>
      </c>
      <c r="FV25" s="90">
        <v>8</v>
      </c>
      <c r="FW25" s="87">
        <v>0</v>
      </c>
      <c r="FX25" s="88">
        <v>0</v>
      </c>
      <c r="FY25" s="89">
        <v>0</v>
      </c>
      <c r="FZ25" s="399">
        <v>0</v>
      </c>
      <c r="GA25" s="88">
        <v>0</v>
      </c>
      <c r="GB25" s="88">
        <v>0</v>
      </c>
      <c r="GC25" s="88">
        <v>0</v>
      </c>
      <c r="GD25" s="88">
        <v>0</v>
      </c>
      <c r="GE25" s="88">
        <v>0</v>
      </c>
      <c r="GF25" s="89">
        <v>0</v>
      </c>
      <c r="GG25" s="90">
        <v>0</v>
      </c>
      <c r="GH25" s="87">
        <v>3</v>
      </c>
      <c r="GI25" s="88">
        <v>7</v>
      </c>
      <c r="GJ25" s="89">
        <v>10</v>
      </c>
      <c r="GK25" s="399">
        <v>0</v>
      </c>
      <c r="GL25" s="88">
        <v>6</v>
      </c>
      <c r="GM25" s="88">
        <v>3</v>
      </c>
      <c r="GN25" s="88">
        <v>0</v>
      </c>
      <c r="GO25" s="88">
        <v>3</v>
      </c>
      <c r="GP25" s="88">
        <v>4</v>
      </c>
      <c r="GQ25" s="89">
        <v>16</v>
      </c>
      <c r="GR25" s="90">
        <v>26</v>
      </c>
      <c r="GS25" s="91">
        <v>21</v>
      </c>
      <c r="GT25" s="83">
        <v>17</v>
      </c>
      <c r="GU25" s="84">
        <v>38</v>
      </c>
      <c r="GV25" s="399">
        <v>0</v>
      </c>
      <c r="GW25" s="83">
        <v>37</v>
      </c>
      <c r="GX25" s="83">
        <v>22</v>
      </c>
      <c r="GY25" s="83">
        <v>15</v>
      </c>
      <c r="GZ25" s="83">
        <v>10</v>
      </c>
      <c r="HA25" s="83">
        <v>10</v>
      </c>
      <c r="HB25" s="85">
        <v>94</v>
      </c>
      <c r="HC25" s="86">
        <v>132</v>
      </c>
      <c r="HD25" s="87">
        <v>0</v>
      </c>
      <c r="HE25" s="88">
        <v>1</v>
      </c>
      <c r="HF25" s="89">
        <v>1</v>
      </c>
      <c r="HG25" s="399">
        <v>0</v>
      </c>
      <c r="HH25" s="88">
        <v>0</v>
      </c>
      <c r="HI25" s="88">
        <v>0</v>
      </c>
      <c r="HJ25" s="88">
        <v>0</v>
      </c>
      <c r="HK25" s="88">
        <v>0</v>
      </c>
      <c r="HL25" s="88">
        <v>0</v>
      </c>
      <c r="HM25" s="89">
        <v>0</v>
      </c>
      <c r="HN25" s="90">
        <v>1</v>
      </c>
      <c r="HO25" s="87">
        <v>0</v>
      </c>
      <c r="HP25" s="88">
        <v>1</v>
      </c>
      <c r="HQ25" s="89">
        <v>1</v>
      </c>
      <c r="HR25" s="399">
        <v>0</v>
      </c>
      <c r="HS25" s="88">
        <v>3</v>
      </c>
      <c r="HT25" s="88">
        <v>1</v>
      </c>
      <c r="HU25" s="88">
        <v>3</v>
      </c>
      <c r="HV25" s="88">
        <v>1</v>
      </c>
      <c r="HW25" s="88">
        <v>1</v>
      </c>
      <c r="HX25" s="89">
        <v>9</v>
      </c>
      <c r="HY25" s="90">
        <v>10</v>
      </c>
      <c r="HZ25" s="87">
        <v>2</v>
      </c>
      <c r="IA25" s="88">
        <v>3</v>
      </c>
      <c r="IB25" s="89">
        <v>5</v>
      </c>
      <c r="IC25" s="399">
        <v>0</v>
      </c>
      <c r="ID25" s="88">
        <v>5</v>
      </c>
      <c r="IE25" s="88">
        <v>4</v>
      </c>
      <c r="IF25" s="88">
        <v>1</v>
      </c>
      <c r="IG25" s="88">
        <v>0</v>
      </c>
      <c r="IH25" s="88">
        <v>2</v>
      </c>
      <c r="II25" s="89">
        <v>12</v>
      </c>
      <c r="IJ25" s="90">
        <v>17</v>
      </c>
      <c r="IK25" s="87">
        <v>10</v>
      </c>
      <c r="IL25" s="88">
        <v>7</v>
      </c>
      <c r="IM25" s="89">
        <v>17</v>
      </c>
      <c r="IN25" s="399">
        <v>0</v>
      </c>
      <c r="IO25" s="88">
        <v>10</v>
      </c>
      <c r="IP25" s="88">
        <v>4</v>
      </c>
      <c r="IQ25" s="88">
        <v>1</v>
      </c>
      <c r="IR25" s="88">
        <v>2</v>
      </c>
      <c r="IS25" s="88">
        <v>2</v>
      </c>
      <c r="IT25" s="89">
        <v>19</v>
      </c>
      <c r="IU25" s="90">
        <v>36</v>
      </c>
      <c r="IV25" s="87">
        <v>5</v>
      </c>
      <c r="IW25" s="88">
        <v>2</v>
      </c>
      <c r="IX25" s="89">
        <v>7</v>
      </c>
      <c r="IY25" s="399">
        <v>0</v>
      </c>
      <c r="IZ25" s="88">
        <v>6</v>
      </c>
      <c r="JA25" s="88">
        <v>6</v>
      </c>
      <c r="JB25" s="88">
        <v>5</v>
      </c>
      <c r="JC25" s="88">
        <v>2</v>
      </c>
      <c r="JD25" s="88">
        <v>2</v>
      </c>
      <c r="JE25" s="89">
        <v>21</v>
      </c>
      <c r="JF25" s="90">
        <v>28</v>
      </c>
      <c r="JG25" s="87">
        <v>4</v>
      </c>
      <c r="JH25" s="88">
        <v>3</v>
      </c>
      <c r="JI25" s="89">
        <v>7</v>
      </c>
      <c r="JJ25" s="399">
        <v>0</v>
      </c>
      <c r="JK25" s="88">
        <v>13</v>
      </c>
      <c r="JL25" s="88">
        <v>7</v>
      </c>
      <c r="JM25" s="88">
        <v>5</v>
      </c>
      <c r="JN25" s="88">
        <v>5</v>
      </c>
      <c r="JO25" s="88">
        <v>3</v>
      </c>
      <c r="JP25" s="89">
        <v>33</v>
      </c>
      <c r="JQ25" s="90">
        <v>40</v>
      </c>
      <c r="JR25" s="87">
        <v>0</v>
      </c>
      <c r="JS25" s="88">
        <v>0</v>
      </c>
      <c r="JT25" s="89">
        <v>0</v>
      </c>
      <c r="JU25" s="399">
        <v>0</v>
      </c>
      <c r="JV25" s="88">
        <v>0</v>
      </c>
      <c r="JW25" s="88">
        <v>0</v>
      </c>
      <c r="JX25" s="88">
        <v>0</v>
      </c>
      <c r="JY25" s="88">
        <v>0</v>
      </c>
      <c r="JZ25" s="88">
        <v>0</v>
      </c>
      <c r="KA25" s="89">
        <v>0</v>
      </c>
      <c r="KB25" s="90">
        <v>0</v>
      </c>
      <c r="KC25" s="87">
        <v>21</v>
      </c>
      <c r="KD25" s="88">
        <v>17</v>
      </c>
      <c r="KE25" s="89">
        <v>38</v>
      </c>
      <c r="KF25" s="399">
        <v>0</v>
      </c>
      <c r="KG25" s="88">
        <v>37</v>
      </c>
      <c r="KH25" s="88">
        <v>22</v>
      </c>
      <c r="KI25" s="88">
        <v>15</v>
      </c>
      <c r="KJ25" s="88">
        <v>10</v>
      </c>
      <c r="KK25" s="88">
        <v>10</v>
      </c>
      <c r="KL25" s="89">
        <v>94</v>
      </c>
      <c r="KM25" s="90">
        <v>132</v>
      </c>
    </row>
    <row r="26" spans="2:299" s="56" customFormat="1" ht="21" customHeight="1" x14ac:dyDescent="0.2">
      <c r="B26" s="92" t="s">
        <v>23</v>
      </c>
      <c r="C26" s="82">
        <v>28</v>
      </c>
      <c r="D26" s="83">
        <v>21</v>
      </c>
      <c r="E26" s="84">
        <v>49</v>
      </c>
      <c r="F26" s="399">
        <v>0</v>
      </c>
      <c r="G26" s="83">
        <v>25</v>
      </c>
      <c r="H26" s="83">
        <v>30</v>
      </c>
      <c r="I26" s="83">
        <v>27</v>
      </c>
      <c r="J26" s="83">
        <v>11</v>
      </c>
      <c r="K26" s="83">
        <v>12</v>
      </c>
      <c r="L26" s="85">
        <v>105</v>
      </c>
      <c r="M26" s="86">
        <v>154</v>
      </c>
      <c r="N26" s="87">
        <v>1</v>
      </c>
      <c r="O26" s="88">
        <v>2</v>
      </c>
      <c r="P26" s="89">
        <v>3</v>
      </c>
      <c r="Q26" s="399">
        <v>0</v>
      </c>
      <c r="R26" s="88">
        <v>0</v>
      </c>
      <c r="S26" s="88">
        <v>0</v>
      </c>
      <c r="T26" s="88">
        <v>0</v>
      </c>
      <c r="U26" s="88">
        <v>0</v>
      </c>
      <c r="V26" s="88">
        <v>0</v>
      </c>
      <c r="W26" s="89">
        <v>0</v>
      </c>
      <c r="X26" s="90">
        <v>3</v>
      </c>
      <c r="Y26" s="87">
        <v>1</v>
      </c>
      <c r="Z26" s="88">
        <v>0</v>
      </c>
      <c r="AA26" s="89">
        <v>1</v>
      </c>
      <c r="AB26" s="399">
        <v>0</v>
      </c>
      <c r="AC26" s="88">
        <v>1</v>
      </c>
      <c r="AD26" s="88">
        <v>4</v>
      </c>
      <c r="AE26" s="88">
        <v>4</v>
      </c>
      <c r="AF26" s="88">
        <v>0</v>
      </c>
      <c r="AG26" s="88">
        <v>1</v>
      </c>
      <c r="AH26" s="89">
        <v>10</v>
      </c>
      <c r="AI26" s="90">
        <v>11</v>
      </c>
      <c r="AJ26" s="87">
        <v>8</v>
      </c>
      <c r="AK26" s="88">
        <v>1</v>
      </c>
      <c r="AL26" s="89">
        <v>9</v>
      </c>
      <c r="AM26" s="399">
        <v>0</v>
      </c>
      <c r="AN26" s="88">
        <v>3</v>
      </c>
      <c r="AO26" s="88">
        <v>4</v>
      </c>
      <c r="AP26" s="88">
        <v>5</v>
      </c>
      <c r="AQ26" s="88">
        <v>0</v>
      </c>
      <c r="AR26" s="88">
        <v>4</v>
      </c>
      <c r="AS26" s="89">
        <v>16</v>
      </c>
      <c r="AT26" s="90">
        <v>25</v>
      </c>
      <c r="AU26" s="87">
        <v>7</v>
      </c>
      <c r="AV26" s="88">
        <v>9</v>
      </c>
      <c r="AW26" s="89">
        <v>16</v>
      </c>
      <c r="AX26" s="399">
        <v>0</v>
      </c>
      <c r="AY26" s="88">
        <v>5</v>
      </c>
      <c r="AZ26" s="88">
        <v>9</v>
      </c>
      <c r="BA26" s="88">
        <v>5</v>
      </c>
      <c r="BB26" s="88">
        <v>3</v>
      </c>
      <c r="BC26" s="88">
        <v>1</v>
      </c>
      <c r="BD26" s="89">
        <v>23</v>
      </c>
      <c r="BE26" s="90">
        <v>39</v>
      </c>
      <c r="BF26" s="87">
        <v>8</v>
      </c>
      <c r="BG26" s="88">
        <v>5</v>
      </c>
      <c r="BH26" s="89">
        <v>13</v>
      </c>
      <c r="BI26" s="399">
        <v>0</v>
      </c>
      <c r="BJ26" s="88">
        <v>10</v>
      </c>
      <c r="BK26" s="88">
        <v>8</v>
      </c>
      <c r="BL26" s="88">
        <v>6</v>
      </c>
      <c r="BM26" s="88">
        <v>4</v>
      </c>
      <c r="BN26" s="88">
        <v>3</v>
      </c>
      <c r="BO26" s="89">
        <v>31</v>
      </c>
      <c r="BP26" s="90">
        <v>44</v>
      </c>
      <c r="BQ26" s="87">
        <v>3</v>
      </c>
      <c r="BR26" s="88">
        <v>4</v>
      </c>
      <c r="BS26" s="89">
        <v>7</v>
      </c>
      <c r="BT26" s="399">
        <v>0</v>
      </c>
      <c r="BU26" s="88">
        <v>6</v>
      </c>
      <c r="BV26" s="88">
        <v>5</v>
      </c>
      <c r="BW26" s="88">
        <v>7</v>
      </c>
      <c r="BX26" s="88">
        <v>4</v>
      </c>
      <c r="BY26" s="88">
        <v>3</v>
      </c>
      <c r="BZ26" s="89">
        <v>25</v>
      </c>
      <c r="CA26" s="90">
        <v>32</v>
      </c>
      <c r="CB26" s="87">
        <v>0</v>
      </c>
      <c r="CC26" s="88">
        <v>0</v>
      </c>
      <c r="CD26" s="89">
        <v>0</v>
      </c>
      <c r="CE26" s="399">
        <v>0</v>
      </c>
      <c r="CF26" s="88">
        <v>0</v>
      </c>
      <c r="CG26" s="88">
        <v>0</v>
      </c>
      <c r="CH26" s="88">
        <v>0</v>
      </c>
      <c r="CI26" s="88">
        <v>0</v>
      </c>
      <c r="CJ26" s="88">
        <v>0</v>
      </c>
      <c r="CK26" s="89">
        <v>0</v>
      </c>
      <c r="CL26" s="90">
        <v>0</v>
      </c>
      <c r="CM26" s="87">
        <v>28</v>
      </c>
      <c r="CN26" s="88">
        <v>21</v>
      </c>
      <c r="CO26" s="89">
        <v>49</v>
      </c>
      <c r="CP26" s="399">
        <v>0</v>
      </c>
      <c r="CQ26" s="88">
        <v>25</v>
      </c>
      <c r="CR26" s="88">
        <v>30</v>
      </c>
      <c r="CS26" s="88">
        <v>27</v>
      </c>
      <c r="CT26" s="88">
        <v>11</v>
      </c>
      <c r="CU26" s="88">
        <v>12</v>
      </c>
      <c r="CV26" s="89">
        <v>105</v>
      </c>
      <c r="CW26" s="90">
        <v>154</v>
      </c>
      <c r="CX26" s="91">
        <v>6</v>
      </c>
      <c r="CY26" s="83">
        <v>9</v>
      </c>
      <c r="CZ26" s="84">
        <v>15</v>
      </c>
      <c r="DA26" s="399">
        <v>0</v>
      </c>
      <c r="DB26" s="83">
        <v>12</v>
      </c>
      <c r="DC26" s="83">
        <v>9</v>
      </c>
      <c r="DD26" s="83">
        <v>5</v>
      </c>
      <c r="DE26" s="83">
        <v>5</v>
      </c>
      <c r="DF26" s="83">
        <v>6</v>
      </c>
      <c r="DG26" s="85">
        <v>37</v>
      </c>
      <c r="DH26" s="86">
        <v>52</v>
      </c>
      <c r="DI26" s="87">
        <v>0</v>
      </c>
      <c r="DJ26" s="88">
        <v>0</v>
      </c>
      <c r="DK26" s="89">
        <v>0</v>
      </c>
      <c r="DL26" s="399">
        <v>0</v>
      </c>
      <c r="DM26" s="88">
        <v>0</v>
      </c>
      <c r="DN26" s="88">
        <v>0</v>
      </c>
      <c r="DO26" s="88">
        <v>0</v>
      </c>
      <c r="DP26" s="88">
        <v>0</v>
      </c>
      <c r="DQ26" s="88">
        <v>0</v>
      </c>
      <c r="DR26" s="89">
        <v>0</v>
      </c>
      <c r="DS26" s="90">
        <v>0</v>
      </c>
      <c r="DT26" s="87">
        <v>1</v>
      </c>
      <c r="DU26" s="88">
        <v>0</v>
      </c>
      <c r="DV26" s="89">
        <v>1</v>
      </c>
      <c r="DW26" s="399">
        <v>0</v>
      </c>
      <c r="DX26" s="88">
        <v>1</v>
      </c>
      <c r="DY26" s="88">
        <v>1</v>
      </c>
      <c r="DZ26" s="88">
        <v>1</v>
      </c>
      <c r="EA26" s="88">
        <v>0</v>
      </c>
      <c r="EB26" s="88">
        <v>0</v>
      </c>
      <c r="EC26" s="89">
        <v>3</v>
      </c>
      <c r="ED26" s="90">
        <v>4</v>
      </c>
      <c r="EE26" s="87">
        <v>1</v>
      </c>
      <c r="EF26" s="88">
        <v>0</v>
      </c>
      <c r="EG26" s="89">
        <v>1</v>
      </c>
      <c r="EH26" s="399">
        <v>0</v>
      </c>
      <c r="EI26" s="88">
        <v>1</v>
      </c>
      <c r="EJ26" s="88">
        <v>0</v>
      </c>
      <c r="EK26" s="88">
        <v>0</v>
      </c>
      <c r="EL26" s="88">
        <v>0</v>
      </c>
      <c r="EM26" s="88">
        <v>1</v>
      </c>
      <c r="EN26" s="89">
        <v>2</v>
      </c>
      <c r="EO26" s="90">
        <v>3</v>
      </c>
      <c r="EP26" s="87">
        <v>3</v>
      </c>
      <c r="EQ26" s="88">
        <v>5</v>
      </c>
      <c r="ER26" s="89">
        <v>8</v>
      </c>
      <c r="ES26" s="399">
        <v>0</v>
      </c>
      <c r="ET26" s="88">
        <v>1</v>
      </c>
      <c r="EU26" s="88">
        <v>3</v>
      </c>
      <c r="EV26" s="88">
        <v>1</v>
      </c>
      <c r="EW26" s="88">
        <v>0</v>
      </c>
      <c r="EX26" s="88">
        <v>0</v>
      </c>
      <c r="EY26" s="89">
        <v>5</v>
      </c>
      <c r="EZ26" s="90">
        <v>13</v>
      </c>
      <c r="FA26" s="87">
        <v>1</v>
      </c>
      <c r="FB26" s="88">
        <v>1</v>
      </c>
      <c r="FC26" s="89">
        <v>2</v>
      </c>
      <c r="FD26" s="399">
        <v>0</v>
      </c>
      <c r="FE26" s="88">
        <v>2</v>
      </c>
      <c r="FF26" s="88">
        <v>0</v>
      </c>
      <c r="FG26" s="88">
        <v>2</v>
      </c>
      <c r="FH26" s="88">
        <v>1</v>
      </c>
      <c r="FI26" s="88">
        <v>1</v>
      </c>
      <c r="FJ26" s="89">
        <v>6</v>
      </c>
      <c r="FK26" s="90">
        <v>8</v>
      </c>
      <c r="FL26" s="87">
        <v>0</v>
      </c>
      <c r="FM26" s="88">
        <v>3</v>
      </c>
      <c r="FN26" s="89">
        <v>3</v>
      </c>
      <c r="FO26" s="399">
        <v>0</v>
      </c>
      <c r="FP26" s="88">
        <v>7</v>
      </c>
      <c r="FQ26" s="88">
        <v>5</v>
      </c>
      <c r="FR26" s="88">
        <v>1</v>
      </c>
      <c r="FS26" s="88">
        <v>4</v>
      </c>
      <c r="FT26" s="88">
        <v>4</v>
      </c>
      <c r="FU26" s="89">
        <v>21</v>
      </c>
      <c r="FV26" s="90">
        <v>24</v>
      </c>
      <c r="FW26" s="87">
        <v>0</v>
      </c>
      <c r="FX26" s="88">
        <v>0</v>
      </c>
      <c r="FY26" s="89">
        <v>0</v>
      </c>
      <c r="FZ26" s="399">
        <v>0</v>
      </c>
      <c r="GA26" s="88">
        <v>0</v>
      </c>
      <c r="GB26" s="88">
        <v>0</v>
      </c>
      <c r="GC26" s="88">
        <v>0</v>
      </c>
      <c r="GD26" s="88">
        <v>0</v>
      </c>
      <c r="GE26" s="88">
        <v>0</v>
      </c>
      <c r="GF26" s="89">
        <v>0</v>
      </c>
      <c r="GG26" s="90">
        <v>0</v>
      </c>
      <c r="GH26" s="87">
        <v>6</v>
      </c>
      <c r="GI26" s="88">
        <v>9</v>
      </c>
      <c r="GJ26" s="89">
        <v>15</v>
      </c>
      <c r="GK26" s="399">
        <v>0</v>
      </c>
      <c r="GL26" s="88">
        <v>12</v>
      </c>
      <c r="GM26" s="88">
        <v>9</v>
      </c>
      <c r="GN26" s="88">
        <v>5</v>
      </c>
      <c r="GO26" s="88">
        <v>5</v>
      </c>
      <c r="GP26" s="88">
        <v>6</v>
      </c>
      <c r="GQ26" s="89">
        <v>37</v>
      </c>
      <c r="GR26" s="90">
        <v>52</v>
      </c>
      <c r="GS26" s="91">
        <v>34</v>
      </c>
      <c r="GT26" s="83">
        <v>30</v>
      </c>
      <c r="GU26" s="84">
        <v>64</v>
      </c>
      <c r="GV26" s="399">
        <v>0</v>
      </c>
      <c r="GW26" s="83">
        <v>37</v>
      </c>
      <c r="GX26" s="83">
        <v>39</v>
      </c>
      <c r="GY26" s="83">
        <v>32</v>
      </c>
      <c r="GZ26" s="83">
        <v>16</v>
      </c>
      <c r="HA26" s="83">
        <v>18</v>
      </c>
      <c r="HB26" s="85">
        <v>142</v>
      </c>
      <c r="HC26" s="86">
        <v>206</v>
      </c>
      <c r="HD26" s="87">
        <v>1</v>
      </c>
      <c r="HE26" s="88">
        <v>2</v>
      </c>
      <c r="HF26" s="89">
        <v>3</v>
      </c>
      <c r="HG26" s="399">
        <v>0</v>
      </c>
      <c r="HH26" s="88">
        <v>0</v>
      </c>
      <c r="HI26" s="88">
        <v>0</v>
      </c>
      <c r="HJ26" s="88">
        <v>0</v>
      </c>
      <c r="HK26" s="88">
        <v>0</v>
      </c>
      <c r="HL26" s="88">
        <v>0</v>
      </c>
      <c r="HM26" s="89">
        <v>0</v>
      </c>
      <c r="HN26" s="90">
        <v>3</v>
      </c>
      <c r="HO26" s="87">
        <v>2</v>
      </c>
      <c r="HP26" s="88">
        <v>0</v>
      </c>
      <c r="HQ26" s="89">
        <v>2</v>
      </c>
      <c r="HR26" s="399">
        <v>0</v>
      </c>
      <c r="HS26" s="88">
        <v>2</v>
      </c>
      <c r="HT26" s="88">
        <v>5</v>
      </c>
      <c r="HU26" s="88">
        <v>5</v>
      </c>
      <c r="HV26" s="88">
        <v>0</v>
      </c>
      <c r="HW26" s="88">
        <v>1</v>
      </c>
      <c r="HX26" s="89">
        <v>13</v>
      </c>
      <c r="HY26" s="90">
        <v>15</v>
      </c>
      <c r="HZ26" s="87">
        <v>9</v>
      </c>
      <c r="IA26" s="88">
        <v>1</v>
      </c>
      <c r="IB26" s="89">
        <v>10</v>
      </c>
      <c r="IC26" s="399">
        <v>0</v>
      </c>
      <c r="ID26" s="88">
        <v>4</v>
      </c>
      <c r="IE26" s="88">
        <v>4</v>
      </c>
      <c r="IF26" s="88">
        <v>5</v>
      </c>
      <c r="IG26" s="88">
        <v>0</v>
      </c>
      <c r="IH26" s="88">
        <v>5</v>
      </c>
      <c r="II26" s="89">
        <v>18</v>
      </c>
      <c r="IJ26" s="90">
        <v>28</v>
      </c>
      <c r="IK26" s="87">
        <v>10</v>
      </c>
      <c r="IL26" s="88">
        <v>14</v>
      </c>
      <c r="IM26" s="89">
        <v>24</v>
      </c>
      <c r="IN26" s="399">
        <v>0</v>
      </c>
      <c r="IO26" s="88">
        <v>6</v>
      </c>
      <c r="IP26" s="88">
        <v>12</v>
      </c>
      <c r="IQ26" s="88">
        <v>6</v>
      </c>
      <c r="IR26" s="88">
        <v>3</v>
      </c>
      <c r="IS26" s="88">
        <v>1</v>
      </c>
      <c r="IT26" s="89">
        <v>28</v>
      </c>
      <c r="IU26" s="90">
        <v>52</v>
      </c>
      <c r="IV26" s="87">
        <v>9</v>
      </c>
      <c r="IW26" s="88">
        <v>6</v>
      </c>
      <c r="IX26" s="89">
        <v>15</v>
      </c>
      <c r="IY26" s="399">
        <v>0</v>
      </c>
      <c r="IZ26" s="88">
        <v>12</v>
      </c>
      <c r="JA26" s="88">
        <v>8</v>
      </c>
      <c r="JB26" s="88">
        <v>8</v>
      </c>
      <c r="JC26" s="88">
        <v>5</v>
      </c>
      <c r="JD26" s="88">
        <v>4</v>
      </c>
      <c r="JE26" s="89">
        <v>37</v>
      </c>
      <c r="JF26" s="90">
        <v>52</v>
      </c>
      <c r="JG26" s="87">
        <v>3</v>
      </c>
      <c r="JH26" s="88">
        <v>7</v>
      </c>
      <c r="JI26" s="89">
        <v>10</v>
      </c>
      <c r="JJ26" s="399">
        <v>0</v>
      </c>
      <c r="JK26" s="88">
        <v>13</v>
      </c>
      <c r="JL26" s="88">
        <v>10</v>
      </c>
      <c r="JM26" s="88">
        <v>8</v>
      </c>
      <c r="JN26" s="88">
        <v>8</v>
      </c>
      <c r="JO26" s="88">
        <v>7</v>
      </c>
      <c r="JP26" s="89">
        <v>46</v>
      </c>
      <c r="JQ26" s="90">
        <v>56</v>
      </c>
      <c r="JR26" s="87">
        <v>0</v>
      </c>
      <c r="JS26" s="88">
        <v>0</v>
      </c>
      <c r="JT26" s="89">
        <v>0</v>
      </c>
      <c r="JU26" s="399">
        <v>0</v>
      </c>
      <c r="JV26" s="88">
        <v>0</v>
      </c>
      <c r="JW26" s="88">
        <v>0</v>
      </c>
      <c r="JX26" s="88">
        <v>0</v>
      </c>
      <c r="JY26" s="88">
        <v>0</v>
      </c>
      <c r="JZ26" s="88">
        <v>0</v>
      </c>
      <c r="KA26" s="89">
        <v>0</v>
      </c>
      <c r="KB26" s="90">
        <v>0</v>
      </c>
      <c r="KC26" s="87">
        <v>34</v>
      </c>
      <c r="KD26" s="88">
        <v>30</v>
      </c>
      <c r="KE26" s="89">
        <v>64</v>
      </c>
      <c r="KF26" s="399">
        <v>0</v>
      </c>
      <c r="KG26" s="88">
        <v>37</v>
      </c>
      <c r="KH26" s="88">
        <v>39</v>
      </c>
      <c r="KI26" s="88">
        <v>32</v>
      </c>
      <c r="KJ26" s="88">
        <v>16</v>
      </c>
      <c r="KK26" s="88">
        <v>18</v>
      </c>
      <c r="KL26" s="89">
        <v>142</v>
      </c>
      <c r="KM26" s="90">
        <v>206</v>
      </c>
    </row>
    <row r="27" spans="2:299" s="56" customFormat="1" ht="21" customHeight="1" x14ac:dyDescent="0.2">
      <c r="B27" s="92" t="s">
        <v>24</v>
      </c>
      <c r="C27" s="82">
        <v>30</v>
      </c>
      <c r="D27" s="83">
        <v>20</v>
      </c>
      <c r="E27" s="84">
        <v>50</v>
      </c>
      <c r="F27" s="399">
        <v>0</v>
      </c>
      <c r="G27" s="83">
        <v>33</v>
      </c>
      <c r="H27" s="83">
        <v>23</v>
      </c>
      <c r="I27" s="83">
        <v>11</v>
      </c>
      <c r="J27" s="83">
        <v>10</v>
      </c>
      <c r="K27" s="83">
        <v>12</v>
      </c>
      <c r="L27" s="85">
        <v>89</v>
      </c>
      <c r="M27" s="86">
        <v>139</v>
      </c>
      <c r="N27" s="87">
        <v>0</v>
      </c>
      <c r="O27" s="88">
        <v>0</v>
      </c>
      <c r="P27" s="89">
        <v>0</v>
      </c>
      <c r="Q27" s="399">
        <v>0</v>
      </c>
      <c r="R27" s="88">
        <v>2</v>
      </c>
      <c r="S27" s="88">
        <v>0</v>
      </c>
      <c r="T27" s="88">
        <v>0</v>
      </c>
      <c r="U27" s="88">
        <v>0</v>
      </c>
      <c r="V27" s="88">
        <v>0</v>
      </c>
      <c r="W27" s="89">
        <v>2</v>
      </c>
      <c r="X27" s="90">
        <v>2</v>
      </c>
      <c r="Y27" s="87">
        <v>0</v>
      </c>
      <c r="Z27" s="88">
        <v>1</v>
      </c>
      <c r="AA27" s="89">
        <v>1</v>
      </c>
      <c r="AB27" s="399">
        <v>0</v>
      </c>
      <c r="AC27" s="88">
        <v>1</v>
      </c>
      <c r="AD27" s="88">
        <v>1</v>
      </c>
      <c r="AE27" s="88">
        <v>1</v>
      </c>
      <c r="AF27" s="88">
        <v>3</v>
      </c>
      <c r="AG27" s="88">
        <v>1</v>
      </c>
      <c r="AH27" s="89">
        <v>7</v>
      </c>
      <c r="AI27" s="90">
        <v>8</v>
      </c>
      <c r="AJ27" s="87">
        <v>1</v>
      </c>
      <c r="AK27" s="88">
        <v>1</v>
      </c>
      <c r="AL27" s="89">
        <v>2</v>
      </c>
      <c r="AM27" s="399">
        <v>0</v>
      </c>
      <c r="AN27" s="88">
        <v>6</v>
      </c>
      <c r="AO27" s="88">
        <v>1</v>
      </c>
      <c r="AP27" s="88">
        <v>1</v>
      </c>
      <c r="AQ27" s="88">
        <v>0</v>
      </c>
      <c r="AR27" s="88">
        <v>1</v>
      </c>
      <c r="AS27" s="89">
        <v>9</v>
      </c>
      <c r="AT27" s="90">
        <v>11</v>
      </c>
      <c r="AU27" s="87">
        <v>9</v>
      </c>
      <c r="AV27" s="88">
        <v>5</v>
      </c>
      <c r="AW27" s="89">
        <v>14</v>
      </c>
      <c r="AX27" s="399">
        <v>0</v>
      </c>
      <c r="AY27" s="88">
        <v>8</v>
      </c>
      <c r="AZ27" s="88">
        <v>4</v>
      </c>
      <c r="BA27" s="88">
        <v>1</v>
      </c>
      <c r="BB27" s="88">
        <v>1</v>
      </c>
      <c r="BC27" s="88">
        <v>3</v>
      </c>
      <c r="BD27" s="89">
        <v>17</v>
      </c>
      <c r="BE27" s="90">
        <v>31</v>
      </c>
      <c r="BF27" s="87">
        <v>12</v>
      </c>
      <c r="BG27" s="88">
        <v>6</v>
      </c>
      <c r="BH27" s="89">
        <v>18</v>
      </c>
      <c r="BI27" s="399">
        <v>0</v>
      </c>
      <c r="BJ27" s="88">
        <v>9</v>
      </c>
      <c r="BK27" s="88">
        <v>9</v>
      </c>
      <c r="BL27" s="88">
        <v>3</v>
      </c>
      <c r="BM27" s="88">
        <v>0</v>
      </c>
      <c r="BN27" s="88">
        <v>3</v>
      </c>
      <c r="BO27" s="89">
        <v>24</v>
      </c>
      <c r="BP27" s="90">
        <v>42</v>
      </c>
      <c r="BQ27" s="87">
        <v>8</v>
      </c>
      <c r="BR27" s="88">
        <v>7</v>
      </c>
      <c r="BS27" s="89">
        <v>15</v>
      </c>
      <c r="BT27" s="399">
        <v>0</v>
      </c>
      <c r="BU27" s="88">
        <v>7</v>
      </c>
      <c r="BV27" s="88">
        <v>8</v>
      </c>
      <c r="BW27" s="88">
        <v>5</v>
      </c>
      <c r="BX27" s="88">
        <v>6</v>
      </c>
      <c r="BY27" s="88">
        <v>4</v>
      </c>
      <c r="BZ27" s="89">
        <v>30</v>
      </c>
      <c r="CA27" s="90">
        <v>45</v>
      </c>
      <c r="CB27" s="87">
        <v>0</v>
      </c>
      <c r="CC27" s="88">
        <v>0</v>
      </c>
      <c r="CD27" s="89">
        <v>0</v>
      </c>
      <c r="CE27" s="399">
        <v>0</v>
      </c>
      <c r="CF27" s="88">
        <v>0</v>
      </c>
      <c r="CG27" s="88">
        <v>0</v>
      </c>
      <c r="CH27" s="88">
        <v>0</v>
      </c>
      <c r="CI27" s="88">
        <v>0</v>
      </c>
      <c r="CJ27" s="88">
        <v>0</v>
      </c>
      <c r="CK27" s="89">
        <v>0</v>
      </c>
      <c r="CL27" s="90">
        <v>0</v>
      </c>
      <c r="CM27" s="87">
        <v>30</v>
      </c>
      <c r="CN27" s="88">
        <v>20</v>
      </c>
      <c r="CO27" s="89">
        <v>50</v>
      </c>
      <c r="CP27" s="399">
        <v>0</v>
      </c>
      <c r="CQ27" s="88">
        <v>33</v>
      </c>
      <c r="CR27" s="88">
        <v>23</v>
      </c>
      <c r="CS27" s="88">
        <v>11</v>
      </c>
      <c r="CT27" s="88">
        <v>10</v>
      </c>
      <c r="CU27" s="88">
        <v>12</v>
      </c>
      <c r="CV27" s="89">
        <v>89</v>
      </c>
      <c r="CW27" s="90">
        <v>139</v>
      </c>
      <c r="CX27" s="91">
        <v>11</v>
      </c>
      <c r="CY27" s="83">
        <v>7</v>
      </c>
      <c r="CZ27" s="84">
        <v>18</v>
      </c>
      <c r="DA27" s="399">
        <v>0</v>
      </c>
      <c r="DB27" s="83">
        <v>14</v>
      </c>
      <c r="DC27" s="83">
        <v>7</v>
      </c>
      <c r="DD27" s="83">
        <v>4</v>
      </c>
      <c r="DE27" s="83">
        <v>4</v>
      </c>
      <c r="DF27" s="83">
        <v>8</v>
      </c>
      <c r="DG27" s="85">
        <v>37</v>
      </c>
      <c r="DH27" s="86">
        <v>55</v>
      </c>
      <c r="DI27" s="87">
        <v>0</v>
      </c>
      <c r="DJ27" s="88">
        <v>0</v>
      </c>
      <c r="DK27" s="89">
        <v>0</v>
      </c>
      <c r="DL27" s="399">
        <v>0</v>
      </c>
      <c r="DM27" s="88">
        <v>0</v>
      </c>
      <c r="DN27" s="88">
        <v>0</v>
      </c>
      <c r="DO27" s="88">
        <v>0</v>
      </c>
      <c r="DP27" s="88">
        <v>0</v>
      </c>
      <c r="DQ27" s="88">
        <v>0</v>
      </c>
      <c r="DR27" s="89">
        <v>0</v>
      </c>
      <c r="DS27" s="90">
        <v>0</v>
      </c>
      <c r="DT27" s="87">
        <v>0</v>
      </c>
      <c r="DU27" s="88">
        <v>1</v>
      </c>
      <c r="DV27" s="89">
        <v>1</v>
      </c>
      <c r="DW27" s="399">
        <v>0</v>
      </c>
      <c r="DX27" s="88">
        <v>0</v>
      </c>
      <c r="DY27" s="88">
        <v>0</v>
      </c>
      <c r="DZ27" s="88">
        <v>0</v>
      </c>
      <c r="EA27" s="88">
        <v>0</v>
      </c>
      <c r="EB27" s="88">
        <v>0</v>
      </c>
      <c r="EC27" s="89">
        <v>0</v>
      </c>
      <c r="ED27" s="90">
        <v>1</v>
      </c>
      <c r="EE27" s="87">
        <v>3</v>
      </c>
      <c r="EF27" s="88">
        <v>0</v>
      </c>
      <c r="EG27" s="89">
        <v>3</v>
      </c>
      <c r="EH27" s="399">
        <v>0</v>
      </c>
      <c r="EI27" s="88">
        <v>1</v>
      </c>
      <c r="EJ27" s="88">
        <v>0</v>
      </c>
      <c r="EK27" s="88">
        <v>1</v>
      </c>
      <c r="EL27" s="88">
        <v>0</v>
      </c>
      <c r="EM27" s="88">
        <v>0</v>
      </c>
      <c r="EN27" s="89">
        <v>2</v>
      </c>
      <c r="EO27" s="90">
        <v>5</v>
      </c>
      <c r="EP27" s="87">
        <v>4</v>
      </c>
      <c r="EQ27" s="88">
        <v>1</v>
      </c>
      <c r="ER27" s="89">
        <v>5</v>
      </c>
      <c r="ES27" s="399">
        <v>0</v>
      </c>
      <c r="ET27" s="88">
        <v>2</v>
      </c>
      <c r="EU27" s="88">
        <v>0</v>
      </c>
      <c r="EV27" s="88">
        <v>1</v>
      </c>
      <c r="EW27" s="88">
        <v>2</v>
      </c>
      <c r="EX27" s="88">
        <v>0</v>
      </c>
      <c r="EY27" s="89">
        <v>5</v>
      </c>
      <c r="EZ27" s="90">
        <v>10</v>
      </c>
      <c r="FA27" s="87">
        <v>1</v>
      </c>
      <c r="FB27" s="88">
        <v>3</v>
      </c>
      <c r="FC27" s="89">
        <v>4</v>
      </c>
      <c r="FD27" s="399">
        <v>0</v>
      </c>
      <c r="FE27" s="88">
        <v>9</v>
      </c>
      <c r="FF27" s="88">
        <v>3</v>
      </c>
      <c r="FG27" s="88">
        <v>0</v>
      </c>
      <c r="FH27" s="88">
        <v>0</v>
      </c>
      <c r="FI27" s="88">
        <v>3</v>
      </c>
      <c r="FJ27" s="89">
        <v>15</v>
      </c>
      <c r="FK27" s="90">
        <v>19</v>
      </c>
      <c r="FL27" s="87">
        <v>3</v>
      </c>
      <c r="FM27" s="88">
        <v>2</v>
      </c>
      <c r="FN27" s="89">
        <v>5</v>
      </c>
      <c r="FO27" s="399">
        <v>0</v>
      </c>
      <c r="FP27" s="88">
        <v>2</v>
      </c>
      <c r="FQ27" s="88">
        <v>4</v>
      </c>
      <c r="FR27" s="88">
        <v>2</v>
      </c>
      <c r="FS27" s="88">
        <v>2</v>
      </c>
      <c r="FT27" s="88">
        <v>5</v>
      </c>
      <c r="FU27" s="89">
        <v>15</v>
      </c>
      <c r="FV27" s="90">
        <v>20</v>
      </c>
      <c r="FW27" s="87">
        <v>0</v>
      </c>
      <c r="FX27" s="88">
        <v>0</v>
      </c>
      <c r="FY27" s="89">
        <v>0</v>
      </c>
      <c r="FZ27" s="399">
        <v>0</v>
      </c>
      <c r="GA27" s="88">
        <v>0</v>
      </c>
      <c r="GB27" s="88">
        <v>0</v>
      </c>
      <c r="GC27" s="88">
        <v>0</v>
      </c>
      <c r="GD27" s="88">
        <v>0</v>
      </c>
      <c r="GE27" s="88">
        <v>0</v>
      </c>
      <c r="GF27" s="89">
        <v>0</v>
      </c>
      <c r="GG27" s="90">
        <v>0</v>
      </c>
      <c r="GH27" s="87">
        <v>11</v>
      </c>
      <c r="GI27" s="88">
        <v>7</v>
      </c>
      <c r="GJ27" s="89">
        <v>18</v>
      </c>
      <c r="GK27" s="399">
        <v>0</v>
      </c>
      <c r="GL27" s="88">
        <v>14</v>
      </c>
      <c r="GM27" s="88">
        <v>7</v>
      </c>
      <c r="GN27" s="88">
        <v>4</v>
      </c>
      <c r="GO27" s="88">
        <v>4</v>
      </c>
      <c r="GP27" s="88">
        <v>8</v>
      </c>
      <c r="GQ27" s="89">
        <v>37</v>
      </c>
      <c r="GR27" s="90">
        <v>55</v>
      </c>
      <c r="GS27" s="91">
        <v>41</v>
      </c>
      <c r="GT27" s="83">
        <v>27</v>
      </c>
      <c r="GU27" s="84">
        <v>68</v>
      </c>
      <c r="GV27" s="399">
        <v>0</v>
      </c>
      <c r="GW27" s="83">
        <v>47</v>
      </c>
      <c r="GX27" s="83">
        <v>30</v>
      </c>
      <c r="GY27" s="83">
        <v>15</v>
      </c>
      <c r="GZ27" s="83">
        <v>14</v>
      </c>
      <c r="HA27" s="83">
        <v>20</v>
      </c>
      <c r="HB27" s="85">
        <v>126</v>
      </c>
      <c r="HC27" s="86">
        <v>194</v>
      </c>
      <c r="HD27" s="87">
        <v>0</v>
      </c>
      <c r="HE27" s="88">
        <v>0</v>
      </c>
      <c r="HF27" s="89">
        <v>0</v>
      </c>
      <c r="HG27" s="399">
        <v>0</v>
      </c>
      <c r="HH27" s="88">
        <v>2</v>
      </c>
      <c r="HI27" s="88">
        <v>0</v>
      </c>
      <c r="HJ27" s="88">
        <v>0</v>
      </c>
      <c r="HK27" s="88">
        <v>0</v>
      </c>
      <c r="HL27" s="88">
        <v>0</v>
      </c>
      <c r="HM27" s="89">
        <v>2</v>
      </c>
      <c r="HN27" s="90">
        <v>2</v>
      </c>
      <c r="HO27" s="87">
        <v>0</v>
      </c>
      <c r="HP27" s="88">
        <v>2</v>
      </c>
      <c r="HQ27" s="89">
        <v>2</v>
      </c>
      <c r="HR27" s="399">
        <v>0</v>
      </c>
      <c r="HS27" s="88">
        <v>1</v>
      </c>
      <c r="HT27" s="88">
        <v>1</v>
      </c>
      <c r="HU27" s="88">
        <v>1</v>
      </c>
      <c r="HV27" s="88">
        <v>3</v>
      </c>
      <c r="HW27" s="88">
        <v>1</v>
      </c>
      <c r="HX27" s="89">
        <v>7</v>
      </c>
      <c r="HY27" s="90">
        <v>9</v>
      </c>
      <c r="HZ27" s="87">
        <v>4</v>
      </c>
      <c r="IA27" s="88">
        <v>1</v>
      </c>
      <c r="IB27" s="89">
        <v>5</v>
      </c>
      <c r="IC27" s="399">
        <v>0</v>
      </c>
      <c r="ID27" s="88">
        <v>7</v>
      </c>
      <c r="IE27" s="88">
        <v>1</v>
      </c>
      <c r="IF27" s="88">
        <v>2</v>
      </c>
      <c r="IG27" s="88">
        <v>0</v>
      </c>
      <c r="IH27" s="88">
        <v>1</v>
      </c>
      <c r="II27" s="89">
        <v>11</v>
      </c>
      <c r="IJ27" s="90">
        <v>16</v>
      </c>
      <c r="IK27" s="87">
        <v>13</v>
      </c>
      <c r="IL27" s="88">
        <v>6</v>
      </c>
      <c r="IM27" s="89">
        <v>19</v>
      </c>
      <c r="IN27" s="399">
        <v>0</v>
      </c>
      <c r="IO27" s="88">
        <v>10</v>
      </c>
      <c r="IP27" s="88">
        <v>4</v>
      </c>
      <c r="IQ27" s="88">
        <v>2</v>
      </c>
      <c r="IR27" s="88">
        <v>3</v>
      </c>
      <c r="IS27" s="88">
        <v>3</v>
      </c>
      <c r="IT27" s="89">
        <v>22</v>
      </c>
      <c r="IU27" s="90">
        <v>41</v>
      </c>
      <c r="IV27" s="87">
        <v>13</v>
      </c>
      <c r="IW27" s="88">
        <v>9</v>
      </c>
      <c r="IX27" s="89">
        <v>22</v>
      </c>
      <c r="IY27" s="399">
        <v>0</v>
      </c>
      <c r="IZ27" s="88">
        <v>18</v>
      </c>
      <c r="JA27" s="88">
        <v>12</v>
      </c>
      <c r="JB27" s="88">
        <v>3</v>
      </c>
      <c r="JC27" s="88">
        <v>0</v>
      </c>
      <c r="JD27" s="88">
        <v>6</v>
      </c>
      <c r="JE27" s="89">
        <v>39</v>
      </c>
      <c r="JF27" s="90">
        <v>61</v>
      </c>
      <c r="JG27" s="87">
        <v>11</v>
      </c>
      <c r="JH27" s="88">
        <v>9</v>
      </c>
      <c r="JI27" s="89">
        <v>20</v>
      </c>
      <c r="JJ27" s="399">
        <v>0</v>
      </c>
      <c r="JK27" s="88">
        <v>9</v>
      </c>
      <c r="JL27" s="88">
        <v>12</v>
      </c>
      <c r="JM27" s="88">
        <v>7</v>
      </c>
      <c r="JN27" s="88">
        <v>8</v>
      </c>
      <c r="JO27" s="88">
        <v>9</v>
      </c>
      <c r="JP27" s="89">
        <v>45</v>
      </c>
      <c r="JQ27" s="90">
        <v>65</v>
      </c>
      <c r="JR27" s="87">
        <v>0</v>
      </c>
      <c r="JS27" s="88">
        <v>0</v>
      </c>
      <c r="JT27" s="89">
        <v>0</v>
      </c>
      <c r="JU27" s="399">
        <v>0</v>
      </c>
      <c r="JV27" s="88">
        <v>0</v>
      </c>
      <c r="JW27" s="88">
        <v>0</v>
      </c>
      <c r="JX27" s="88">
        <v>0</v>
      </c>
      <c r="JY27" s="88">
        <v>0</v>
      </c>
      <c r="JZ27" s="88">
        <v>0</v>
      </c>
      <c r="KA27" s="89">
        <v>0</v>
      </c>
      <c r="KB27" s="90">
        <v>0</v>
      </c>
      <c r="KC27" s="87">
        <v>41</v>
      </c>
      <c r="KD27" s="88">
        <v>27</v>
      </c>
      <c r="KE27" s="89">
        <v>68</v>
      </c>
      <c r="KF27" s="399">
        <v>0</v>
      </c>
      <c r="KG27" s="88">
        <v>47</v>
      </c>
      <c r="KH27" s="88">
        <v>30</v>
      </c>
      <c r="KI27" s="88">
        <v>15</v>
      </c>
      <c r="KJ27" s="88">
        <v>14</v>
      </c>
      <c r="KK27" s="88">
        <v>20</v>
      </c>
      <c r="KL27" s="89">
        <v>126</v>
      </c>
      <c r="KM27" s="90">
        <v>194</v>
      </c>
    </row>
    <row r="28" spans="2:299" s="56" customFormat="1" ht="21" customHeight="1" x14ac:dyDescent="0.2">
      <c r="B28" s="92" t="s">
        <v>25</v>
      </c>
      <c r="C28" s="82">
        <v>10</v>
      </c>
      <c r="D28" s="83">
        <v>15</v>
      </c>
      <c r="E28" s="84">
        <v>25</v>
      </c>
      <c r="F28" s="399">
        <v>0</v>
      </c>
      <c r="G28" s="83">
        <v>9</v>
      </c>
      <c r="H28" s="83">
        <v>15</v>
      </c>
      <c r="I28" s="83">
        <v>10</v>
      </c>
      <c r="J28" s="83">
        <v>7</v>
      </c>
      <c r="K28" s="83">
        <v>7</v>
      </c>
      <c r="L28" s="85">
        <v>48</v>
      </c>
      <c r="M28" s="86">
        <v>73</v>
      </c>
      <c r="N28" s="87">
        <v>0</v>
      </c>
      <c r="O28" s="88">
        <v>2</v>
      </c>
      <c r="P28" s="89">
        <v>2</v>
      </c>
      <c r="Q28" s="399">
        <v>0</v>
      </c>
      <c r="R28" s="88">
        <v>0</v>
      </c>
      <c r="S28" s="88">
        <v>2</v>
      </c>
      <c r="T28" s="88">
        <v>1</v>
      </c>
      <c r="U28" s="88">
        <v>1</v>
      </c>
      <c r="V28" s="88">
        <v>1</v>
      </c>
      <c r="W28" s="89">
        <v>5</v>
      </c>
      <c r="X28" s="90">
        <v>7</v>
      </c>
      <c r="Y28" s="87">
        <v>2</v>
      </c>
      <c r="Z28" s="88">
        <v>1</v>
      </c>
      <c r="AA28" s="89">
        <v>3</v>
      </c>
      <c r="AB28" s="399">
        <v>0</v>
      </c>
      <c r="AC28" s="88">
        <v>1</v>
      </c>
      <c r="AD28" s="88">
        <v>1</v>
      </c>
      <c r="AE28" s="88">
        <v>2</v>
      </c>
      <c r="AF28" s="88">
        <v>0</v>
      </c>
      <c r="AG28" s="88">
        <v>2</v>
      </c>
      <c r="AH28" s="89">
        <v>6</v>
      </c>
      <c r="AI28" s="90">
        <v>9</v>
      </c>
      <c r="AJ28" s="87">
        <v>1</v>
      </c>
      <c r="AK28" s="88">
        <v>2</v>
      </c>
      <c r="AL28" s="89">
        <v>3</v>
      </c>
      <c r="AM28" s="399">
        <v>0</v>
      </c>
      <c r="AN28" s="88">
        <v>1</v>
      </c>
      <c r="AO28" s="88">
        <v>3</v>
      </c>
      <c r="AP28" s="88">
        <v>1</v>
      </c>
      <c r="AQ28" s="88">
        <v>3</v>
      </c>
      <c r="AR28" s="88">
        <v>0</v>
      </c>
      <c r="AS28" s="89">
        <v>8</v>
      </c>
      <c r="AT28" s="90">
        <v>11</v>
      </c>
      <c r="AU28" s="87">
        <v>2</v>
      </c>
      <c r="AV28" s="88">
        <v>6</v>
      </c>
      <c r="AW28" s="89">
        <v>8</v>
      </c>
      <c r="AX28" s="399">
        <v>0</v>
      </c>
      <c r="AY28" s="88">
        <v>4</v>
      </c>
      <c r="AZ28" s="88">
        <v>3</v>
      </c>
      <c r="BA28" s="88">
        <v>1</v>
      </c>
      <c r="BB28" s="88">
        <v>1</v>
      </c>
      <c r="BC28" s="88">
        <v>2</v>
      </c>
      <c r="BD28" s="89">
        <v>11</v>
      </c>
      <c r="BE28" s="90">
        <v>19</v>
      </c>
      <c r="BF28" s="87">
        <v>2</v>
      </c>
      <c r="BG28" s="88">
        <v>2</v>
      </c>
      <c r="BH28" s="89">
        <v>4</v>
      </c>
      <c r="BI28" s="399">
        <v>0</v>
      </c>
      <c r="BJ28" s="88">
        <v>1</v>
      </c>
      <c r="BK28" s="88">
        <v>2</v>
      </c>
      <c r="BL28" s="88">
        <v>2</v>
      </c>
      <c r="BM28" s="88">
        <v>0</v>
      </c>
      <c r="BN28" s="88">
        <v>0</v>
      </c>
      <c r="BO28" s="89">
        <v>5</v>
      </c>
      <c r="BP28" s="90">
        <v>9</v>
      </c>
      <c r="BQ28" s="87">
        <v>3</v>
      </c>
      <c r="BR28" s="88">
        <v>2</v>
      </c>
      <c r="BS28" s="89">
        <v>5</v>
      </c>
      <c r="BT28" s="399">
        <v>0</v>
      </c>
      <c r="BU28" s="88">
        <v>2</v>
      </c>
      <c r="BV28" s="88">
        <v>4</v>
      </c>
      <c r="BW28" s="88">
        <v>3</v>
      </c>
      <c r="BX28" s="88">
        <v>2</v>
      </c>
      <c r="BY28" s="88">
        <v>2</v>
      </c>
      <c r="BZ28" s="89">
        <v>13</v>
      </c>
      <c r="CA28" s="90">
        <v>18</v>
      </c>
      <c r="CB28" s="87">
        <v>0</v>
      </c>
      <c r="CC28" s="88">
        <v>0</v>
      </c>
      <c r="CD28" s="89">
        <v>0</v>
      </c>
      <c r="CE28" s="399">
        <v>0</v>
      </c>
      <c r="CF28" s="88">
        <v>0</v>
      </c>
      <c r="CG28" s="88">
        <v>0</v>
      </c>
      <c r="CH28" s="88">
        <v>0</v>
      </c>
      <c r="CI28" s="88">
        <v>0</v>
      </c>
      <c r="CJ28" s="88">
        <v>0</v>
      </c>
      <c r="CK28" s="89">
        <v>0</v>
      </c>
      <c r="CL28" s="90">
        <v>0</v>
      </c>
      <c r="CM28" s="87">
        <v>10</v>
      </c>
      <c r="CN28" s="88">
        <v>15</v>
      </c>
      <c r="CO28" s="89">
        <v>25</v>
      </c>
      <c r="CP28" s="399">
        <v>0</v>
      </c>
      <c r="CQ28" s="88">
        <v>9</v>
      </c>
      <c r="CR28" s="88">
        <v>15</v>
      </c>
      <c r="CS28" s="88">
        <v>10</v>
      </c>
      <c r="CT28" s="88">
        <v>7</v>
      </c>
      <c r="CU28" s="88">
        <v>7</v>
      </c>
      <c r="CV28" s="89">
        <v>48</v>
      </c>
      <c r="CW28" s="90">
        <v>73</v>
      </c>
      <c r="CX28" s="91">
        <v>4</v>
      </c>
      <c r="CY28" s="83">
        <v>16</v>
      </c>
      <c r="CZ28" s="84">
        <v>20</v>
      </c>
      <c r="DA28" s="399">
        <v>0</v>
      </c>
      <c r="DB28" s="83">
        <v>7</v>
      </c>
      <c r="DC28" s="83">
        <v>6</v>
      </c>
      <c r="DD28" s="83">
        <v>1</v>
      </c>
      <c r="DE28" s="83">
        <v>3</v>
      </c>
      <c r="DF28" s="83">
        <v>3</v>
      </c>
      <c r="DG28" s="85">
        <v>20</v>
      </c>
      <c r="DH28" s="86">
        <v>40</v>
      </c>
      <c r="DI28" s="87">
        <v>0</v>
      </c>
      <c r="DJ28" s="88">
        <v>0</v>
      </c>
      <c r="DK28" s="89">
        <v>0</v>
      </c>
      <c r="DL28" s="399">
        <v>0</v>
      </c>
      <c r="DM28" s="88">
        <v>0</v>
      </c>
      <c r="DN28" s="88">
        <v>0</v>
      </c>
      <c r="DO28" s="88">
        <v>0</v>
      </c>
      <c r="DP28" s="88">
        <v>0</v>
      </c>
      <c r="DQ28" s="88">
        <v>0</v>
      </c>
      <c r="DR28" s="89">
        <v>0</v>
      </c>
      <c r="DS28" s="90">
        <v>0</v>
      </c>
      <c r="DT28" s="87">
        <v>0</v>
      </c>
      <c r="DU28" s="88">
        <v>0</v>
      </c>
      <c r="DV28" s="89">
        <v>0</v>
      </c>
      <c r="DW28" s="399">
        <v>0</v>
      </c>
      <c r="DX28" s="88">
        <v>1</v>
      </c>
      <c r="DY28" s="88">
        <v>1</v>
      </c>
      <c r="DZ28" s="88">
        <v>0</v>
      </c>
      <c r="EA28" s="88">
        <v>0</v>
      </c>
      <c r="EB28" s="88">
        <v>1</v>
      </c>
      <c r="EC28" s="89">
        <v>3</v>
      </c>
      <c r="ED28" s="90">
        <v>3</v>
      </c>
      <c r="EE28" s="87">
        <v>1</v>
      </c>
      <c r="EF28" s="88">
        <v>1</v>
      </c>
      <c r="EG28" s="89">
        <v>2</v>
      </c>
      <c r="EH28" s="399">
        <v>0</v>
      </c>
      <c r="EI28" s="88">
        <v>0</v>
      </c>
      <c r="EJ28" s="88">
        <v>0</v>
      </c>
      <c r="EK28" s="88">
        <v>0</v>
      </c>
      <c r="EL28" s="88">
        <v>0</v>
      </c>
      <c r="EM28" s="88">
        <v>0</v>
      </c>
      <c r="EN28" s="89">
        <v>0</v>
      </c>
      <c r="EO28" s="90">
        <v>2</v>
      </c>
      <c r="EP28" s="87">
        <v>0</v>
      </c>
      <c r="EQ28" s="88">
        <v>4</v>
      </c>
      <c r="ER28" s="89">
        <v>4</v>
      </c>
      <c r="ES28" s="399">
        <v>0</v>
      </c>
      <c r="ET28" s="88">
        <v>0</v>
      </c>
      <c r="EU28" s="88">
        <v>1</v>
      </c>
      <c r="EV28" s="88">
        <v>1</v>
      </c>
      <c r="EW28" s="88">
        <v>0</v>
      </c>
      <c r="EX28" s="88">
        <v>0</v>
      </c>
      <c r="EY28" s="89">
        <v>2</v>
      </c>
      <c r="EZ28" s="90">
        <v>6</v>
      </c>
      <c r="FA28" s="87">
        <v>2</v>
      </c>
      <c r="FB28" s="88">
        <v>4</v>
      </c>
      <c r="FC28" s="89">
        <v>6</v>
      </c>
      <c r="FD28" s="399">
        <v>0</v>
      </c>
      <c r="FE28" s="88">
        <v>2</v>
      </c>
      <c r="FF28" s="88">
        <v>1</v>
      </c>
      <c r="FG28" s="88">
        <v>0</v>
      </c>
      <c r="FH28" s="88">
        <v>0</v>
      </c>
      <c r="FI28" s="88">
        <v>1</v>
      </c>
      <c r="FJ28" s="89">
        <v>4</v>
      </c>
      <c r="FK28" s="90">
        <v>10</v>
      </c>
      <c r="FL28" s="87">
        <v>1</v>
      </c>
      <c r="FM28" s="88">
        <v>7</v>
      </c>
      <c r="FN28" s="89">
        <v>8</v>
      </c>
      <c r="FO28" s="399">
        <v>0</v>
      </c>
      <c r="FP28" s="88">
        <v>4</v>
      </c>
      <c r="FQ28" s="88">
        <v>3</v>
      </c>
      <c r="FR28" s="88">
        <v>0</v>
      </c>
      <c r="FS28" s="88">
        <v>3</v>
      </c>
      <c r="FT28" s="88">
        <v>1</v>
      </c>
      <c r="FU28" s="89">
        <v>11</v>
      </c>
      <c r="FV28" s="90">
        <v>19</v>
      </c>
      <c r="FW28" s="87">
        <v>0</v>
      </c>
      <c r="FX28" s="88">
        <v>0</v>
      </c>
      <c r="FY28" s="89">
        <v>0</v>
      </c>
      <c r="FZ28" s="399">
        <v>0</v>
      </c>
      <c r="GA28" s="88">
        <v>0</v>
      </c>
      <c r="GB28" s="88">
        <v>0</v>
      </c>
      <c r="GC28" s="88">
        <v>0</v>
      </c>
      <c r="GD28" s="88">
        <v>0</v>
      </c>
      <c r="GE28" s="88">
        <v>0</v>
      </c>
      <c r="GF28" s="89">
        <v>0</v>
      </c>
      <c r="GG28" s="90">
        <v>0</v>
      </c>
      <c r="GH28" s="87">
        <v>4</v>
      </c>
      <c r="GI28" s="88">
        <v>16</v>
      </c>
      <c r="GJ28" s="89">
        <v>20</v>
      </c>
      <c r="GK28" s="399">
        <v>0</v>
      </c>
      <c r="GL28" s="88">
        <v>7</v>
      </c>
      <c r="GM28" s="88">
        <v>6</v>
      </c>
      <c r="GN28" s="88">
        <v>1</v>
      </c>
      <c r="GO28" s="88">
        <v>3</v>
      </c>
      <c r="GP28" s="88">
        <v>3</v>
      </c>
      <c r="GQ28" s="89">
        <v>20</v>
      </c>
      <c r="GR28" s="90">
        <v>40</v>
      </c>
      <c r="GS28" s="91">
        <v>14</v>
      </c>
      <c r="GT28" s="83">
        <v>31</v>
      </c>
      <c r="GU28" s="84">
        <v>45</v>
      </c>
      <c r="GV28" s="399">
        <v>0</v>
      </c>
      <c r="GW28" s="83">
        <v>16</v>
      </c>
      <c r="GX28" s="83">
        <v>21</v>
      </c>
      <c r="GY28" s="83">
        <v>11</v>
      </c>
      <c r="GZ28" s="83">
        <v>10</v>
      </c>
      <c r="HA28" s="83">
        <v>10</v>
      </c>
      <c r="HB28" s="85">
        <v>68</v>
      </c>
      <c r="HC28" s="86">
        <v>113</v>
      </c>
      <c r="HD28" s="87">
        <v>0</v>
      </c>
      <c r="HE28" s="88">
        <v>2</v>
      </c>
      <c r="HF28" s="89">
        <v>2</v>
      </c>
      <c r="HG28" s="399">
        <v>0</v>
      </c>
      <c r="HH28" s="88">
        <v>0</v>
      </c>
      <c r="HI28" s="88">
        <v>2</v>
      </c>
      <c r="HJ28" s="88">
        <v>1</v>
      </c>
      <c r="HK28" s="88">
        <v>1</v>
      </c>
      <c r="HL28" s="88">
        <v>1</v>
      </c>
      <c r="HM28" s="89">
        <v>5</v>
      </c>
      <c r="HN28" s="90">
        <v>7</v>
      </c>
      <c r="HO28" s="87">
        <v>2</v>
      </c>
      <c r="HP28" s="88">
        <v>1</v>
      </c>
      <c r="HQ28" s="89">
        <v>3</v>
      </c>
      <c r="HR28" s="399">
        <v>0</v>
      </c>
      <c r="HS28" s="88">
        <v>2</v>
      </c>
      <c r="HT28" s="88">
        <v>2</v>
      </c>
      <c r="HU28" s="88">
        <v>2</v>
      </c>
      <c r="HV28" s="88">
        <v>0</v>
      </c>
      <c r="HW28" s="88">
        <v>3</v>
      </c>
      <c r="HX28" s="89">
        <v>9</v>
      </c>
      <c r="HY28" s="90">
        <v>12</v>
      </c>
      <c r="HZ28" s="87">
        <v>2</v>
      </c>
      <c r="IA28" s="88">
        <v>3</v>
      </c>
      <c r="IB28" s="89">
        <v>5</v>
      </c>
      <c r="IC28" s="399">
        <v>0</v>
      </c>
      <c r="ID28" s="88">
        <v>1</v>
      </c>
      <c r="IE28" s="88">
        <v>3</v>
      </c>
      <c r="IF28" s="88">
        <v>1</v>
      </c>
      <c r="IG28" s="88">
        <v>3</v>
      </c>
      <c r="IH28" s="88">
        <v>0</v>
      </c>
      <c r="II28" s="89">
        <v>8</v>
      </c>
      <c r="IJ28" s="90">
        <v>13</v>
      </c>
      <c r="IK28" s="87">
        <v>2</v>
      </c>
      <c r="IL28" s="88">
        <v>10</v>
      </c>
      <c r="IM28" s="89">
        <v>12</v>
      </c>
      <c r="IN28" s="399">
        <v>0</v>
      </c>
      <c r="IO28" s="88">
        <v>4</v>
      </c>
      <c r="IP28" s="88">
        <v>4</v>
      </c>
      <c r="IQ28" s="88">
        <v>2</v>
      </c>
      <c r="IR28" s="88">
        <v>1</v>
      </c>
      <c r="IS28" s="88">
        <v>2</v>
      </c>
      <c r="IT28" s="89">
        <v>13</v>
      </c>
      <c r="IU28" s="90">
        <v>25</v>
      </c>
      <c r="IV28" s="87">
        <v>4</v>
      </c>
      <c r="IW28" s="88">
        <v>6</v>
      </c>
      <c r="IX28" s="89">
        <v>10</v>
      </c>
      <c r="IY28" s="399">
        <v>0</v>
      </c>
      <c r="IZ28" s="88">
        <v>3</v>
      </c>
      <c r="JA28" s="88">
        <v>3</v>
      </c>
      <c r="JB28" s="88">
        <v>2</v>
      </c>
      <c r="JC28" s="88">
        <v>0</v>
      </c>
      <c r="JD28" s="88">
        <v>1</v>
      </c>
      <c r="JE28" s="89">
        <v>9</v>
      </c>
      <c r="JF28" s="90">
        <v>19</v>
      </c>
      <c r="JG28" s="87">
        <v>4</v>
      </c>
      <c r="JH28" s="88">
        <v>9</v>
      </c>
      <c r="JI28" s="89">
        <v>13</v>
      </c>
      <c r="JJ28" s="399">
        <v>0</v>
      </c>
      <c r="JK28" s="88">
        <v>6</v>
      </c>
      <c r="JL28" s="88">
        <v>7</v>
      </c>
      <c r="JM28" s="88">
        <v>3</v>
      </c>
      <c r="JN28" s="88">
        <v>5</v>
      </c>
      <c r="JO28" s="88">
        <v>3</v>
      </c>
      <c r="JP28" s="89">
        <v>24</v>
      </c>
      <c r="JQ28" s="90">
        <v>37</v>
      </c>
      <c r="JR28" s="87">
        <v>0</v>
      </c>
      <c r="JS28" s="88">
        <v>0</v>
      </c>
      <c r="JT28" s="89">
        <v>0</v>
      </c>
      <c r="JU28" s="399">
        <v>0</v>
      </c>
      <c r="JV28" s="88">
        <v>0</v>
      </c>
      <c r="JW28" s="88">
        <v>0</v>
      </c>
      <c r="JX28" s="88">
        <v>0</v>
      </c>
      <c r="JY28" s="88">
        <v>0</v>
      </c>
      <c r="JZ28" s="88">
        <v>0</v>
      </c>
      <c r="KA28" s="89">
        <v>0</v>
      </c>
      <c r="KB28" s="90">
        <v>0</v>
      </c>
      <c r="KC28" s="87">
        <v>14</v>
      </c>
      <c r="KD28" s="88">
        <v>31</v>
      </c>
      <c r="KE28" s="89">
        <v>45</v>
      </c>
      <c r="KF28" s="399">
        <v>0</v>
      </c>
      <c r="KG28" s="88">
        <v>16</v>
      </c>
      <c r="KH28" s="88">
        <v>21</v>
      </c>
      <c r="KI28" s="88">
        <v>11</v>
      </c>
      <c r="KJ28" s="88">
        <v>10</v>
      </c>
      <c r="KK28" s="88">
        <v>10</v>
      </c>
      <c r="KL28" s="89">
        <v>68</v>
      </c>
      <c r="KM28" s="90">
        <v>113</v>
      </c>
    </row>
    <row r="29" spans="2:299" s="56" customFormat="1" ht="21" customHeight="1" x14ac:dyDescent="0.2">
      <c r="B29" s="92" t="s">
        <v>26</v>
      </c>
      <c r="C29" s="82">
        <v>15</v>
      </c>
      <c r="D29" s="83">
        <v>13</v>
      </c>
      <c r="E29" s="84">
        <v>28</v>
      </c>
      <c r="F29" s="399">
        <v>0</v>
      </c>
      <c r="G29" s="83">
        <v>21</v>
      </c>
      <c r="H29" s="83">
        <v>20</v>
      </c>
      <c r="I29" s="83">
        <v>10</v>
      </c>
      <c r="J29" s="83">
        <v>2</v>
      </c>
      <c r="K29" s="83">
        <v>8</v>
      </c>
      <c r="L29" s="85">
        <v>61</v>
      </c>
      <c r="M29" s="86">
        <v>89</v>
      </c>
      <c r="N29" s="87">
        <v>0</v>
      </c>
      <c r="O29" s="88">
        <v>0</v>
      </c>
      <c r="P29" s="89">
        <v>0</v>
      </c>
      <c r="Q29" s="399">
        <v>0</v>
      </c>
      <c r="R29" s="88">
        <v>0</v>
      </c>
      <c r="S29" s="88">
        <v>0</v>
      </c>
      <c r="T29" s="88">
        <v>0</v>
      </c>
      <c r="U29" s="88">
        <v>0</v>
      </c>
      <c r="V29" s="88">
        <v>0</v>
      </c>
      <c r="W29" s="89">
        <v>0</v>
      </c>
      <c r="X29" s="90">
        <v>0</v>
      </c>
      <c r="Y29" s="87">
        <v>0</v>
      </c>
      <c r="Z29" s="88">
        <v>0</v>
      </c>
      <c r="AA29" s="89">
        <v>0</v>
      </c>
      <c r="AB29" s="399">
        <v>0</v>
      </c>
      <c r="AC29" s="88">
        <v>1</v>
      </c>
      <c r="AD29" s="88">
        <v>2</v>
      </c>
      <c r="AE29" s="88">
        <v>0</v>
      </c>
      <c r="AF29" s="88">
        <v>0</v>
      </c>
      <c r="AG29" s="88">
        <v>0</v>
      </c>
      <c r="AH29" s="89">
        <v>3</v>
      </c>
      <c r="AI29" s="90">
        <v>3</v>
      </c>
      <c r="AJ29" s="87">
        <v>2</v>
      </c>
      <c r="AK29" s="88">
        <v>2</v>
      </c>
      <c r="AL29" s="89">
        <v>4</v>
      </c>
      <c r="AM29" s="399">
        <v>0</v>
      </c>
      <c r="AN29" s="88">
        <v>3</v>
      </c>
      <c r="AO29" s="88">
        <v>3</v>
      </c>
      <c r="AP29" s="88">
        <v>0</v>
      </c>
      <c r="AQ29" s="88">
        <v>0</v>
      </c>
      <c r="AR29" s="88">
        <v>2</v>
      </c>
      <c r="AS29" s="89">
        <v>8</v>
      </c>
      <c r="AT29" s="90">
        <v>12</v>
      </c>
      <c r="AU29" s="87">
        <v>1</v>
      </c>
      <c r="AV29" s="88">
        <v>4</v>
      </c>
      <c r="AW29" s="89">
        <v>5</v>
      </c>
      <c r="AX29" s="399">
        <v>0</v>
      </c>
      <c r="AY29" s="88">
        <v>5</v>
      </c>
      <c r="AZ29" s="88">
        <v>3</v>
      </c>
      <c r="BA29" s="88">
        <v>3</v>
      </c>
      <c r="BB29" s="88">
        <v>0</v>
      </c>
      <c r="BC29" s="88">
        <v>2</v>
      </c>
      <c r="BD29" s="89">
        <v>13</v>
      </c>
      <c r="BE29" s="90">
        <v>18</v>
      </c>
      <c r="BF29" s="87">
        <v>8</v>
      </c>
      <c r="BG29" s="88">
        <v>3</v>
      </c>
      <c r="BH29" s="89">
        <v>11</v>
      </c>
      <c r="BI29" s="399">
        <v>0</v>
      </c>
      <c r="BJ29" s="88">
        <v>6</v>
      </c>
      <c r="BK29" s="88">
        <v>7</v>
      </c>
      <c r="BL29" s="88">
        <v>4</v>
      </c>
      <c r="BM29" s="88">
        <v>0</v>
      </c>
      <c r="BN29" s="88">
        <v>3</v>
      </c>
      <c r="BO29" s="89">
        <v>20</v>
      </c>
      <c r="BP29" s="90">
        <v>31</v>
      </c>
      <c r="BQ29" s="87">
        <v>4</v>
      </c>
      <c r="BR29" s="88">
        <v>4</v>
      </c>
      <c r="BS29" s="89">
        <v>8</v>
      </c>
      <c r="BT29" s="399">
        <v>0</v>
      </c>
      <c r="BU29" s="88">
        <v>6</v>
      </c>
      <c r="BV29" s="88">
        <v>5</v>
      </c>
      <c r="BW29" s="88">
        <v>3</v>
      </c>
      <c r="BX29" s="88">
        <v>2</v>
      </c>
      <c r="BY29" s="88">
        <v>1</v>
      </c>
      <c r="BZ29" s="89">
        <v>17</v>
      </c>
      <c r="CA29" s="90">
        <v>25</v>
      </c>
      <c r="CB29" s="87">
        <v>0</v>
      </c>
      <c r="CC29" s="88">
        <v>0</v>
      </c>
      <c r="CD29" s="89">
        <v>0</v>
      </c>
      <c r="CE29" s="399">
        <v>0</v>
      </c>
      <c r="CF29" s="88">
        <v>0</v>
      </c>
      <c r="CG29" s="88">
        <v>0</v>
      </c>
      <c r="CH29" s="88">
        <v>0</v>
      </c>
      <c r="CI29" s="88">
        <v>0</v>
      </c>
      <c r="CJ29" s="88">
        <v>0</v>
      </c>
      <c r="CK29" s="89">
        <v>0</v>
      </c>
      <c r="CL29" s="90">
        <v>0</v>
      </c>
      <c r="CM29" s="87">
        <v>15</v>
      </c>
      <c r="CN29" s="88">
        <v>13</v>
      </c>
      <c r="CO29" s="89">
        <v>28</v>
      </c>
      <c r="CP29" s="399">
        <v>0</v>
      </c>
      <c r="CQ29" s="88">
        <v>21</v>
      </c>
      <c r="CR29" s="88">
        <v>20</v>
      </c>
      <c r="CS29" s="88">
        <v>10</v>
      </c>
      <c r="CT29" s="88">
        <v>2</v>
      </c>
      <c r="CU29" s="88">
        <v>8</v>
      </c>
      <c r="CV29" s="89">
        <v>61</v>
      </c>
      <c r="CW29" s="90">
        <v>89</v>
      </c>
      <c r="CX29" s="91">
        <v>3</v>
      </c>
      <c r="CY29" s="83">
        <v>7</v>
      </c>
      <c r="CZ29" s="84">
        <v>10</v>
      </c>
      <c r="DA29" s="399">
        <v>0</v>
      </c>
      <c r="DB29" s="83">
        <v>7</v>
      </c>
      <c r="DC29" s="83">
        <v>5</v>
      </c>
      <c r="DD29" s="83">
        <v>4</v>
      </c>
      <c r="DE29" s="83">
        <v>3</v>
      </c>
      <c r="DF29" s="83">
        <v>2</v>
      </c>
      <c r="DG29" s="85">
        <v>21</v>
      </c>
      <c r="DH29" s="86">
        <v>31</v>
      </c>
      <c r="DI29" s="87">
        <v>0</v>
      </c>
      <c r="DJ29" s="88">
        <v>0</v>
      </c>
      <c r="DK29" s="89">
        <v>0</v>
      </c>
      <c r="DL29" s="399">
        <v>0</v>
      </c>
      <c r="DM29" s="88">
        <v>0</v>
      </c>
      <c r="DN29" s="88">
        <v>0</v>
      </c>
      <c r="DO29" s="88">
        <v>0</v>
      </c>
      <c r="DP29" s="88">
        <v>0</v>
      </c>
      <c r="DQ29" s="88">
        <v>0</v>
      </c>
      <c r="DR29" s="89">
        <v>0</v>
      </c>
      <c r="DS29" s="90">
        <v>0</v>
      </c>
      <c r="DT29" s="87">
        <v>0</v>
      </c>
      <c r="DU29" s="88">
        <v>1</v>
      </c>
      <c r="DV29" s="89">
        <v>1</v>
      </c>
      <c r="DW29" s="399">
        <v>0</v>
      </c>
      <c r="DX29" s="88">
        <v>0</v>
      </c>
      <c r="DY29" s="88">
        <v>0</v>
      </c>
      <c r="DZ29" s="88">
        <v>0</v>
      </c>
      <c r="EA29" s="88">
        <v>0</v>
      </c>
      <c r="EB29" s="88">
        <v>0</v>
      </c>
      <c r="EC29" s="89">
        <v>0</v>
      </c>
      <c r="ED29" s="90">
        <v>1</v>
      </c>
      <c r="EE29" s="87">
        <v>0</v>
      </c>
      <c r="EF29" s="88">
        <v>2</v>
      </c>
      <c r="EG29" s="89">
        <v>2</v>
      </c>
      <c r="EH29" s="399">
        <v>0</v>
      </c>
      <c r="EI29" s="88">
        <v>0</v>
      </c>
      <c r="EJ29" s="88">
        <v>0</v>
      </c>
      <c r="EK29" s="88">
        <v>0</v>
      </c>
      <c r="EL29" s="88">
        <v>1</v>
      </c>
      <c r="EM29" s="88">
        <v>1</v>
      </c>
      <c r="EN29" s="89">
        <v>2</v>
      </c>
      <c r="EO29" s="90">
        <v>4</v>
      </c>
      <c r="EP29" s="87">
        <v>1</v>
      </c>
      <c r="EQ29" s="88">
        <v>1</v>
      </c>
      <c r="ER29" s="89">
        <v>2</v>
      </c>
      <c r="ES29" s="399">
        <v>0</v>
      </c>
      <c r="ET29" s="88">
        <v>3</v>
      </c>
      <c r="EU29" s="88">
        <v>0</v>
      </c>
      <c r="EV29" s="88">
        <v>0</v>
      </c>
      <c r="EW29" s="88">
        <v>0</v>
      </c>
      <c r="EX29" s="88">
        <v>0</v>
      </c>
      <c r="EY29" s="89">
        <v>3</v>
      </c>
      <c r="EZ29" s="90">
        <v>5</v>
      </c>
      <c r="FA29" s="87">
        <v>2</v>
      </c>
      <c r="FB29" s="88">
        <v>1</v>
      </c>
      <c r="FC29" s="89">
        <v>3</v>
      </c>
      <c r="FD29" s="399">
        <v>0</v>
      </c>
      <c r="FE29" s="88">
        <v>1</v>
      </c>
      <c r="FF29" s="88">
        <v>3</v>
      </c>
      <c r="FG29" s="88">
        <v>1</v>
      </c>
      <c r="FH29" s="88">
        <v>0</v>
      </c>
      <c r="FI29" s="88">
        <v>0</v>
      </c>
      <c r="FJ29" s="89">
        <v>5</v>
      </c>
      <c r="FK29" s="90">
        <v>8</v>
      </c>
      <c r="FL29" s="87">
        <v>0</v>
      </c>
      <c r="FM29" s="88">
        <v>2</v>
      </c>
      <c r="FN29" s="89">
        <v>2</v>
      </c>
      <c r="FO29" s="399">
        <v>0</v>
      </c>
      <c r="FP29" s="88">
        <v>3</v>
      </c>
      <c r="FQ29" s="88">
        <v>2</v>
      </c>
      <c r="FR29" s="88">
        <v>3</v>
      </c>
      <c r="FS29" s="88">
        <v>2</v>
      </c>
      <c r="FT29" s="88">
        <v>1</v>
      </c>
      <c r="FU29" s="89">
        <v>11</v>
      </c>
      <c r="FV29" s="90">
        <v>13</v>
      </c>
      <c r="FW29" s="87">
        <v>0</v>
      </c>
      <c r="FX29" s="88">
        <v>0</v>
      </c>
      <c r="FY29" s="89">
        <v>0</v>
      </c>
      <c r="FZ29" s="399">
        <v>0</v>
      </c>
      <c r="GA29" s="88">
        <v>0</v>
      </c>
      <c r="GB29" s="88">
        <v>0</v>
      </c>
      <c r="GC29" s="88">
        <v>0</v>
      </c>
      <c r="GD29" s="88">
        <v>0</v>
      </c>
      <c r="GE29" s="88">
        <v>0</v>
      </c>
      <c r="GF29" s="89">
        <v>0</v>
      </c>
      <c r="GG29" s="90">
        <v>0</v>
      </c>
      <c r="GH29" s="87">
        <v>3</v>
      </c>
      <c r="GI29" s="88">
        <v>7</v>
      </c>
      <c r="GJ29" s="89">
        <v>10</v>
      </c>
      <c r="GK29" s="399">
        <v>0</v>
      </c>
      <c r="GL29" s="88">
        <v>7</v>
      </c>
      <c r="GM29" s="88">
        <v>5</v>
      </c>
      <c r="GN29" s="88">
        <v>4</v>
      </c>
      <c r="GO29" s="88">
        <v>3</v>
      </c>
      <c r="GP29" s="88">
        <v>2</v>
      </c>
      <c r="GQ29" s="89">
        <v>21</v>
      </c>
      <c r="GR29" s="90">
        <v>31</v>
      </c>
      <c r="GS29" s="91">
        <v>18</v>
      </c>
      <c r="GT29" s="83">
        <v>20</v>
      </c>
      <c r="GU29" s="84">
        <v>38</v>
      </c>
      <c r="GV29" s="399">
        <v>0</v>
      </c>
      <c r="GW29" s="83">
        <v>28</v>
      </c>
      <c r="GX29" s="83">
        <v>25</v>
      </c>
      <c r="GY29" s="83">
        <v>14</v>
      </c>
      <c r="GZ29" s="83">
        <v>5</v>
      </c>
      <c r="HA29" s="83">
        <v>10</v>
      </c>
      <c r="HB29" s="85">
        <v>82</v>
      </c>
      <c r="HC29" s="86">
        <v>120</v>
      </c>
      <c r="HD29" s="87">
        <v>0</v>
      </c>
      <c r="HE29" s="88">
        <v>0</v>
      </c>
      <c r="HF29" s="89">
        <v>0</v>
      </c>
      <c r="HG29" s="399">
        <v>0</v>
      </c>
      <c r="HH29" s="88">
        <v>0</v>
      </c>
      <c r="HI29" s="88">
        <v>0</v>
      </c>
      <c r="HJ29" s="88">
        <v>0</v>
      </c>
      <c r="HK29" s="88">
        <v>0</v>
      </c>
      <c r="HL29" s="88">
        <v>0</v>
      </c>
      <c r="HM29" s="89">
        <v>0</v>
      </c>
      <c r="HN29" s="90">
        <v>0</v>
      </c>
      <c r="HO29" s="87">
        <v>0</v>
      </c>
      <c r="HP29" s="88">
        <v>1</v>
      </c>
      <c r="HQ29" s="89">
        <v>1</v>
      </c>
      <c r="HR29" s="399">
        <v>0</v>
      </c>
      <c r="HS29" s="88">
        <v>1</v>
      </c>
      <c r="HT29" s="88">
        <v>2</v>
      </c>
      <c r="HU29" s="88">
        <v>0</v>
      </c>
      <c r="HV29" s="88">
        <v>0</v>
      </c>
      <c r="HW29" s="88">
        <v>0</v>
      </c>
      <c r="HX29" s="89">
        <v>3</v>
      </c>
      <c r="HY29" s="90">
        <v>4</v>
      </c>
      <c r="HZ29" s="87">
        <v>2</v>
      </c>
      <c r="IA29" s="88">
        <v>4</v>
      </c>
      <c r="IB29" s="89">
        <v>6</v>
      </c>
      <c r="IC29" s="399">
        <v>0</v>
      </c>
      <c r="ID29" s="88">
        <v>3</v>
      </c>
      <c r="IE29" s="88">
        <v>3</v>
      </c>
      <c r="IF29" s="88">
        <v>0</v>
      </c>
      <c r="IG29" s="88">
        <v>1</v>
      </c>
      <c r="IH29" s="88">
        <v>3</v>
      </c>
      <c r="II29" s="89">
        <v>10</v>
      </c>
      <c r="IJ29" s="90">
        <v>16</v>
      </c>
      <c r="IK29" s="87">
        <v>2</v>
      </c>
      <c r="IL29" s="88">
        <v>5</v>
      </c>
      <c r="IM29" s="89">
        <v>7</v>
      </c>
      <c r="IN29" s="399">
        <v>0</v>
      </c>
      <c r="IO29" s="88">
        <v>8</v>
      </c>
      <c r="IP29" s="88">
        <v>3</v>
      </c>
      <c r="IQ29" s="88">
        <v>3</v>
      </c>
      <c r="IR29" s="88">
        <v>0</v>
      </c>
      <c r="IS29" s="88">
        <v>2</v>
      </c>
      <c r="IT29" s="89">
        <v>16</v>
      </c>
      <c r="IU29" s="90">
        <v>23</v>
      </c>
      <c r="IV29" s="87">
        <v>10</v>
      </c>
      <c r="IW29" s="88">
        <v>4</v>
      </c>
      <c r="IX29" s="89">
        <v>14</v>
      </c>
      <c r="IY29" s="399">
        <v>0</v>
      </c>
      <c r="IZ29" s="88">
        <v>7</v>
      </c>
      <c r="JA29" s="88">
        <v>10</v>
      </c>
      <c r="JB29" s="88">
        <v>5</v>
      </c>
      <c r="JC29" s="88">
        <v>0</v>
      </c>
      <c r="JD29" s="88">
        <v>3</v>
      </c>
      <c r="JE29" s="89">
        <v>25</v>
      </c>
      <c r="JF29" s="90">
        <v>39</v>
      </c>
      <c r="JG29" s="87">
        <v>4</v>
      </c>
      <c r="JH29" s="88">
        <v>6</v>
      </c>
      <c r="JI29" s="89">
        <v>10</v>
      </c>
      <c r="JJ29" s="399">
        <v>0</v>
      </c>
      <c r="JK29" s="88">
        <v>9</v>
      </c>
      <c r="JL29" s="88">
        <v>7</v>
      </c>
      <c r="JM29" s="88">
        <v>6</v>
      </c>
      <c r="JN29" s="88">
        <v>4</v>
      </c>
      <c r="JO29" s="88">
        <v>2</v>
      </c>
      <c r="JP29" s="89">
        <v>28</v>
      </c>
      <c r="JQ29" s="90">
        <v>38</v>
      </c>
      <c r="JR29" s="87">
        <v>0</v>
      </c>
      <c r="JS29" s="88">
        <v>0</v>
      </c>
      <c r="JT29" s="89">
        <v>0</v>
      </c>
      <c r="JU29" s="399">
        <v>0</v>
      </c>
      <c r="JV29" s="88">
        <v>0</v>
      </c>
      <c r="JW29" s="88">
        <v>0</v>
      </c>
      <c r="JX29" s="88">
        <v>0</v>
      </c>
      <c r="JY29" s="88">
        <v>0</v>
      </c>
      <c r="JZ29" s="88">
        <v>0</v>
      </c>
      <c r="KA29" s="89">
        <v>0</v>
      </c>
      <c r="KB29" s="90">
        <v>0</v>
      </c>
      <c r="KC29" s="87">
        <v>18</v>
      </c>
      <c r="KD29" s="88">
        <v>20</v>
      </c>
      <c r="KE29" s="89">
        <v>38</v>
      </c>
      <c r="KF29" s="399">
        <v>0</v>
      </c>
      <c r="KG29" s="88">
        <v>28</v>
      </c>
      <c r="KH29" s="88">
        <v>25</v>
      </c>
      <c r="KI29" s="88">
        <v>14</v>
      </c>
      <c r="KJ29" s="88">
        <v>5</v>
      </c>
      <c r="KK29" s="88">
        <v>10</v>
      </c>
      <c r="KL29" s="89">
        <v>82</v>
      </c>
      <c r="KM29" s="90">
        <v>120</v>
      </c>
    </row>
    <row r="30" spans="2:299" s="56" customFormat="1" ht="21" customHeight="1" x14ac:dyDescent="0.2">
      <c r="B30" s="92" t="s">
        <v>27</v>
      </c>
      <c r="C30" s="82">
        <v>10</v>
      </c>
      <c r="D30" s="83">
        <v>22</v>
      </c>
      <c r="E30" s="84">
        <v>32</v>
      </c>
      <c r="F30" s="399">
        <v>0</v>
      </c>
      <c r="G30" s="83">
        <v>20</v>
      </c>
      <c r="H30" s="83">
        <v>13</v>
      </c>
      <c r="I30" s="83">
        <v>9</v>
      </c>
      <c r="J30" s="83">
        <v>10</v>
      </c>
      <c r="K30" s="83">
        <v>5</v>
      </c>
      <c r="L30" s="85">
        <v>57</v>
      </c>
      <c r="M30" s="86">
        <v>89</v>
      </c>
      <c r="N30" s="87">
        <v>0</v>
      </c>
      <c r="O30" s="88">
        <v>1</v>
      </c>
      <c r="P30" s="89">
        <v>1</v>
      </c>
      <c r="Q30" s="399">
        <v>0</v>
      </c>
      <c r="R30" s="88">
        <v>0</v>
      </c>
      <c r="S30" s="88">
        <v>0</v>
      </c>
      <c r="T30" s="88">
        <v>0</v>
      </c>
      <c r="U30" s="88">
        <v>2</v>
      </c>
      <c r="V30" s="88">
        <v>0</v>
      </c>
      <c r="W30" s="89">
        <v>2</v>
      </c>
      <c r="X30" s="90">
        <v>3</v>
      </c>
      <c r="Y30" s="87">
        <v>0</v>
      </c>
      <c r="Z30" s="88">
        <v>3</v>
      </c>
      <c r="AA30" s="89">
        <v>3</v>
      </c>
      <c r="AB30" s="399">
        <v>0</v>
      </c>
      <c r="AC30" s="88">
        <v>1</v>
      </c>
      <c r="AD30" s="88">
        <v>1</v>
      </c>
      <c r="AE30" s="88">
        <v>1</v>
      </c>
      <c r="AF30" s="88">
        <v>0</v>
      </c>
      <c r="AG30" s="88">
        <v>2</v>
      </c>
      <c r="AH30" s="89">
        <v>5</v>
      </c>
      <c r="AI30" s="90">
        <v>8</v>
      </c>
      <c r="AJ30" s="87">
        <v>0</v>
      </c>
      <c r="AK30" s="88">
        <v>4</v>
      </c>
      <c r="AL30" s="89">
        <v>4</v>
      </c>
      <c r="AM30" s="399">
        <v>0</v>
      </c>
      <c r="AN30" s="88">
        <v>1</v>
      </c>
      <c r="AO30" s="88">
        <v>2</v>
      </c>
      <c r="AP30" s="88">
        <v>0</v>
      </c>
      <c r="AQ30" s="88">
        <v>1</v>
      </c>
      <c r="AR30" s="88">
        <v>1</v>
      </c>
      <c r="AS30" s="89">
        <v>5</v>
      </c>
      <c r="AT30" s="90">
        <v>9</v>
      </c>
      <c r="AU30" s="87">
        <v>2</v>
      </c>
      <c r="AV30" s="88">
        <v>6</v>
      </c>
      <c r="AW30" s="89">
        <v>8</v>
      </c>
      <c r="AX30" s="399">
        <v>0</v>
      </c>
      <c r="AY30" s="88">
        <v>4</v>
      </c>
      <c r="AZ30" s="88">
        <v>2</v>
      </c>
      <c r="BA30" s="88">
        <v>4</v>
      </c>
      <c r="BB30" s="88">
        <v>1</v>
      </c>
      <c r="BC30" s="88">
        <v>1</v>
      </c>
      <c r="BD30" s="89">
        <v>12</v>
      </c>
      <c r="BE30" s="90">
        <v>20</v>
      </c>
      <c r="BF30" s="87">
        <v>6</v>
      </c>
      <c r="BG30" s="88">
        <v>4</v>
      </c>
      <c r="BH30" s="89">
        <v>10</v>
      </c>
      <c r="BI30" s="399">
        <v>0</v>
      </c>
      <c r="BJ30" s="88">
        <v>9</v>
      </c>
      <c r="BK30" s="88">
        <v>3</v>
      </c>
      <c r="BL30" s="88">
        <v>2</v>
      </c>
      <c r="BM30" s="88">
        <v>5</v>
      </c>
      <c r="BN30" s="88">
        <v>0</v>
      </c>
      <c r="BO30" s="89">
        <v>19</v>
      </c>
      <c r="BP30" s="90">
        <v>29</v>
      </c>
      <c r="BQ30" s="87">
        <v>2</v>
      </c>
      <c r="BR30" s="88">
        <v>4</v>
      </c>
      <c r="BS30" s="89">
        <v>6</v>
      </c>
      <c r="BT30" s="399">
        <v>0</v>
      </c>
      <c r="BU30" s="88">
        <v>5</v>
      </c>
      <c r="BV30" s="88">
        <v>5</v>
      </c>
      <c r="BW30" s="88">
        <v>2</v>
      </c>
      <c r="BX30" s="88">
        <v>1</v>
      </c>
      <c r="BY30" s="88">
        <v>1</v>
      </c>
      <c r="BZ30" s="89">
        <v>14</v>
      </c>
      <c r="CA30" s="90">
        <v>20</v>
      </c>
      <c r="CB30" s="87">
        <v>0</v>
      </c>
      <c r="CC30" s="88">
        <v>0</v>
      </c>
      <c r="CD30" s="89">
        <v>0</v>
      </c>
      <c r="CE30" s="399">
        <v>0</v>
      </c>
      <c r="CF30" s="88">
        <v>0</v>
      </c>
      <c r="CG30" s="88">
        <v>0</v>
      </c>
      <c r="CH30" s="88">
        <v>0</v>
      </c>
      <c r="CI30" s="88">
        <v>0</v>
      </c>
      <c r="CJ30" s="88">
        <v>0</v>
      </c>
      <c r="CK30" s="89">
        <v>0</v>
      </c>
      <c r="CL30" s="90">
        <v>0</v>
      </c>
      <c r="CM30" s="87">
        <v>10</v>
      </c>
      <c r="CN30" s="88">
        <v>22</v>
      </c>
      <c r="CO30" s="89">
        <v>32</v>
      </c>
      <c r="CP30" s="399">
        <v>0</v>
      </c>
      <c r="CQ30" s="88">
        <v>20</v>
      </c>
      <c r="CR30" s="88">
        <v>13</v>
      </c>
      <c r="CS30" s="88">
        <v>9</v>
      </c>
      <c r="CT30" s="88">
        <v>10</v>
      </c>
      <c r="CU30" s="88">
        <v>5</v>
      </c>
      <c r="CV30" s="89">
        <v>57</v>
      </c>
      <c r="CW30" s="90">
        <v>89</v>
      </c>
      <c r="CX30" s="91">
        <v>4</v>
      </c>
      <c r="CY30" s="83">
        <v>2</v>
      </c>
      <c r="CZ30" s="84">
        <v>6</v>
      </c>
      <c r="DA30" s="399">
        <v>0</v>
      </c>
      <c r="DB30" s="83">
        <v>7</v>
      </c>
      <c r="DC30" s="83">
        <v>2</v>
      </c>
      <c r="DD30" s="83">
        <v>5</v>
      </c>
      <c r="DE30" s="83">
        <v>3</v>
      </c>
      <c r="DF30" s="83">
        <v>2</v>
      </c>
      <c r="DG30" s="85">
        <v>19</v>
      </c>
      <c r="DH30" s="86">
        <v>25</v>
      </c>
      <c r="DI30" s="87">
        <v>0</v>
      </c>
      <c r="DJ30" s="88">
        <v>0</v>
      </c>
      <c r="DK30" s="89">
        <v>0</v>
      </c>
      <c r="DL30" s="399">
        <v>0</v>
      </c>
      <c r="DM30" s="88">
        <v>0</v>
      </c>
      <c r="DN30" s="88">
        <v>0</v>
      </c>
      <c r="DO30" s="88">
        <v>0</v>
      </c>
      <c r="DP30" s="88">
        <v>0</v>
      </c>
      <c r="DQ30" s="88">
        <v>0</v>
      </c>
      <c r="DR30" s="89">
        <v>0</v>
      </c>
      <c r="DS30" s="90">
        <v>0</v>
      </c>
      <c r="DT30" s="87">
        <v>0</v>
      </c>
      <c r="DU30" s="88">
        <v>0</v>
      </c>
      <c r="DV30" s="89">
        <v>0</v>
      </c>
      <c r="DW30" s="399">
        <v>0</v>
      </c>
      <c r="DX30" s="88">
        <v>1</v>
      </c>
      <c r="DY30" s="88">
        <v>0</v>
      </c>
      <c r="DZ30" s="88">
        <v>0</v>
      </c>
      <c r="EA30" s="88">
        <v>0</v>
      </c>
      <c r="EB30" s="88">
        <v>0</v>
      </c>
      <c r="EC30" s="89">
        <v>1</v>
      </c>
      <c r="ED30" s="90">
        <v>1</v>
      </c>
      <c r="EE30" s="87">
        <v>1</v>
      </c>
      <c r="EF30" s="88">
        <v>0</v>
      </c>
      <c r="EG30" s="89">
        <v>1</v>
      </c>
      <c r="EH30" s="399">
        <v>0</v>
      </c>
      <c r="EI30" s="88">
        <v>0</v>
      </c>
      <c r="EJ30" s="88">
        <v>0</v>
      </c>
      <c r="EK30" s="88">
        <v>0</v>
      </c>
      <c r="EL30" s="88">
        <v>0</v>
      </c>
      <c r="EM30" s="88">
        <v>0</v>
      </c>
      <c r="EN30" s="89">
        <v>0</v>
      </c>
      <c r="EO30" s="90">
        <v>1</v>
      </c>
      <c r="EP30" s="87">
        <v>3</v>
      </c>
      <c r="EQ30" s="88">
        <v>0</v>
      </c>
      <c r="ER30" s="89">
        <v>3</v>
      </c>
      <c r="ES30" s="399">
        <v>0</v>
      </c>
      <c r="ET30" s="88">
        <v>1</v>
      </c>
      <c r="EU30" s="88">
        <v>1</v>
      </c>
      <c r="EV30" s="88">
        <v>0</v>
      </c>
      <c r="EW30" s="88">
        <v>2</v>
      </c>
      <c r="EX30" s="88">
        <v>0</v>
      </c>
      <c r="EY30" s="89">
        <v>4</v>
      </c>
      <c r="EZ30" s="90">
        <v>7</v>
      </c>
      <c r="FA30" s="87">
        <v>0</v>
      </c>
      <c r="FB30" s="88">
        <v>1</v>
      </c>
      <c r="FC30" s="89">
        <v>1</v>
      </c>
      <c r="FD30" s="399">
        <v>0</v>
      </c>
      <c r="FE30" s="88">
        <v>2</v>
      </c>
      <c r="FF30" s="88">
        <v>1</v>
      </c>
      <c r="FG30" s="88">
        <v>1</v>
      </c>
      <c r="FH30" s="88">
        <v>1</v>
      </c>
      <c r="FI30" s="88">
        <v>0</v>
      </c>
      <c r="FJ30" s="89">
        <v>5</v>
      </c>
      <c r="FK30" s="90">
        <v>6</v>
      </c>
      <c r="FL30" s="87">
        <v>0</v>
      </c>
      <c r="FM30" s="88">
        <v>1</v>
      </c>
      <c r="FN30" s="89">
        <v>1</v>
      </c>
      <c r="FO30" s="399">
        <v>0</v>
      </c>
      <c r="FP30" s="88">
        <v>3</v>
      </c>
      <c r="FQ30" s="88">
        <v>0</v>
      </c>
      <c r="FR30" s="88">
        <v>4</v>
      </c>
      <c r="FS30" s="88">
        <v>0</v>
      </c>
      <c r="FT30" s="88">
        <v>2</v>
      </c>
      <c r="FU30" s="89">
        <v>9</v>
      </c>
      <c r="FV30" s="90">
        <v>10</v>
      </c>
      <c r="FW30" s="87">
        <v>0</v>
      </c>
      <c r="FX30" s="88">
        <v>0</v>
      </c>
      <c r="FY30" s="89">
        <v>0</v>
      </c>
      <c r="FZ30" s="399">
        <v>0</v>
      </c>
      <c r="GA30" s="88">
        <v>0</v>
      </c>
      <c r="GB30" s="88">
        <v>0</v>
      </c>
      <c r="GC30" s="88">
        <v>0</v>
      </c>
      <c r="GD30" s="88">
        <v>0</v>
      </c>
      <c r="GE30" s="88">
        <v>0</v>
      </c>
      <c r="GF30" s="89">
        <v>0</v>
      </c>
      <c r="GG30" s="90">
        <v>0</v>
      </c>
      <c r="GH30" s="87">
        <v>4</v>
      </c>
      <c r="GI30" s="88">
        <v>2</v>
      </c>
      <c r="GJ30" s="89">
        <v>6</v>
      </c>
      <c r="GK30" s="399">
        <v>0</v>
      </c>
      <c r="GL30" s="88">
        <v>7</v>
      </c>
      <c r="GM30" s="88">
        <v>2</v>
      </c>
      <c r="GN30" s="88">
        <v>5</v>
      </c>
      <c r="GO30" s="88">
        <v>3</v>
      </c>
      <c r="GP30" s="88">
        <v>2</v>
      </c>
      <c r="GQ30" s="89">
        <v>19</v>
      </c>
      <c r="GR30" s="90">
        <v>25</v>
      </c>
      <c r="GS30" s="91">
        <v>14</v>
      </c>
      <c r="GT30" s="83">
        <v>24</v>
      </c>
      <c r="GU30" s="84">
        <v>38</v>
      </c>
      <c r="GV30" s="399">
        <v>0</v>
      </c>
      <c r="GW30" s="83">
        <v>27</v>
      </c>
      <c r="GX30" s="83">
        <v>15</v>
      </c>
      <c r="GY30" s="83">
        <v>14</v>
      </c>
      <c r="GZ30" s="83">
        <v>13</v>
      </c>
      <c r="HA30" s="83">
        <v>7</v>
      </c>
      <c r="HB30" s="85">
        <v>76</v>
      </c>
      <c r="HC30" s="86">
        <v>114</v>
      </c>
      <c r="HD30" s="87">
        <v>0</v>
      </c>
      <c r="HE30" s="88">
        <v>1</v>
      </c>
      <c r="HF30" s="89">
        <v>1</v>
      </c>
      <c r="HG30" s="399">
        <v>0</v>
      </c>
      <c r="HH30" s="88">
        <v>0</v>
      </c>
      <c r="HI30" s="88">
        <v>0</v>
      </c>
      <c r="HJ30" s="88">
        <v>0</v>
      </c>
      <c r="HK30" s="88">
        <v>2</v>
      </c>
      <c r="HL30" s="88">
        <v>0</v>
      </c>
      <c r="HM30" s="89">
        <v>2</v>
      </c>
      <c r="HN30" s="90">
        <v>3</v>
      </c>
      <c r="HO30" s="87">
        <v>0</v>
      </c>
      <c r="HP30" s="88">
        <v>3</v>
      </c>
      <c r="HQ30" s="89">
        <v>3</v>
      </c>
      <c r="HR30" s="399">
        <v>0</v>
      </c>
      <c r="HS30" s="88">
        <v>2</v>
      </c>
      <c r="HT30" s="88">
        <v>1</v>
      </c>
      <c r="HU30" s="88">
        <v>1</v>
      </c>
      <c r="HV30" s="88">
        <v>0</v>
      </c>
      <c r="HW30" s="88">
        <v>2</v>
      </c>
      <c r="HX30" s="89">
        <v>6</v>
      </c>
      <c r="HY30" s="90">
        <v>9</v>
      </c>
      <c r="HZ30" s="87">
        <v>1</v>
      </c>
      <c r="IA30" s="88">
        <v>4</v>
      </c>
      <c r="IB30" s="89">
        <v>5</v>
      </c>
      <c r="IC30" s="399">
        <v>0</v>
      </c>
      <c r="ID30" s="88">
        <v>1</v>
      </c>
      <c r="IE30" s="88">
        <v>2</v>
      </c>
      <c r="IF30" s="88">
        <v>0</v>
      </c>
      <c r="IG30" s="88">
        <v>1</v>
      </c>
      <c r="IH30" s="88">
        <v>1</v>
      </c>
      <c r="II30" s="89">
        <v>5</v>
      </c>
      <c r="IJ30" s="90">
        <v>10</v>
      </c>
      <c r="IK30" s="87">
        <v>5</v>
      </c>
      <c r="IL30" s="88">
        <v>6</v>
      </c>
      <c r="IM30" s="89">
        <v>11</v>
      </c>
      <c r="IN30" s="399">
        <v>0</v>
      </c>
      <c r="IO30" s="88">
        <v>5</v>
      </c>
      <c r="IP30" s="88">
        <v>3</v>
      </c>
      <c r="IQ30" s="88">
        <v>4</v>
      </c>
      <c r="IR30" s="88">
        <v>3</v>
      </c>
      <c r="IS30" s="88">
        <v>1</v>
      </c>
      <c r="IT30" s="89">
        <v>16</v>
      </c>
      <c r="IU30" s="90">
        <v>27</v>
      </c>
      <c r="IV30" s="87">
        <v>6</v>
      </c>
      <c r="IW30" s="88">
        <v>5</v>
      </c>
      <c r="IX30" s="89">
        <v>11</v>
      </c>
      <c r="IY30" s="399">
        <v>0</v>
      </c>
      <c r="IZ30" s="88">
        <v>11</v>
      </c>
      <c r="JA30" s="88">
        <v>4</v>
      </c>
      <c r="JB30" s="88">
        <v>3</v>
      </c>
      <c r="JC30" s="88">
        <v>6</v>
      </c>
      <c r="JD30" s="88">
        <v>0</v>
      </c>
      <c r="JE30" s="89">
        <v>24</v>
      </c>
      <c r="JF30" s="90">
        <v>35</v>
      </c>
      <c r="JG30" s="87">
        <v>2</v>
      </c>
      <c r="JH30" s="88">
        <v>5</v>
      </c>
      <c r="JI30" s="89">
        <v>7</v>
      </c>
      <c r="JJ30" s="399">
        <v>0</v>
      </c>
      <c r="JK30" s="88">
        <v>8</v>
      </c>
      <c r="JL30" s="88">
        <v>5</v>
      </c>
      <c r="JM30" s="88">
        <v>6</v>
      </c>
      <c r="JN30" s="88">
        <v>1</v>
      </c>
      <c r="JO30" s="88">
        <v>3</v>
      </c>
      <c r="JP30" s="89">
        <v>23</v>
      </c>
      <c r="JQ30" s="90">
        <v>30</v>
      </c>
      <c r="JR30" s="87">
        <v>0</v>
      </c>
      <c r="JS30" s="88">
        <v>0</v>
      </c>
      <c r="JT30" s="89">
        <v>0</v>
      </c>
      <c r="JU30" s="399">
        <v>0</v>
      </c>
      <c r="JV30" s="88">
        <v>0</v>
      </c>
      <c r="JW30" s="88">
        <v>0</v>
      </c>
      <c r="JX30" s="88">
        <v>0</v>
      </c>
      <c r="JY30" s="88">
        <v>0</v>
      </c>
      <c r="JZ30" s="88">
        <v>0</v>
      </c>
      <c r="KA30" s="89">
        <v>0</v>
      </c>
      <c r="KB30" s="90">
        <v>0</v>
      </c>
      <c r="KC30" s="87">
        <v>14</v>
      </c>
      <c r="KD30" s="88">
        <v>24</v>
      </c>
      <c r="KE30" s="89">
        <v>38</v>
      </c>
      <c r="KF30" s="399">
        <v>0</v>
      </c>
      <c r="KG30" s="88">
        <v>27</v>
      </c>
      <c r="KH30" s="88">
        <v>15</v>
      </c>
      <c r="KI30" s="88">
        <v>14</v>
      </c>
      <c r="KJ30" s="88">
        <v>13</v>
      </c>
      <c r="KK30" s="88">
        <v>7</v>
      </c>
      <c r="KL30" s="89">
        <v>76</v>
      </c>
      <c r="KM30" s="90">
        <v>114</v>
      </c>
    </row>
    <row r="31" spans="2:299" s="56" customFormat="1" ht="21" customHeight="1" x14ac:dyDescent="0.2">
      <c r="B31" s="92" t="s">
        <v>28</v>
      </c>
      <c r="C31" s="82">
        <v>0</v>
      </c>
      <c r="D31" s="83">
        <v>3</v>
      </c>
      <c r="E31" s="84">
        <v>3</v>
      </c>
      <c r="F31" s="399">
        <v>0</v>
      </c>
      <c r="G31" s="83">
        <v>7</v>
      </c>
      <c r="H31" s="83">
        <v>3</v>
      </c>
      <c r="I31" s="83">
        <v>5</v>
      </c>
      <c r="J31" s="83">
        <v>2</v>
      </c>
      <c r="K31" s="83">
        <v>0</v>
      </c>
      <c r="L31" s="85">
        <v>17</v>
      </c>
      <c r="M31" s="86">
        <v>20</v>
      </c>
      <c r="N31" s="87">
        <v>0</v>
      </c>
      <c r="O31" s="88">
        <v>1</v>
      </c>
      <c r="P31" s="89">
        <v>1</v>
      </c>
      <c r="Q31" s="399">
        <v>0</v>
      </c>
      <c r="R31" s="88">
        <v>1</v>
      </c>
      <c r="S31" s="88">
        <v>1</v>
      </c>
      <c r="T31" s="88">
        <v>0</v>
      </c>
      <c r="U31" s="88">
        <v>0</v>
      </c>
      <c r="V31" s="88">
        <v>0</v>
      </c>
      <c r="W31" s="89">
        <v>2</v>
      </c>
      <c r="X31" s="90">
        <v>3</v>
      </c>
      <c r="Y31" s="87">
        <v>0</v>
      </c>
      <c r="Z31" s="88">
        <v>1</v>
      </c>
      <c r="AA31" s="89">
        <v>1</v>
      </c>
      <c r="AB31" s="399">
        <v>0</v>
      </c>
      <c r="AC31" s="88">
        <v>0</v>
      </c>
      <c r="AD31" s="88">
        <v>1</v>
      </c>
      <c r="AE31" s="88">
        <v>1</v>
      </c>
      <c r="AF31" s="88">
        <v>0</v>
      </c>
      <c r="AG31" s="88">
        <v>0</v>
      </c>
      <c r="AH31" s="89">
        <v>2</v>
      </c>
      <c r="AI31" s="90">
        <v>3</v>
      </c>
      <c r="AJ31" s="87">
        <v>0</v>
      </c>
      <c r="AK31" s="88">
        <v>0</v>
      </c>
      <c r="AL31" s="89">
        <v>0</v>
      </c>
      <c r="AM31" s="399">
        <v>0</v>
      </c>
      <c r="AN31" s="88">
        <v>2</v>
      </c>
      <c r="AO31" s="88">
        <v>1</v>
      </c>
      <c r="AP31" s="88">
        <v>0</v>
      </c>
      <c r="AQ31" s="88">
        <v>0</v>
      </c>
      <c r="AR31" s="88">
        <v>0</v>
      </c>
      <c r="AS31" s="89">
        <v>3</v>
      </c>
      <c r="AT31" s="90">
        <v>3</v>
      </c>
      <c r="AU31" s="87">
        <v>0</v>
      </c>
      <c r="AV31" s="88">
        <v>0</v>
      </c>
      <c r="AW31" s="89">
        <v>0</v>
      </c>
      <c r="AX31" s="399">
        <v>0</v>
      </c>
      <c r="AY31" s="88">
        <v>1</v>
      </c>
      <c r="AZ31" s="88">
        <v>0</v>
      </c>
      <c r="BA31" s="88">
        <v>2</v>
      </c>
      <c r="BB31" s="88">
        <v>0</v>
      </c>
      <c r="BC31" s="88">
        <v>0</v>
      </c>
      <c r="BD31" s="89">
        <v>3</v>
      </c>
      <c r="BE31" s="90">
        <v>3</v>
      </c>
      <c r="BF31" s="87">
        <v>0</v>
      </c>
      <c r="BG31" s="88">
        <v>1</v>
      </c>
      <c r="BH31" s="89">
        <v>1</v>
      </c>
      <c r="BI31" s="399">
        <v>0</v>
      </c>
      <c r="BJ31" s="88">
        <v>1</v>
      </c>
      <c r="BK31" s="88">
        <v>0</v>
      </c>
      <c r="BL31" s="88">
        <v>1</v>
      </c>
      <c r="BM31" s="88">
        <v>1</v>
      </c>
      <c r="BN31" s="88">
        <v>0</v>
      </c>
      <c r="BO31" s="89">
        <v>3</v>
      </c>
      <c r="BP31" s="90">
        <v>4</v>
      </c>
      <c r="BQ31" s="87">
        <v>0</v>
      </c>
      <c r="BR31" s="88">
        <v>0</v>
      </c>
      <c r="BS31" s="89">
        <v>0</v>
      </c>
      <c r="BT31" s="399">
        <v>0</v>
      </c>
      <c r="BU31" s="88">
        <v>2</v>
      </c>
      <c r="BV31" s="88">
        <v>0</v>
      </c>
      <c r="BW31" s="88">
        <v>1</v>
      </c>
      <c r="BX31" s="88">
        <v>1</v>
      </c>
      <c r="BY31" s="88">
        <v>0</v>
      </c>
      <c r="BZ31" s="89">
        <v>4</v>
      </c>
      <c r="CA31" s="90">
        <v>4</v>
      </c>
      <c r="CB31" s="87">
        <v>0</v>
      </c>
      <c r="CC31" s="88">
        <v>0</v>
      </c>
      <c r="CD31" s="89">
        <v>0</v>
      </c>
      <c r="CE31" s="399">
        <v>0</v>
      </c>
      <c r="CF31" s="88">
        <v>0</v>
      </c>
      <c r="CG31" s="88">
        <v>0</v>
      </c>
      <c r="CH31" s="88">
        <v>0</v>
      </c>
      <c r="CI31" s="88">
        <v>0</v>
      </c>
      <c r="CJ31" s="88">
        <v>0</v>
      </c>
      <c r="CK31" s="89">
        <v>0</v>
      </c>
      <c r="CL31" s="90">
        <v>0</v>
      </c>
      <c r="CM31" s="87">
        <v>0</v>
      </c>
      <c r="CN31" s="88">
        <v>3</v>
      </c>
      <c r="CO31" s="89">
        <v>3</v>
      </c>
      <c r="CP31" s="399">
        <v>0</v>
      </c>
      <c r="CQ31" s="88">
        <v>7</v>
      </c>
      <c r="CR31" s="88">
        <v>3</v>
      </c>
      <c r="CS31" s="88">
        <v>5</v>
      </c>
      <c r="CT31" s="88">
        <v>2</v>
      </c>
      <c r="CU31" s="88">
        <v>0</v>
      </c>
      <c r="CV31" s="89">
        <v>17</v>
      </c>
      <c r="CW31" s="90">
        <v>20</v>
      </c>
      <c r="CX31" s="91">
        <v>0</v>
      </c>
      <c r="CY31" s="83">
        <v>1</v>
      </c>
      <c r="CZ31" s="84">
        <v>1</v>
      </c>
      <c r="DA31" s="399">
        <v>0</v>
      </c>
      <c r="DB31" s="83">
        <v>2</v>
      </c>
      <c r="DC31" s="83">
        <v>3</v>
      </c>
      <c r="DD31" s="83">
        <v>2</v>
      </c>
      <c r="DE31" s="83">
        <v>0</v>
      </c>
      <c r="DF31" s="83">
        <v>1</v>
      </c>
      <c r="DG31" s="85">
        <v>8</v>
      </c>
      <c r="DH31" s="86">
        <v>9</v>
      </c>
      <c r="DI31" s="87">
        <v>0</v>
      </c>
      <c r="DJ31" s="88">
        <v>0</v>
      </c>
      <c r="DK31" s="89">
        <v>0</v>
      </c>
      <c r="DL31" s="399">
        <v>0</v>
      </c>
      <c r="DM31" s="88">
        <v>0</v>
      </c>
      <c r="DN31" s="88">
        <v>0</v>
      </c>
      <c r="DO31" s="88">
        <v>0</v>
      </c>
      <c r="DP31" s="88">
        <v>0</v>
      </c>
      <c r="DQ31" s="88">
        <v>0</v>
      </c>
      <c r="DR31" s="89">
        <v>0</v>
      </c>
      <c r="DS31" s="90">
        <v>0</v>
      </c>
      <c r="DT31" s="87">
        <v>0</v>
      </c>
      <c r="DU31" s="88">
        <v>0</v>
      </c>
      <c r="DV31" s="89">
        <v>0</v>
      </c>
      <c r="DW31" s="399">
        <v>0</v>
      </c>
      <c r="DX31" s="88">
        <v>1</v>
      </c>
      <c r="DY31" s="88">
        <v>0</v>
      </c>
      <c r="DZ31" s="88">
        <v>1</v>
      </c>
      <c r="EA31" s="88">
        <v>0</v>
      </c>
      <c r="EB31" s="88">
        <v>0</v>
      </c>
      <c r="EC31" s="89">
        <v>2</v>
      </c>
      <c r="ED31" s="90">
        <v>2</v>
      </c>
      <c r="EE31" s="87">
        <v>0</v>
      </c>
      <c r="EF31" s="88">
        <v>0</v>
      </c>
      <c r="EG31" s="89">
        <v>0</v>
      </c>
      <c r="EH31" s="399">
        <v>0</v>
      </c>
      <c r="EI31" s="88">
        <v>0</v>
      </c>
      <c r="EJ31" s="88">
        <v>0</v>
      </c>
      <c r="EK31" s="88">
        <v>0</v>
      </c>
      <c r="EL31" s="88">
        <v>0</v>
      </c>
      <c r="EM31" s="88">
        <v>0</v>
      </c>
      <c r="EN31" s="89">
        <v>0</v>
      </c>
      <c r="EO31" s="90">
        <v>0</v>
      </c>
      <c r="EP31" s="87">
        <v>0</v>
      </c>
      <c r="EQ31" s="88">
        <v>0</v>
      </c>
      <c r="ER31" s="89">
        <v>0</v>
      </c>
      <c r="ES31" s="399">
        <v>0</v>
      </c>
      <c r="ET31" s="88">
        <v>1</v>
      </c>
      <c r="EU31" s="88">
        <v>0</v>
      </c>
      <c r="EV31" s="88">
        <v>0</v>
      </c>
      <c r="EW31" s="88">
        <v>0</v>
      </c>
      <c r="EX31" s="88">
        <v>0</v>
      </c>
      <c r="EY31" s="89">
        <v>1</v>
      </c>
      <c r="EZ31" s="90">
        <v>1</v>
      </c>
      <c r="FA31" s="87">
        <v>0</v>
      </c>
      <c r="FB31" s="88">
        <v>1</v>
      </c>
      <c r="FC31" s="89">
        <v>1</v>
      </c>
      <c r="FD31" s="399">
        <v>0</v>
      </c>
      <c r="FE31" s="88">
        <v>0</v>
      </c>
      <c r="FF31" s="88">
        <v>1</v>
      </c>
      <c r="FG31" s="88">
        <v>1</v>
      </c>
      <c r="FH31" s="88">
        <v>0</v>
      </c>
      <c r="FI31" s="88">
        <v>0</v>
      </c>
      <c r="FJ31" s="89">
        <v>2</v>
      </c>
      <c r="FK31" s="90">
        <v>3</v>
      </c>
      <c r="FL31" s="87">
        <v>0</v>
      </c>
      <c r="FM31" s="88">
        <v>0</v>
      </c>
      <c r="FN31" s="89">
        <v>0</v>
      </c>
      <c r="FO31" s="399">
        <v>0</v>
      </c>
      <c r="FP31" s="88">
        <v>0</v>
      </c>
      <c r="FQ31" s="88">
        <v>2</v>
      </c>
      <c r="FR31" s="88">
        <v>0</v>
      </c>
      <c r="FS31" s="88">
        <v>0</v>
      </c>
      <c r="FT31" s="88">
        <v>1</v>
      </c>
      <c r="FU31" s="89">
        <v>3</v>
      </c>
      <c r="FV31" s="90">
        <v>3</v>
      </c>
      <c r="FW31" s="87">
        <v>0</v>
      </c>
      <c r="FX31" s="88">
        <v>0</v>
      </c>
      <c r="FY31" s="89">
        <v>0</v>
      </c>
      <c r="FZ31" s="399">
        <v>0</v>
      </c>
      <c r="GA31" s="88">
        <v>0</v>
      </c>
      <c r="GB31" s="88">
        <v>0</v>
      </c>
      <c r="GC31" s="88">
        <v>0</v>
      </c>
      <c r="GD31" s="88">
        <v>0</v>
      </c>
      <c r="GE31" s="88">
        <v>0</v>
      </c>
      <c r="GF31" s="89">
        <v>0</v>
      </c>
      <c r="GG31" s="90">
        <v>0</v>
      </c>
      <c r="GH31" s="87">
        <v>0</v>
      </c>
      <c r="GI31" s="88">
        <v>1</v>
      </c>
      <c r="GJ31" s="89">
        <v>1</v>
      </c>
      <c r="GK31" s="399">
        <v>0</v>
      </c>
      <c r="GL31" s="88">
        <v>2</v>
      </c>
      <c r="GM31" s="88">
        <v>3</v>
      </c>
      <c r="GN31" s="88">
        <v>2</v>
      </c>
      <c r="GO31" s="88">
        <v>0</v>
      </c>
      <c r="GP31" s="88">
        <v>1</v>
      </c>
      <c r="GQ31" s="89">
        <v>8</v>
      </c>
      <c r="GR31" s="90">
        <v>9</v>
      </c>
      <c r="GS31" s="91">
        <v>0</v>
      </c>
      <c r="GT31" s="83">
        <v>4</v>
      </c>
      <c r="GU31" s="84">
        <v>4</v>
      </c>
      <c r="GV31" s="399">
        <v>0</v>
      </c>
      <c r="GW31" s="83">
        <v>9</v>
      </c>
      <c r="GX31" s="83">
        <v>6</v>
      </c>
      <c r="GY31" s="83">
        <v>7</v>
      </c>
      <c r="GZ31" s="83">
        <v>2</v>
      </c>
      <c r="HA31" s="83">
        <v>1</v>
      </c>
      <c r="HB31" s="85">
        <v>25</v>
      </c>
      <c r="HC31" s="86">
        <v>29</v>
      </c>
      <c r="HD31" s="87">
        <v>0</v>
      </c>
      <c r="HE31" s="88">
        <v>1</v>
      </c>
      <c r="HF31" s="89">
        <v>1</v>
      </c>
      <c r="HG31" s="399">
        <v>0</v>
      </c>
      <c r="HH31" s="88">
        <v>1</v>
      </c>
      <c r="HI31" s="88">
        <v>1</v>
      </c>
      <c r="HJ31" s="88">
        <v>0</v>
      </c>
      <c r="HK31" s="88">
        <v>0</v>
      </c>
      <c r="HL31" s="88">
        <v>0</v>
      </c>
      <c r="HM31" s="89">
        <v>2</v>
      </c>
      <c r="HN31" s="90">
        <v>3</v>
      </c>
      <c r="HO31" s="87">
        <v>0</v>
      </c>
      <c r="HP31" s="88">
        <v>1</v>
      </c>
      <c r="HQ31" s="89">
        <v>1</v>
      </c>
      <c r="HR31" s="399">
        <v>0</v>
      </c>
      <c r="HS31" s="88">
        <v>1</v>
      </c>
      <c r="HT31" s="88">
        <v>1</v>
      </c>
      <c r="HU31" s="88">
        <v>2</v>
      </c>
      <c r="HV31" s="88">
        <v>0</v>
      </c>
      <c r="HW31" s="88">
        <v>0</v>
      </c>
      <c r="HX31" s="89">
        <v>4</v>
      </c>
      <c r="HY31" s="90">
        <v>5</v>
      </c>
      <c r="HZ31" s="87">
        <v>0</v>
      </c>
      <c r="IA31" s="88">
        <v>0</v>
      </c>
      <c r="IB31" s="89">
        <v>0</v>
      </c>
      <c r="IC31" s="399">
        <v>0</v>
      </c>
      <c r="ID31" s="88">
        <v>2</v>
      </c>
      <c r="IE31" s="88">
        <v>1</v>
      </c>
      <c r="IF31" s="88">
        <v>0</v>
      </c>
      <c r="IG31" s="88">
        <v>0</v>
      </c>
      <c r="IH31" s="88">
        <v>0</v>
      </c>
      <c r="II31" s="89">
        <v>3</v>
      </c>
      <c r="IJ31" s="90">
        <v>3</v>
      </c>
      <c r="IK31" s="87">
        <v>0</v>
      </c>
      <c r="IL31" s="88">
        <v>0</v>
      </c>
      <c r="IM31" s="89">
        <v>0</v>
      </c>
      <c r="IN31" s="399">
        <v>0</v>
      </c>
      <c r="IO31" s="88">
        <v>2</v>
      </c>
      <c r="IP31" s="88">
        <v>0</v>
      </c>
      <c r="IQ31" s="88">
        <v>2</v>
      </c>
      <c r="IR31" s="88">
        <v>0</v>
      </c>
      <c r="IS31" s="88">
        <v>0</v>
      </c>
      <c r="IT31" s="89">
        <v>4</v>
      </c>
      <c r="IU31" s="90">
        <v>4</v>
      </c>
      <c r="IV31" s="87">
        <v>0</v>
      </c>
      <c r="IW31" s="88">
        <v>2</v>
      </c>
      <c r="IX31" s="89">
        <v>2</v>
      </c>
      <c r="IY31" s="399">
        <v>0</v>
      </c>
      <c r="IZ31" s="88">
        <v>1</v>
      </c>
      <c r="JA31" s="88">
        <v>1</v>
      </c>
      <c r="JB31" s="88">
        <v>2</v>
      </c>
      <c r="JC31" s="88">
        <v>1</v>
      </c>
      <c r="JD31" s="88">
        <v>0</v>
      </c>
      <c r="JE31" s="89">
        <v>5</v>
      </c>
      <c r="JF31" s="90">
        <v>7</v>
      </c>
      <c r="JG31" s="87">
        <v>0</v>
      </c>
      <c r="JH31" s="88">
        <v>0</v>
      </c>
      <c r="JI31" s="89">
        <v>0</v>
      </c>
      <c r="JJ31" s="399">
        <v>0</v>
      </c>
      <c r="JK31" s="88">
        <v>2</v>
      </c>
      <c r="JL31" s="88">
        <v>2</v>
      </c>
      <c r="JM31" s="88">
        <v>1</v>
      </c>
      <c r="JN31" s="88">
        <v>1</v>
      </c>
      <c r="JO31" s="88">
        <v>1</v>
      </c>
      <c r="JP31" s="89">
        <v>7</v>
      </c>
      <c r="JQ31" s="90">
        <v>7</v>
      </c>
      <c r="JR31" s="87">
        <v>0</v>
      </c>
      <c r="JS31" s="88">
        <v>0</v>
      </c>
      <c r="JT31" s="89">
        <v>0</v>
      </c>
      <c r="JU31" s="399">
        <v>0</v>
      </c>
      <c r="JV31" s="88">
        <v>0</v>
      </c>
      <c r="JW31" s="88">
        <v>0</v>
      </c>
      <c r="JX31" s="88">
        <v>0</v>
      </c>
      <c r="JY31" s="88">
        <v>0</v>
      </c>
      <c r="JZ31" s="88">
        <v>0</v>
      </c>
      <c r="KA31" s="89">
        <v>0</v>
      </c>
      <c r="KB31" s="90">
        <v>0</v>
      </c>
      <c r="KC31" s="87">
        <v>0</v>
      </c>
      <c r="KD31" s="88">
        <v>4</v>
      </c>
      <c r="KE31" s="89">
        <v>4</v>
      </c>
      <c r="KF31" s="399">
        <v>0</v>
      </c>
      <c r="KG31" s="88">
        <v>9</v>
      </c>
      <c r="KH31" s="88">
        <v>6</v>
      </c>
      <c r="KI31" s="88">
        <v>7</v>
      </c>
      <c r="KJ31" s="88">
        <v>2</v>
      </c>
      <c r="KK31" s="88">
        <v>1</v>
      </c>
      <c r="KL31" s="89">
        <v>25</v>
      </c>
      <c r="KM31" s="90">
        <v>29</v>
      </c>
    </row>
    <row r="32" spans="2:299" s="56" customFormat="1" ht="21" customHeight="1" x14ac:dyDescent="0.2">
      <c r="B32" s="92" t="s">
        <v>29</v>
      </c>
      <c r="C32" s="82">
        <v>2</v>
      </c>
      <c r="D32" s="83">
        <v>3</v>
      </c>
      <c r="E32" s="84">
        <v>5</v>
      </c>
      <c r="F32" s="399">
        <v>0</v>
      </c>
      <c r="G32" s="83">
        <v>7</v>
      </c>
      <c r="H32" s="83">
        <v>5</v>
      </c>
      <c r="I32" s="83">
        <v>4</v>
      </c>
      <c r="J32" s="83">
        <v>5</v>
      </c>
      <c r="K32" s="83">
        <v>4</v>
      </c>
      <c r="L32" s="85">
        <v>25</v>
      </c>
      <c r="M32" s="86">
        <v>30</v>
      </c>
      <c r="N32" s="87">
        <v>0</v>
      </c>
      <c r="O32" s="88">
        <v>0</v>
      </c>
      <c r="P32" s="89">
        <v>0</v>
      </c>
      <c r="Q32" s="399">
        <v>0</v>
      </c>
      <c r="R32" s="88">
        <v>0</v>
      </c>
      <c r="S32" s="88">
        <v>1</v>
      </c>
      <c r="T32" s="88">
        <v>0</v>
      </c>
      <c r="U32" s="88">
        <v>0</v>
      </c>
      <c r="V32" s="88">
        <v>0</v>
      </c>
      <c r="W32" s="89">
        <v>1</v>
      </c>
      <c r="X32" s="90">
        <v>1</v>
      </c>
      <c r="Y32" s="87">
        <v>1</v>
      </c>
      <c r="Z32" s="88">
        <v>0</v>
      </c>
      <c r="AA32" s="89">
        <v>1</v>
      </c>
      <c r="AB32" s="399">
        <v>0</v>
      </c>
      <c r="AC32" s="88">
        <v>0</v>
      </c>
      <c r="AD32" s="88">
        <v>0</v>
      </c>
      <c r="AE32" s="88">
        <v>2</v>
      </c>
      <c r="AF32" s="88">
        <v>0</v>
      </c>
      <c r="AG32" s="88">
        <v>1</v>
      </c>
      <c r="AH32" s="89">
        <v>3</v>
      </c>
      <c r="AI32" s="90">
        <v>4</v>
      </c>
      <c r="AJ32" s="87">
        <v>0</v>
      </c>
      <c r="AK32" s="88">
        <v>0</v>
      </c>
      <c r="AL32" s="89">
        <v>0</v>
      </c>
      <c r="AM32" s="399">
        <v>0</v>
      </c>
      <c r="AN32" s="88">
        <v>1</v>
      </c>
      <c r="AO32" s="88">
        <v>1</v>
      </c>
      <c r="AP32" s="88">
        <v>0</v>
      </c>
      <c r="AQ32" s="88">
        <v>2</v>
      </c>
      <c r="AR32" s="88">
        <v>0</v>
      </c>
      <c r="AS32" s="89">
        <v>4</v>
      </c>
      <c r="AT32" s="90">
        <v>4</v>
      </c>
      <c r="AU32" s="87">
        <v>1</v>
      </c>
      <c r="AV32" s="88">
        <v>1</v>
      </c>
      <c r="AW32" s="89">
        <v>2</v>
      </c>
      <c r="AX32" s="399">
        <v>0</v>
      </c>
      <c r="AY32" s="88">
        <v>2</v>
      </c>
      <c r="AZ32" s="88">
        <v>0</v>
      </c>
      <c r="BA32" s="88">
        <v>0</v>
      </c>
      <c r="BB32" s="88">
        <v>1</v>
      </c>
      <c r="BC32" s="88">
        <v>0</v>
      </c>
      <c r="BD32" s="89">
        <v>3</v>
      </c>
      <c r="BE32" s="90">
        <v>5</v>
      </c>
      <c r="BF32" s="87">
        <v>0</v>
      </c>
      <c r="BG32" s="88">
        <v>2</v>
      </c>
      <c r="BH32" s="89">
        <v>2</v>
      </c>
      <c r="BI32" s="399">
        <v>0</v>
      </c>
      <c r="BJ32" s="88">
        <v>3</v>
      </c>
      <c r="BK32" s="88">
        <v>0</v>
      </c>
      <c r="BL32" s="88">
        <v>1</v>
      </c>
      <c r="BM32" s="88">
        <v>1</v>
      </c>
      <c r="BN32" s="88">
        <v>0</v>
      </c>
      <c r="BO32" s="89">
        <v>5</v>
      </c>
      <c r="BP32" s="90">
        <v>7</v>
      </c>
      <c r="BQ32" s="87">
        <v>0</v>
      </c>
      <c r="BR32" s="88">
        <v>0</v>
      </c>
      <c r="BS32" s="89">
        <v>0</v>
      </c>
      <c r="BT32" s="399">
        <v>0</v>
      </c>
      <c r="BU32" s="88">
        <v>1</v>
      </c>
      <c r="BV32" s="88">
        <v>3</v>
      </c>
      <c r="BW32" s="88">
        <v>1</v>
      </c>
      <c r="BX32" s="88">
        <v>1</v>
      </c>
      <c r="BY32" s="88">
        <v>3</v>
      </c>
      <c r="BZ32" s="89">
        <v>9</v>
      </c>
      <c r="CA32" s="90">
        <v>9</v>
      </c>
      <c r="CB32" s="87">
        <v>0</v>
      </c>
      <c r="CC32" s="88">
        <v>0</v>
      </c>
      <c r="CD32" s="89">
        <v>0</v>
      </c>
      <c r="CE32" s="399">
        <v>0</v>
      </c>
      <c r="CF32" s="88">
        <v>0</v>
      </c>
      <c r="CG32" s="88">
        <v>0</v>
      </c>
      <c r="CH32" s="88">
        <v>0</v>
      </c>
      <c r="CI32" s="88">
        <v>0</v>
      </c>
      <c r="CJ32" s="88">
        <v>0</v>
      </c>
      <c r="CK32" s="89">
        <v>0</v>
      </c>
      <c r="CL32" s="90">
        <v>0</v>
      </c>
      <c r="CM32" s="87">
        <v>2</v>
      </c>
      <c r="CN32" s="88">
        <v>3</v>
      </c>
      <c r="CO32" s="89">
        <v>5</v>
      </c>
      <c r="CP32" s="399">
        <v>0</v>
      </c>
      <c r="CQ32" s="88">
        <v>7</v>
      </c>
      <c r="CR32" s="88">
        <v>5</v>
      </c>
      <c r="CS32" s="88">
        <v>4</v>
      </c>
      <c r="CT32" s="88">
        <v>5</v>
      </c>
      <c r="CU32" s="88">
        <v>4</v>
      </c>
      <c r="CV32" s="89">
        <v>25</v>
      </c>
      <c r="CW32" s="90">
        <v>30</v>
      </c>
      <c r="CX32" s="91">
        <v>1</v>
      </c>
      <c r="CY32" s="83">
        <v>1</v>
      </c>
      <c r="CZ32" s="84">
        <v>2</v>
      </c>
      <c r="DA32" s="399">
        <v>0</v>
      </c>
      <c r="DB32" s="83">
        <v>3</v>
      </c>
      <c r="DC32" s="83">
        <v>4</v>
      </c>
      <c r="DD32" s="83">
        <v>0</v>
      </c>
      <c r="DE32" s="83">
        <v>1</v>
      </c>
      <c r="DF32" s="83">
        <v>0</v>
      </c>
      <c r="DG32" s="85">
        <v>8</v>
      </c>
      <c r="DH32" s="86">
        <v>10</v>
      </c>
      <c r="DI32" s="87">
        <v>0</v>
      </c>
      <c r="DJ32" s="88">
        <v>0</v>
      </c>
      <c r="DK32" s="89">
        <v>0</v>
      </c>
      <c r="DL32" s="399">
        <v>0</v>
      </c>
      <c r="DM32" s="88">
        <v>0</v>
      </c>
      <c r="DN32" s="88">
        <v>0</v>
      </c>
      <c r="DO32" s="88">
        <v>0</v>
      </c>
      <c r="DP32" s="88">
        <v>0</v>
      </c>
      <c r="DQ32" s="88">
        <v>0</v>
      </c>
      <c r="DR32" s="89">
        <v>0</v>
      </c>
      <c r="DS32" s="90">
        <v>0</v>
      </c>
      <c r="DT32" s="87">
        <v>0</v>
      </c>
      <c r="DU32" s="88">
        <v>0</v>
      </c>
      <c r="DV32" s="89">
        <v>0</v>
      </c>
      <c r="DW32" s="399">
        <v>0</v>
      </c>
      <c r="DX32" s="88">
        <v>0</v>
      </c>
      <c r="DY32" s="88">
        <v>0</v>
      </c>
      <c r="DZ32" s="88">
        <v>0</v>
      </c>
      <c r="EA32" s="88">
        <v>0</v>
      </c>
      <c r="EB32" s="88">
        <v>0</v>
      </c>
      <c r="EC32" s="89">
        <v>0</v>
      </c>
      <c r="ED32" s="90">
        <v>0</v>
      </c>
      <c r="EE32" s="87">
        <v>0</v>
      </c>
      <c r="EF32" s="88">
        <v>0</v>
      </c>
      <c r="EG32" s="89">
        <v>0</v>
      </c>
      <c r="EH32" s="399">
        <v>0</v>
      </c>
      <c r="EI32" s="88">
        <v>0</v>
      </c>
      <c r="EJ32" s="88">
        <v>2</v>
      </c>
      <c r="EK32" s="88">
        <v>0</v>
      </c>
      <c r="EL32" s="88">
        <v>0</v>
      </c>
      <c r="EM32" s="88">
        <v>0</v>
      </c>
      <c r="EN32" s="89">
        <v>2</v>
      </c>
      <c r="EO32" s="90">
        <v>2</v>
      </c>
      <c r="EP32" s="87">
        <v>1</v>
      </c>
      <c r="EQ32" s="88">
        <v>0</v>
      </c>
      <c r="ER32" s="89">
        <v>1</v>
      </c>
      <c r="ES32" s="399">
        <v>0</v>
      </c>
      <c r="ET32" s="88">
        <v>2</v>
      </c>
      <c r="EU32" s="88">
        <v>2</v>
      </c>
      <c r="EV32" s="88">
        <v>0</v>
      </c>
      <c r="EW32" s="88">
        <v>0</v>
      </c>
      <c r="EX32" s="88">
        <v>0</v>
      </c>
      <c r="EY32" s="89">
        <v>4</v>
      </c>
      <c r="EZ32" s="90">
        <v>5</v>
      </c>
      <c r="FA32" s="87">
        <v>0</v>
      </c>
      <c r="FB32" s="88">
        <v>1</v>
      </c>
      <c r="FC32" s="89">
        <v>1</v>
      </c>
      <c r="FD32" s="399">
        <v>0</v>
      </c>
      <c r="FE32" s="88">
        <v>1</v>
      </c>
      <c r="FF32" s="88">
        <v>0</v>
      </c>
      <c r="FG32" s="88">
        <v>0</v>
      </c>
      <c r="FH32" s="88">
        <v>0</v>
      </c>
      <c r="FI32" s="88">
        <v>0</v>
      </c>
      <c r="FJ32" s="89">
        <v>1</v>
      </c>
      <c r="FK32" s="90">
        <v>2</v>
      </c>
      <c r="FL32" s="87">
        <v>0</v>
      </c>
      <c r="FM32" s="88">
        <v>0</v>
      </c>
      <c r="FN32" s="89">
        <v>0</v>
      </c>
      <c r="FO32" s="399">
        <v>0</v>
      </c>
      <c r="FP32" s="88">
        <v>0</v>
      </c>
      <c r="FQ32" s="88">
        <v>0</v>
      </c>
      <c r="FR32" s="88">
        <v>0</v>
      </c>
      <c r="FS32" s="88">
        <v>1</v>
      </c>
      <c r="FT32" s="88">
        <v>0</v>
      </c>
      <c r="FU32" s="89">
        <v>1</v>
      </c>
      <c r="FV32" s="90">
        <v>1</v>
      </c>
      <c r="FW32" s="87">
        <v>0</v>
      </c>
      <c r="FX32" s="88">
        <v>0</v>
      </c>
      <c r="FY32" s="89">
        <v>0</v>
      </c>
      <c r="FZ32" s="399">
        <v>0</v>
      </c>
      <c r="GA32" s="88">
        <v>0</v>
      </c>
      <c r="GB32" s="88">
        <v>0</v>
      </c>
      <c r="GC32" s="88">
        <v>0</v>
      </c>
      <c r="GD32" s="88">
        <v>0</v>
      </c>
      <c r="GE32" s="88">
        <v>0</v>
      </c>
      <c r="GF32" s="89">
        <v>0</v>
      </c>
      <c r="GG32" s="90">
        <v>0</v>
      </c>
      <c r="GH32" s="87">
        <v>1</v>
      </c>
      <c r="GI32" s="88">
        <v>1</v>
      </c>
      <c r="GJ32" s="89">
        <v>2</v>
      </c>
      <c r="GK32" s="399">
        <v>0</v>
      </c>
      <c r="GL32" s="88">
        <v>3</v>
      </c>
      <c r="GM32" s="88">
        <v>4</v>
      </c>
      <c r="GN32" s="88">
        <v>0</v>
      </c>
      <c r="GO32" s="88">
        <v>1</v>
      </c>
      <c r="GP32" s="88">
        <v>0</v>
      </c>
      <c r="GQ32" s="89">
        <v>8</v>
      </c>
      <c r="GR32" s="90">
        <v>10</v>
      </c>
      <c r="GS32" s="91">
        <v>3</v>
      </c>
      <c r="GT32" s="83">
        <v>4</v>
      </c>
      <c r="GU32" s="84">
        <v>7</v>
      </c>
      <c r="GV32" s="399">
        <v>0</v>
      </c>
      <c r="GW32" s="83">
        <v>10</v>
      </c>
      <c r="GX32" s="83">
        <v>9</v>
      </c>
      <c r="GY32" s="83">
        <v>4</v>
      </c>
      <c r="GZ32" s="83">
        <v>6</v>
      </c>
      <c r="HA32" s="83">
        <v>4</v>
      </c>
      <c r="HB32" s="85">
        <v>33</v>
      </c>
      <c r="HC32" s="86">
        <v>40</v>
      </c>
      <c r="HD32" s="87">
        <v>0</v>
      </c>
      <c r="HE32" s="88">
        <v>0</v>
      </c>
      <c r="HF32" s="89">
        <v>0</v>
      </c>
      <c r="HG32" s="399">
        <v>0</v>
      </c>
      <c r="HH32" s="88">
        <v>0</v>
      </c>
      <c r="HI32" s="88">
        <v>1</v>
      </c>
      <c r="HJ32" s="88">
        <v>0</v>
      </c>
      <c r="HK32" s="88">
        <v>0</v>
      </c>
      <c r="HL32" s="88">
        <v>0</v>
      </c>
      <c r="HM32" s="89">
        <v>1</v>
      </c>
      <c r="HN32" s="90">
        <v>1</v>
      </c>
      <c r="HO32" s="87">
        <v>1</v>
      </c>
      <c r="HP32" s="88">
        <v>0</v>
      </c>
      <c r="HQ32" s="89">
        <v>1</v>
      </c>
      <c r="HR32" s="399">
        <v>0</v>
      </c>
      <c r="HS32" s="88">
        <v>0</v>
      </c>
      <c r="HT32" s="88">
        <v>0</v>
      </c>
      <c r="HU32" s="88">
        <v>2</v>
      </c>
      <c r="HV32" s="88">
        <v>0</v>
      </c>
      <c r="HW32" s="88">
        <v>1</v>
      </c>
      <c r="HX32" s="89">
        <v>3</v>
      </c>
      <c r="HY32" s="90">
        <v>4</v>
      </c>
      <c r="HZ32" s="87">
        <v>0</v>
      </c>
      <c r="IA32" s="88">
        <v>0</v>
      </c>
      <c r="IB32" s="89">
        <v>0</v>
      </c>
      <c r="IC32" s="399">
        <v>0</v>
      </c>
      <c r="ID32" s="88">
        <v>1</v>
      </c>
      <c r="IE32" s="88">
        <v>3</v>
      </c>
      <c r="IF32" s="88">
        <v>0</v>
      </c>
      <c r="IG32" s="88">
        <v>2</v>
      </c>
      <c r="IH32" s="88">
        <v>0</v>
      </c>
      <c r="II32" s="89">
        <v>6</v>
      </c>
      <c r="IJ32" s="90">
        <v>6</v>
      </c>
      <c r="IK32" s="87">
        <v>2</v>
      </c>
      <c r="IL32" s="88">
        <v>1</v>
      </c>
      <c r="IM32" s="89">
        <v>3</v>
      </c>
      <c r="IN32" s="399">
        <v>0</v>
      </c>
      <c r="IO32" s="88">
        <v>4</v>
      </c>
      <c r="IP32" s="88">
        <v>2</v>
      </c>
      <c r="IQ32" s="88">
        <v>0</v>
      </c>
      <c r="IR32" s="88">
        <v>1</v>
      </c>
      <c r="IS32" s="88">
        <v>0</v>
      </c>
      <c r="IT32" s="89">
        <v>7</v>
      </c>
      <c r="IU32" s="90">
        <v>10</v>
      </c>
      <c r="IV32" s="87">
        <v>0</v>
      </c>
      <c r="IW32" s="88">
        <v>3</v>
      </c>
      <c r="IX32" s="89">
        <v>3</v>
      </c>
      <c r="IY32" s="399">
        <v>0</v>
      </c>
      <c r="IZ32" s="88">
        <v>4</v>
      </c>
      <c r="JA32" s="88">
        <v>0</v>
      </c>
      <c r="JB32" s="88">
        <v>1</v>
      </c>
      <c r="JC32" s="88">
        <v>1</v>
      </c>
      <c r="JD32" s="88">
        <v>0</v>
      </c>
      <c r="JE32" s="89">
        <v>6</v>
      </c>
      <c r="JF32" s="90">
        <v>9</v>
      </c>
      <c r="JG32" s="87">
        <v>0</v>
      </c>
      <c r="JH32" s="88">
        <v>0</v>
      </c>
      <c r="JI32" s="89">
        <v>0</v>
      </c>
      <c r="JJ32" s="399">
        <v>0</v>
      </c>
      <c r="JK32" s="88">
        <v>1</v>
      </c>
      <c r="JL32" s="88">
        <v>3</v>
      </c>
      <c r="JM32" s="88">
        <v>1</v>
      </c>
      <c r="JN32" s="88">
        <v>2</v>
      </c>
      <c r="JO32" s="88">
        <v>3</v>
      </c>
      <c r="JP32" s="89">
        <v>10</v>
      </c>
      <c r="JQ32" s="90">
        <v>10</v>
      </c>
      <c r="JR32" s="87">
        <v>0</v>
      </c>
      <c r="JS32" s="88">
        <v>0</v>
      </c>
      <c r="JT32" s="89">
        <v>0</v>
      </c>
      <c r="JU32" s="399">
        <v>0</v>
      </c>
      <c r="JV32" s="88">
        <v>0</v>
      </c>
      <c r="JW32" s="88">
        <v>0</v>
      </c>
      <c r="JX32" s="88">
        <v>0</v>
      </c>
      <c r="JY32" s="88">
        <v>0</v>
      </c>
      <c r="JZ32" s="88">
        <v>0</v>
      </c>
      <c r="KA32" s="89">
        <v>0</v>
      </c>
      <c r="KB32" s="90">
        <v>0</v>
      </c>
      <c r="KC32" s="87">
        <v>3</v>
      </c>
      <c r="KD32" s="88">
        <v>4</v>
      </c>
      <c r="KE32" s="89">
        <v>7</v>
      </c>
      <c r="KF32" s="399">
        <v>0</v>
      </c>
      <c r="KG32" s="88">
        <v>10</v>
      </c>
      <c r="KH32" s="88">
        <v>9</v>
      </c>
      <c r="KI32" s="88">
        <v>4</v>
      </c>
      <c r="KJ32" s="88">
        <v>6</v>
      </c>
      <c r="KK32" s="88">
        <v>4</v>
      </c>
      <c r="KL32" s="89">
        <v>33</v>
      </c>
      <c r="KM32" s="90">
        <v>40</v>
      </c>
    </row>
    <row r="33" spans="2:299" s="56" customFormat="1" ht="21" customHeight="1" x14ac:dyDescent="0.2">
      <c r="B33" s="92" t="s">
        <v>30</v>
      </c>
      <c r="C33" s="82">
        <v>4</v>
      </c>
      <c r="D33" s="83">
        <v>1</v>
      </c>
      <c r="E33" s="84">
        <v>5</v>
      </c>
      <c r="F33" s="399">
        <v>0</v>
      </c>
      <c r="G33" s="83">
        <v>3</v>
      </c>
      <c r="H33" s="83">
        <v>5</v>
      </c>
      <c r="I33" s="83">
        <v>1</v>
      </c>
      <c r="J33" s="83">
        <v>2</v>
      </c>
      <c r="K33" s="83">
        <v>1</v>
      </c>
      <c r="L33" s="85">
        <v>12</v>
      </c>
      <c r="M33" s="86">
        <v>17</v>
      </c>
      <c r="N33" s="87">
        <v>0</v>
      </c>
      <c r="O33" s="88">
        <v>0</v>
      </c>
      <c r="P33" s="89">
        <v>0</v>
      </c>
      <c r="Q33" s="399">
        <v>0</v>
      </c>
      <c r="R33" s="88">
        <v>0</v>
      </c>
      <c r="S33" s="88">
        <v>1</v>
      </c>
      <c r="T33" s="88">
        <v>0</v>
      </c>
      <c r="U33" s="88">
        <v>0</v>
      </c>
      <c r="V33" s="88">
        <v>0</v>
      </c>
      <c r="W33" s="89">
        <v>1</v>
      </c>
      <c r="X33" s="90">
        <v>1</v>
      </c>
      <c r="Y33" s="87">
        <v>1</v>
      </c>
      <c r="Z33" s="88">
        <v>0</v>
      </c>
      <c r="AA33" s="89">
        <v>1</v>
      </c>
      <c r="AB33" s="399">
        <v>0</v>
      </c>
      <c r="AC33" s="88">
        <v>0</v>
      </c>
      <c r="AD33" s="88">
        <v>0</v>
      </c>
      <c r="AE33" s="88">
        <v>0</v>
      </c>
      <c r="AF33" s="88">
        <v>0</v>
      </c>
      <c r="AG33" s="88">
        <v>0</v>
      </c>
      <c r="AH33" s="89">
        <v>0</v>
      </c>
      <c r="AI33" s="90">
        <v>1</v>
      </c>
      <c r="AJ33" s="87">
        <v>0</v>
      </c>
      <c r="AK33" s="88">
        <v>0</v>
      </c>
      <c r="AL33" s="89">
        <v>0</v>
      </c>
      <c r="AM33" s="399">
        <v>0</v>
      </c>
      <c r="AN33" s="88">
        <v>0</v>
      </c>
      <c r="AO33" s="88">
        <v>0</v>
      </c>
      <c r="AP33" s="88">
        <v>0</v>
      </c>
      <c r="AQ33" s="88">
        <v>0</v>
      </c>
      <c r="AR33" s="88">
        <v>0</v>
      </c>
      <c r="AS33" s="89">
        <v>0</v>
      </c>
      <c r="AT33" s="90">
        <v>0</v>
      </c>
      <c r="AU33" s="87">
        <v>1</v>
      </c>
      <c r="AV33" s="88">
        <v>0</v>
      </c>
      <c r="AW33" s="89">
        <v>1</v>
      </c>
      <c r="AX33" s="399">
        <v>0</v>
      </c>
      <c r="AY33" s="88">
        <v>2</v>
      </c>
      <c r="AZ33" s="88">
        <v>3</v>
      </c>
      <c r="BA33" s="88">
        <v>0</v>
      </c>
      <c r="BB33" s="88">
        <v>0</v>
      </c>
      <c r="BC33" s="88">
        <v>0</v>
      </c>
      <c r="BD33" s="89">
        <v>5</v>
      </c>
      <c r="BE33" s="90">
        <v>6</v>
      </c>
      <c r="BF33" s="87">
        <v>0</v>
      </c>
      <c r="BG33" s="88">
        <v>0</v>
      </c>
      <c r="BH33" s="89">
        <v>0</v>
      </c>
      <c r="BI33" s="399">
        <v>0</v>
      </c>
      <c r="BJ33" s="88">
        <v>0</v>
      </c>
      <c r="BK33" s="88">
        <v>0</v>
      </c>
      <c r="BL33" s="88">
        <v>1</v>
      </c>
      <c r="BM33" s="88">
        <v>1</v>
      </c>
      <c r="BN33" s="88">
        <v>1</v>
      </c>
      <c r="BO33" s="89">
        <v>3</v>
      </c>
      <c r="BP33" s="90">
        <v>3</v>
      </c>
      <c r="BQ33" s="87">
        <v>2</v>
      </c>
      <c r="BR33" s="88">
        <v>1</v>
      </c>
      <c r="BS33" s="89">
        <v>3</v>
      </c>
      <c r="BT33" s="399">
        <v>0</v>
      </c>
      <c r="BU33" s="88">
        <v>1</v>
      </c>
      <c r="BV33" s="88">
        <v>1</v>
      </c>
      <c r="BW33" s="88">
        <v>0</v>
      </c>
      <c r="BX33" s="88">
        <v>1</v>
      </c>
      <c r="BY33" s="88">
        <v>0</v>
      </c>
      <c r="BZ33" s="89">
        <v>3</v>
      </c>
      <c r="CA33" s="90">
        <v>6</v>
      </c>
      <c r="CB33" s="87">
        <v>0</v>
      </c>
      <c r="CC33" s="88">
        <v>0</v>
      </c>
      <c r="CD33" s="89">
        <v>0</v>
      </c>
      <c r="CE33" s="399">
        <v>0</v>
      </c>
      <c r="CF33" s="88">
        <v>0</v>
      </c>
      <c r="CG33" s="88">
        <v>0</v>
      </c>
      <c r="CH33" s="88">
        <v>0</v>
      </c>
      <c r="CI33" s="88">
        <v>0</v>
      </c>
      <c r="CJ33" s="88">
        <v>0</v>
      </c>
      <c r="CK33" s="89">
        <v>0</v>
      </c>
      <c r="CL33" s="90">
        <v>0</v>
      </c>
      <c r="CM33" s="87">
        <v>4</v>
      </c>
      <c r="CN33" s="88">
        <v>1</v>
      </c>
      <c r="CO33" s="89">
        <v>5</v>
      </c>
      <c r="CP33" s="399">
        <v>0</v>
      </c>
      <c r="CQ33" s="88">
        <v>3</v>
      </c>
      <c r="CR33" s="88">
        <v>5</v>
      </c>
      <c r="CS33" s="88">
        <v>1</v>
      </c>
      <c r="CT33" s="88">
        <v>2</v>
      </c>
      <c r="CU33" s="88">
        <v>1</v>
      </c>
      <c r="CV33" s="89">
        <v>12</v>
      </c>
      <c r="CW33" s="90">
        <v>17</v>
      </c>
      <c r="CX33" s="91">
        <v>2</v>
      </c>
      <c r="CY33" s="83">
        <v>1</v>
      </c>
      <c r="CZ33" s="84">
        <v>3</v>
      </c>
      <c r="DA33" s="399">
        <v>0</v>
      </c>
      <c r="DB33" s="83">
        <v>4</v>
      </c>
      <c r="DC33" s="83">
        <v>1</v>
      </c>
      <c r="DD33" s="83">
        <v>2</v>
      </c>
      <c r="DE33" s="83">
        <v>2</v>
      </c>
      <c r="DF33" s="83">
        <v>0</v>
      </c>
      <c r="DG33" s="85">
        <v>9</v>
      </c>
      <c r="DH33" s="86">
        <v>12</v>
      </c>
      <c r="DI33" s="87">
        <v>0</v>
      </c>
      <c r="DJ33" s="88">
        <v>0</v>
      </c>
      <c r="DK33" s="89">
        <v>0</v>
      </c>
      <c r="DL33" s="399">
        <v>0</v>
      </c>
      <c r="DM33" s="88">
        <v>0</v>
      </c>
      <c r="DN33" s="88">
        <v>0</v>
      </c>
      <c r="DO33" s="88">
        <v>0</v>
      </c>
      <c r="DP33" s="88">
        <v>0</v>
      </c>
      <c r="DQ33" s="88">
        <v>0</v>
      </c>
      <c r="DR33" s="89">
        <v>0</v>
      </c>
      <c r="DS33" s="90">
        <v>0</v>
      </c>
      <c r="DT33" s="87">
        <v>0</v>
      </c>
      <c r="DU33" s="88">
        <v>0</v>
      </c>
      <c r="DV33" s="89">
        <v>0</v>
      </c>
      <c r="DW33" s="399">
        <v>0</v>
      </c>
      <c r="DX33" s="88">
        <v>1</v>
      </c>
      <c r="DY33" s="88">
        <v>0</v>
      </c>
      <c r="DZ33" s="88">
        <v>0</v>
      </c>
      <c r="EA33" s="88">
        <v>0</v>
      </c>
      <c r="EB33" s="88">
        <v>0</v>
      </c>
      <c r="EC33" s="89">
        <v>1</v>
      </c>
      <c r="ED33" s="90">
        <v>1</v>
      </c>
      <c r="EE33" s="87">
        <v>1</v>
      </c>
      <c r="EF33" s="88">
        <v>0</v>
      </c>
      <c r="EG33" s="89">
        <v>1</v>
      </c>
      <c r="EH33" s="399">
        <v>0</v>
      </c>
      <c r="EI33" s="88">
        <v>0</v>
      </c>
      <c r="EJ33" s="88">
        <v>0</v>
      </c>
      <c r="EK33" s="88">
        <v>0</v>
      </c>
      <c r="EL33" s="88">
        <v>0</v>
      </c>
      <c r="EM33" s="88">
        <v>0</v>
      </c>
      <c r="EN33" s="89">
        <v>0</v>
      </c>
      <c r="EO33" s="90">
        <v>1</v>
      </c>
      <c r="EP33" s="87">
        <v>0</v>
      </c>
      <c r="EQ33" s="88">
        <v>0</v>
      </c>
      <c r="ER33" s="89">
        <v>0</v>
      </c>
      <c r="ES33" s="399">
        <v>0</v>
      </c>
      <c r="ET33" s="88">
        <v>0</v>
      </c>
      <c r="EU33" s="88">
        <v>0</v>
      </c>
      <c r="EV33" s="88">
        <v>0</v>
      </c>
      <c r="EW33" s="88">
        <v>0</v>
      </c>
      <c r="EX33" s="88">
        <v>0</v>
      </c>
      <c r="EY33" s="89">
        <v>0</v>
      </c>
      <c r="EZ33" s="90">
        <v>0</v>
      </c>
      <c r="FA33" s="87">
        <v>0</v>
      </c>
      <c r="FB33" s="88">
        <v>0</v>
      </c>
      <c r="FC33" s="89">
        <v>0</v>
      </c>
      <c r="FD33" s="399">
        <v>0</v>
      </c>
      <c r="FE33" s="88">
        <v>1</v>
      </c>
      <c r="FF33" s="88">
        <v>0</v>
      </c>
      <c r="FG33" s="88">
        <v>0</v>
      </c>
      <c r="FH33" s="88">
        <v>1</v>
      </c>
      <c r="FI33" s="88">
        <v>0</v>
      </c>
      <c r="FJ33" s="89">
        <v>2</v>
      </c>
      <c r="FK33" s="90">
        <v>2</v>
      </c>
      <c r="FL33" s="87">
        <v>1</v>
      </c>
      <c r="FM33" s="88">
        <v>1</v>
      </c>
      <c r="FN33" s="89">
        <v>2</v>
      </c>
      <c r="FO33" s="399">
        <v>0</v>
      </c>
      <c r="FP33" s="88">
        <v>2</v>
      </c>
      <c r="FQ33" s="88">
        <v>1</v>
      </c>
      <c r="FR33" s="88">
        <v>2</v>
      </c>
      <c r="FS33" s="88">
        <v>1</v>
      </c>
      <c r="FT33" s="88">
        <v>0</v>
      </c>
      <c r="FU33" s="89">
        <v>6</v>
      </c>
      <c r="FV33" s="90">
        <v>8</v>
      </c>
      <c r="FW33" s="87">
        <v>0</v>
      </c>
      <c r="FX33" s="88">
        <v>0</v>
      </c>
      <c r="FY33" s="89">
        <v>0</v>
      </c>
      <c r="FZ33" s="399">
        <v>0</v>
      </c>
      <c r="GA33" s="88">
        <v>0</v>
      </c>
      <c r="GB33" s="88">
        <v>0</v>
      </c>
      <c r="GC33" s="88">
        <v>0</v>
      </c>
      <c r="GD33" s="88">
        <v>0</v>
      </c>
      <c r="GE33" s="88">
        <v>0</v>
      </c>
      <c r="GF33" s="89">
        <v>0</v>
      </c>
      <c r="GG33" s="90">
        <v>0</v>
      </c>
      <c r="GH33" s="87">
        <v>2</v>
      </c>
      <c r="GI33" s="88">
        <v>1</v>
      </c>
      <c r="GJ33" s="89">
        <v>3</v>
      </c>
      <c r="GK33" s="399">
        <v>0</v>
      </c>
      <c r="GL33" s="88">
        <v>4</v>
      </c>
      <c r="GM33" s="88">
        <v>1</v>
      </c>
      <c r="GN33" s="88">
        <v>2</v>
      </c>
      <c r="GO33" s="88">
        <v>2</v>
      </c>
      <c r="GP33" s="88">
        <v>0</v>
      </c>
      <c r="GQ33" s="89">
        <v>9</v>
      </c>
      <c r="GR33" s="90">
        <v>12</v>
      </c>
      <c r="GS33" s="91">
        <v>6</v>
      </c>
      <c r="GT33" s="83">
        <v>2</v>
      </c>
      <c r="GU33" s="84">
        <v>8</v>
      </c>
      <c r="GV33" s="399">
        <v>0</v>
      </c>
      <c r="GW33" s="83">
        <v>7</v>
      </c>
      <c r="GX33" s="83">
        <v>6</v>
      </c>
      <c r="GY33" s="83">
        <v>3</v>
      </c>
      <c r="GZ33" s="83">
        <v>4</v>
      </c>
      <c r="HA33" s="83">
        <v>1</v>
      </c>
      <c r="HB33" s="85">
        <v>21</v>
      </c>
      <c r="HC33" s="86">
        <v>29</v>
      </c>
      <c r="HD33" s="87">
        <v>0</v>
      </c>
      <c r="HE33" s="88">
        <v>0</v>
      </c>
      <c r="HF33" s="89">
        <v>0</v>
      </c>
      <c r="HG33" s="399">
        <v>0</v>
      </c>
      <c r="HH33" s="88">
        <v>0</v>
      </c>
      <c r="HI33" s="88">
        <v>1</v>
      </c>
      <c r="HJ33" s="88">
        <v>0</v>
      </c>
      <c r="HK33" s="88">
        <v>0</v>
      </c>
      <c r="HL33" s="88">
        <v>0</v>
      </c>
      <c r="HM33" s="89">
        <v>1</v>
      </c>
      <c r="HN33" s="90">
        <v>1</v>
      </c>
      <c r="HO33" s="87">
        <v>1</v>
      </c>
      <c r="HP33" s="88">
        <v>0</v>
      </c>
      <c r="HQ33" s="89">
        <v>1</v>
      </c>
      <c r="HR33" s="399">
        <v>0</v>
      </c>
      <c r="HS33" s="88">
        <v>1</v>
      </c>
      <c r="HT33" s="88">
        <v>0</v>
      </c>
      <c r="HU33" s="88">
        <v>0</v>
      </c>
      <c r="HV33" s="88">
        <v>0</v>
      </c>
      <c r="HW33" s="88">
        <v>0</v>
      </c>
      <c r="HX33" s="89">
        <v>1</v>
      </c>
      <c r="HY33" s="90">
        <v>2</v>
      </c>
      <c r="HZ33" s="87">
        <v>1</v>
      </c>
      <c r="IA33" s="88">
        <v>0</v>
      </c>
      <c r="IB33" s="89">
        <v>1</v>
      </c>
      <c r="IC33" s="399">
        <v>0</v>
      </c>
      <c r="ID33" s="88">
        <v>0</v>
      </c>
      <c r="IE33" s="88">
        <v>0</v>
      </c>
      <c r="IF33" s="88">
        <v>0</v>
      </c>
      <c r="IG33" s="88">
        <v>0</v>
      </c>
      <c r="IH33" s="88">
        <v>0</v>
      </c>
      <c r="II33" s="89">
        <v>0</v>
      </c>
      <c r="IJ33" s="90">
        <v>1</v>
      </c>
      <c r="IK33" s="87">
        <v>1</v>
      </c>
      <c r="IL33" s="88">
        <v>0</v>
      </c>
      <c r="IM33" s="89">
        <v>1</v>
      </c>
      <c r="IN33" s="399">
        <v>0</v>
      </c>
      <c r="IO33" s="88">
        <v>2</v>
      </c>
      <c r="IP33" s="88">
        <v>3</v>
      </c>
      <c r="IQ33" s="88">
        <v>0</v>
      </c>
      <c r="IR33" s="88">
        <v>0</v>
      </c>
      <c r="IS33" s="88">
        <v>0</v>
      </c>
      <c r="IT33" s="89">
        <v>5</v>
      </c>
      <c r="IU33" s="90">
        <v>6</v>
      </c>
      <c r="IV33" s="87">
        <v>0</v>
      </c>
      <c r="IW33" s="88">
        <v>0</v>
      </c>
      <c r="IX33" s="89">
        <v>0</v>
      </c>
      <c r="IY33" s="399">
        <v>0</v>
      </c>
      <c r="IZ33" s="88">
        <v>1</v>
      </c>
      <c r="JA33" s="88">
        <v>0</v>
      </c>
      <c r="JB33" s="88">
        <v>1</v>
      </c>
      <c r="JC33" s="88">
        <v>2</v>
      </c>
      <c r="JD33" s="88">
        <v>1</v>
      </c>
      <c r="JE33" s="89">
        <v>5</v>
      </c>
      <c r="JF33" s="90">
        <v>5</v>
      </c>
      <c r="JG33" s="87">
        <v>3</v>
      </c>
      <c r="JH33" s="88">
        <v>2</v>
      </c>
      <c r="JI33" s="89">
        <v>5</v>
      </c>
      <c r="JJ33" s="399">
        <v>0</v>
      </c>
      <c r="JK33" s="88">
        <v>3</v>
      </c>
      <c r="JL33" s="88">
        <v>2</v>
      </c>
      <c r="JM33" s="88">
        <v>2</v>
      </c>
      <c r="JN33" s="88">
        <v>2</v>
      </c>
      <c r="JO33" s="88">
        <v>0</v>
      </c>
      <c r="JP33" s="89">
        <v>9</v>
      </c>
      <c r="JQ33" s="90">
        <v>14</v>
      </c>
      <c r="JR33" s="87">
        <v>0</v>
      </c>
      <c r="JS33" s="88">
        <v>0</v>
      </c>
      <c r="JT33" s="89">
        <v>0</v>
      </c>
      <c r="JU33" s="399">
        <v>0</v>
      </c>
      <c r="JV33" s="88">
        <v>0</v>
      </c>
      <c r="JW33" s="88">
        <v>0</v>
      </c>
      <c r="JX33" s="88">
        <v>0</v>
      </c>
      <c r="JY33" s="88">
        <v>0</v>
      </c>
      <c r="JZ33" s="88">
        <v>0</v>
      </c>
      <c r="KA33" s="89">
        <v>0</v>
      </c>
      <c r="KB33" s="90">
        <v>0</v>
      </c>
      <c r="KC33" s="87">
        <v>6</v>
      </c>
      <c r="KD33" s="88">
        <v>2</v>
      </c>
      <c r="KE33" s="89">
        <v>8</v>
      </c>
      <c r="KF33" s="399">
        <v>0</v>
      </c>
      <c r="KG33" s="88">
        <v>7</v>
      </c>
      <c r="KH33" s="88">
        <v>6</v>
      </c>
      <c r="KI33" s="88">
        <v>3</v>
      </c>
      <c r="KJ33" s="88">
        <v>4</v>
      </c>
      <c r="KK33" s="88">
        <v>1</v>
      </c>
      <c r="KL33" s="89">
        <v>21</v>
      </c>
      <c r="KM33" s="90">
        <v>29</v>
      </c>
    </row>
    <row r="34" spans="2:299" s="56" customFormat="1" ht="21" customHeight="1" x14ac:dyDescent="0.2">
      <c r="B34" s="92" t="s">
        <v>31</v>
      </c>
      <c r="C34" s="82">
        <v>4</v>
      </c>
      <c r="D34" s="83">
        <v>3</v>
      </c>
      <c r="E34" s="84">
        <v>7</v>
      </c>
      <c r="F34" s="399">
        <v>0</v>
      </c>
      <c r="G34" s="83">
        <v>5</v>
      </c>
      <c r="H34" s="83">
        <v>5</v>
      </c>
      <c r="I34" s="83">
        <v>5</v>
      </c>
      <c r="J34" s="83">
        <v>2</v>
      </c>
      <c r="K34" s="83">
        <v>1</v>
      </c>
      <c r="L34" s="85">
        <v>18</v>
      </c>
      <c r="M34" s="86">
        <v>25</v>
      </c>
      <c r="N34" s="87">
        <v>0</v>
      </c>
      <c r="O34" s="88">
        <v>0</v>
      </c>
      <c r="P34" s="89">
        <v>0</v>
      </c>
      <c r="Q34" s="399">
        <v>0</v>
      </c>
      <c r="R34" s="88">
        <v>0</v>
      </c>
      <c r="S34" s="88">
        <v>1</v>
      </c>
      <c r="T34" s="88">
        <v>0</v>
      </c>
      <c r="U34" s="88">
        <v>0</v>
      </c>
      <c r="V34" s="88">
        <v>0</v>
      </c>
      <c r="W34" s="89">
        <v>1</v>
      </c>
      <c r="X34" s="90">
        <v>1</v>
      </c>
      <c r="Y34" s="87">
        <v>2</v>
      </c>
      <c r="Z34" s="88">
        <v>1</v>
      </c>
      <c r="AA34" s="89">
        <v>3</v>
      </c>
      <c r="AB34" s="399">
        <v>0</v>
      </c>
      <c r="AC34" s="88">
        <v>0</v>
      </c>
      <c r="AD34" s="88">
        <v>1</v>
      </c>
      <c r="AE34" s="88">
        <v>1</v>
      </c>
      <c r="AF34" s="88">
        <v>0</v>
      </c>
      <c r="AG34" s="88">
        <v>1</v>
      </c>
      <c r="AH34" s="89">
        <v>3</v>
      </c>
      <c r="AI34" s="90">
        <v>6</v>
      </c>
      <c r="AJ34" s="87">
        <v>0</v>
      </c>
      <c r="AK34" s="88">
        <v>1</v>
      </c>
      <c r="AL34" s="89">
        <v>1</v>
      </c>
      <c r="AM34" s="399">
        <v>0</v>
      </c>
      <c r="AN34" s="88">
        <v>3</v>
      </c>
      <c r="AO34" s="88">
        <v>0</v>
      </c>
      <c r="AP34" s="88">
        <v>1</v>
      </c>
      <c r="AQ34" s="88">
        <v>0</v>
      </c>
      <c r="AR34" s="88">
        <v>0</v>
      </c>
      <c r="AS34" s="89">
        <v>4</v>
      </c>
      <c r="AT34" s="90">
        <v>5</v>
      </c>
      <c r="AU34" s="87">
        <v>1</v>
      </c>
      <c r="AV34" s="88">
        <v>1</v>
      </c>
      <c r="AW34" s="89">
        <v>2</v>
      </c>
      <c r="AX34" s="399">
        <v>0</v>
      </c>
      <c r="AY34" s="88">
        <v>0</v>
      </c>
      <c r="AZ34" s="88">
        <v>1</v>
      </c>
      <c r="BA34" s="88">
        <v>0</v>
      </c>
      <c r="BB34" s="88">
        <v>0</v>
      </c>
      <c r="BC34" s="88">
        <v>0</v>
      </c>
      <c r="BD34" s="89">
        <v>1</v>
      </c>
      <c r="BE34" s="90">
        <v>3</v>
      </c>
      <c r="BF34" s="87">
        <v>0</v>
      </c>
      <c r="BG34" s="88">
        <v>0</v>
      </c>
      <c r="BH34" s="89">
        <v>0</v>
      </c>
      <c r="BI34" s="399">
        <v>0</v>
      </c>
      <c r="BJ34" s="88">
        <v>1</v>
      </c>
      <c r="BK34" s="88">
        <v>1</v>
      </c>
      <c r="BL34" s="88">
        <v>1</v>
      </c>
      <c r="BM34" s="88">
        <v>1</v>
      </c>
      <c r="BN34" s="88">
        <v>0</v>
      </c>
      <c r="BO34" s="89">
        <v>4</v>
      </c>
      <c r="BP34" s="90">
        <v>4</v>
      </c>
      <c r="BQ34" s="87">
        <v>1</v>
      </c>
      <c r="BR34" s="88">
        <v>0</v>
      </c>
      <c r="BS34" s="89">
        <v>1</v>
      </c>
      <c r="BT34" s="399">
        <v>0</v>
      </c>
      <c r="BU34" s="88">
        <v>1</v>
      </c>
      <c r="BV34" s="88">
        <v>1</v>
      </c>
      <c r="BW34" s="88">
        <v>2</v>
      </c>
      <c r="BX34" s="88">
        <v>1</v>
      </c>
      <c r="BY34" s="88">
        <v>0</v>
      </c>
      <c r="BZ34" s="89">
        <v>5</v>
      </c>
      <c r="CA34" s="90">
        <v>6</v>
      </c>
      <c r="CB34" s="87">
        <v>0</v>
      </c>
      <c r="CC34" s="88">
        <v>0</v>
      </c>
      <c r="CD34" s="89">
        <v>0</v>
      </c>
      <c r="CE34" s="399">
        <v>0</v>
      </c>
      <c r="CF34" s="88">
        <v>0</v>
      </c>
      <c r="CG34" s="88">
        <v>0</v>
      </c>
      <c r="CH34" s="88">
        <v>0</v>
      </c>
      <c r="CI34" s="88">
        <v>0</v>
      </c>
      <c r="CJ34" s="88">
        <v>0</v>
      </c>
      <c r="CK34" s="89">
        <v>0</v>
      </c>
      <c r="CL34" s="90">
        <v>0</v>
      </c>
      <c r="CM34" s="87">
        <v>4</v>
      </c>
      <c r="CN34" s="88">
        <v>3</v>
      </c>
      <c r="CO34" s="89">
        <v>7</v>
      </c>
      <c r="CP34" s="399">
        <v>0</v>
      </c>
      <c r="CQ34" s="88">
        <v>5</v>
      </c>
      <c r="CR34" s="88">
        <v>5</v>
      </c>
      <c r="CS34" s="88">
        <v>5</v>
      </c>
      <c r="CT34" s="88">
        <v>2</v>
      </c>
      <c r="CU34" s="88">
        <v>1</v>
      </c>
      <c r="CV34" s="89">
        <v>18</v>
      </c>
      <c r="CW34" s="90">
        <v>25</v>
      </c>
      <c r="CX34" s="91">
        <v>1</v>
      </c>
      <c r="CY34" s="83">
        <v>0</v>
      </c>
      <c r="CZ34" s="84">
        <v>1</v>
      </c>
      <c r="DA34" s="399">
        <v>0</v>
      </c>
      <c r="DB34" s="83">
        <v>1</v>
      </c>
      <c r="DC34" s="83">
        <v>1</v>
      </c>
      <c r="DD34" s="83">
        <v>2</v>
      </c>
      <c r="DE34" s="83">
        <v>2</v>
      </c>
      <c r="DF34" s="83">
        <v>0</v>
      </c>
      <c r="DG34" s="85">
        <v>6</v>
      </c>
      <c r="DH34" s="86">
        <v>7</v>
      </c>
      <c r="DI34" s="87">
        <v>0</v>
      </c>
      <c r="DJ34" s="88">
        <v>0</v>
      </c>
      <c r="DK34" s="89">
        <v>0</v>
      </c>
      <c r="DL34" s="399">
        <v>0</v>
      </c>
      <c r="DM34" s="88">
        <v>0</v>
      </c>
      <c r="DN34" s="88">
        <v>0</v>
      </c>
      <c r="DO34" s="88">
        <v>0</v>
      </c>
      <c r="DP34" s="88">
        <v>0</v>
      </c>
      <c r="DQ34" s="88">
        <v>0</v>
      </c>
      <c r="DR34" s="89">
        <v>0</v>
      </c>
      <c r="DS34" s="90">
        <v>0</v>
      </c>
      <c r="DT34" s="87">
        <v>0</v>
      </c>
      <c r="DU34" s="88">
        <v>0</v>
      </c>
      <c r="DV34" s="89">
        <v>0</v>
      </c>
      <c r="DW34" s="399">
        <v>0</v>
      </c>
      <c r="DX34" s="88">
        <v>0</v>
      </c>
      <c r="DY34" s="88">
        <v>0</v>
      </c>
      <c r="DZ34" s="88">
        <v>1</v>
      </c>
      <c r="EA34" s="88">
        <v>0</v>
      </c>
      <c r="EB34" s="88">
        <v>0</v>
      </c>
      <c r="EC34" s="89">
        <v>1</v>
      </c>
      <c r="ED34" s="90">
        <v>1</v>
      </c>
      <c r="EE34" s="87">
        <v>0</v>
      </c>
      <c r="EF34" s="88">
        <v>0</v>
      </c>
      <c r="EG34" s="89">
        <v>0</v>
      </c>
      <c r="EH34" s="399">
        <v>0</v>
      </c>
      <c r="EI34" s="88">
        <v>0</v>
      </c>
      <c r="EJ34" s="88">
        <v>0</v>
      </c>
      <c r="EK34" s="88">
        <v>0</v>
      </c>
      <c r="EL34" s="88">
        <v>1</v>
      </c>
      <c r="EM34" s="88">
        <v>0</v>
      </c>
      <c r="EN34" s="89">
        <v>1</v>
      </c>
      <c r="EO34" s="90">
        <v>1</v>
      </c>
      <c r="EP34" s="87">
        <v>0</v>
      </c>
      <c r="EQ34" s="88">
        <v>0</v>
      </c>
      <c r="ER34" s="89">
        <v>0</v>
      </c>
      <c r="ES34" s="399">
        <v>0</v>
      </c>
      <c r="ET34" s="88">
        <v>1</v>
      </c>
      <c r="EU34" s="88">
        <v>0</v>
      </c>
      <c r="EV34" s="88">
        <v>0</v>
      </c>
      <c r="EW34" s="88">
        <v>1</v>
      </c>
      <c r="EX34" s="88">
        <v>0</v>
      </c>
      <c r="EY34" s="89">
        <v>2</v>
      </c>
      <c r="EZ34" s="90">
        <v>2</v>
      </c>
      <c r="FA34" s="87">
        <v>1</v>
      </c>
      <c r="FB34" s="88">
        <v>0</v>
      </c>
      <c r="FC34" s="89">
        <v>1</v>
      </c>
      <c r="FD34" s="399">
        <v>0</v>
      </c>
      <c r="FE34" s="88">
        <v>0</v>
      </c>
      <c r="FF34" s="88">
        <v>0</v>
      </c>
      <c r="FG34" s="88">
        <v>0</v>
      </c>
      <c r="FH34" s="88">
        <v>0</v>
      </c>
      <c r="FI34" s="88">
        <v>0</v>
      </c>
      <c r="FJ34" s="89">
        <v>0</v>
      </c>
      <c r="FK34" s="90">
        <v>1</v>
      </c>
      <c r="FL34" s="87">
        <v>0</v>
      </c>
      <c r="FM34" s="88">
        <v>0</v>
      </c>
      <c r="FN34" s="89">
        <v>0</v>
      </c>
      <c r="FO34" s="399">
        <v>0</v>
      </c>
      <c r="FP34" s="88">
        <v>0</v>
      </c>
      <c r="FQ34" s="88">
        <v>1</v>
      </c>
      <c r="FR34" s="88">
        <v>1</v>
      </c>
      <c r="FS34" s="88">
        <v>0</v>
      </c>
      <c r="FT34" s="88">
        <v>0</v>
      </c>
      <c r="FU34" s="89">
        <v>2</v>
      </c>
      <c r="FV34" s="90">
        <v>2</v>
      </c>
      <c r="FW34" s="87">
        <v>0</v>
      </c>
      <c r="FX34" s="88">
        <v>0</v>
      </c>
      <c r="FY34" s="89">
        <v>0</v>
      </c>
      <c r="FZ34" s="399">
        <v>0</v>
      </c>
      <c r="GA34" s="88">
        <v>0</v>
      </c>
      <c r="GB34" s="88">
        <v>0</v>
      </c>
      <c r="GC34" s="88">
        <v>0</v>
      </c>
      <c r="GD34" s="88">
        <v>0</v>
      </c>
      <c r="GE34" s="88">
        <v>0</v>
      </c>
      <c r="GF34" s="89">
        <v>0</v>
      </c>
      <c r="GG34" s="90">
        <v>0</v>
      </c>
      <c r="GH34" s="87">
        <v>1</v>
      </c>
      <c r="GI34" s="88">
        <v>0</v>
      </c>
      <c r="GJ34" s="89">
        <v>1</v>
      </c>
      <c r="GK34" s="399">
        <v>0</v>
      </c>
      <c r="GL34" s="88">
        <v>1</v>
      </c>
      <c r="GM34" s="88">
        <v>1</v>
      </c>
      <c r="GN34" s="88">
        <v>2</v>
      </c>
      <c r="GO34" s="88">
        <v>2</v>
      </c>
      <c r="GP34" s="88">
        <v>0</v>
      </c>
      <c r="GQ34" s="89">
        <v>6</v>
      </c>
      <c r="GR34" s="90">
        <v>7</v>
      </c>
      <c r="GS34" s="91">
        <v>5</v>
      </c>
      <c r="GT34" s="83">
        <v>3</v>
      </c>
      <c r="GU34" s="84">
        <v>8</v>
      </c>
      <c r="GV34" s="399">
        <v>0</v>
      </c>
      <c r="GW34" s="83">
        <v>6</v>
      </c>
      <c r="GX34" s="83">
        <v>6</v>
      </c>
      <c r="GY34" s="83">
        <v>7</v>
      </c>
      <c r="GZ34" s="83">
        <v>4</v>
      </c>
      <c r="HA34" s="83">
        <v>1</v>
      </c>
      <c r="HB34" s="85">
        <v>24</v>
      </c>
      <c r="HC34" s="86">
        <v>32</v>
      </c>
      <c r="HD34" s="87">
        <v>0</v>
      </c>
      <c r="HE34" s="88">
        <v>0</v>
      </c>
      <c r="HF34" s="89">
        <v>0</v>
      </c>
      <c r="HG34" s="399">
        <v>0</v>
      </c>
      <c r="HH34" s="88">
        <v>0</v>
      </c>
      <c r="HI34" s="88">
        <v>1</v>
      </c>
      <c r="HJ34" s="88">
        <v>0</v>
      </c>
      <c r="HK34" s="88">
        <v>0</v>
      </c>
      <c r="HL34" s="88">
        <v>0</v>
      </c>
      <c r="HM34" s="89">
        <v>1</v>
      </c>
      <c r="HN34" s="90">
        <v>1</v>
      </c>
      <c r="HO34" s="87">
        <v>2</v>
      </c>
      <c r="HP34" s="88">
        <v>1</v>
      </c>
      <c r="HQ34" s="89">
        <v>3</v>
      </c>
      <c r="HR34" s="399">
        <v>0</v>
      </c>
      <c r="HS34" s="88">
        <v>0</v>
      </c>
      <c r="HT34" s="88">
        <v>1</v>
      </c>
      <c r="HU34" s="88">
        <v>2</v>
      </c>
      <c r="HV34" s="88">
        <v>0</v>
      </c>
      <c r="HW34" s="88">
        <v>1</v>
      </c>
      <c r="HX34" s="89">
        <v>4</v>
      </c>
      <c r="HY34" s="90">
        <v>7</v>
      </c>
      <c r="HZ34" s="87">
        <v>0</v>
      </c>
      <c r="IA34" s="88">
        <v>1</v>
      </c>
      <c r="IB34" s="89">
        <v>1</v>
      </c>
      <c r="IC34" s="399">
        <v>0</v>
      </c>
      <c r="ID34" s="88">
        <v>3</v>
      </c>
      <c r="IE34" s="88">
        <v>0</v>
      </c>
      <c r="IF34" s="88">
        <v>1</v>
      </c>
      <c r="IG34" s="88">
        <v>1</v>
      </c>
      <c r="IH34" s="88">
        <v>0</v>
      </c>
      <c r="II34" s="89">
        <v>5</v>
      </c>
      <c r="IJ34" s="90">
        <v>6</v>
      </c>
      <c r="IK34" s="87">
        <v>1</v>
      </c>
      <c r="IL34" s="88">
        <v>1</v>
      </c>
      <c r="IM34" s="89">
        <v>2</v>
      </c>
      <c r="IN34" s="399">
        <v>0</v>
      </c>
      <c r="IO34" s="88">
        <v>1</v>
      </c>
      <c r="IP34" s="88">
        <v>1</v>
      </c>
      <c r="IQ34" s="88">
        <v>0</v>
      </c>
      <c r="IR34" s="88">
        <v>1</v>
      </c>
      <c r="IS34" s="88">
        <v>0</v>
      </c>
      <c r="IT34" s="89">
        <v>3</v>
      </c>
      <c r="IU34" s="90">
        <v>5</v>
      </c>
      <c r="IV34" s="87">
        <v>1</v>
      </c>
      <c r="IW34" s="88">
        <v>0</v>
      </c>
      <c r="IX34" s="89">
        <v>1</v>
      </c>
      <c r="IY34" s="399">
        <v>0</v>
      </c>
      <c r="IZ34" s="88">
        <v>1</v>
      </c>
      <c r="JA34" s="88">
        <v>1</v>
      </c>
      <c r="JB34" s="88">
        <v>1</v>
      </c>
      <c r="JC34" s="88">
        <v>1</v>
      </c>
      <c r="JD34" s="88">
        <v>0</v>
      </c>
      <c r="JE34" s="89">
        <v>4</v>
      </c>
      <c r="JF34" s="90">
        <v>5</v>
      </c>
      <c r="JG34" s="87">
        <v>1</v>
      </c>
      <c r="JH34" s="88">
        <v>0</v>
      </c>
      <c r="JI34" s="89">
        <v>1</v>
      </c>
      <c r="JJ34" s="399">
        <v>0</v>
      </c>
      <c r="JK34" s="88">
        <v>1</v>
      </c>
      <c r="JL34" s="88">
        <v>2</v>
      </c>
      <c r="JM34" s="88">
        <v>3</v>
      </c>
      <c r="JN34" s="88">
        <v>1</v>
      </c>
      <c r="JO34" s="88">
        <v>0</v>
      </c>
      <c r="JP34" s="89">
        <v>7</v>
      </c>
      <c r="JQ34" s="90">
        <v>8</v>
      </c>
      <c r="JR34" s="87">
        <v>0</v>
      </c>
      <c r="JS34" s="88">
        <v>0</v>
      </c>
      <c r="JT34" s="89">
        <v>0</v>
      </c>
      <c r="JU34" s="399">
        <v>0</v>
      </c>
      <c r="JV34" s="88">
        <v>0</v>
      </c>
      <c r="JW34" s="88">
        <v>0</v>
      </c>
      <c r="JX34" s="88">
        <v>0</v>
      </c>
      <c r="JY34" s="88">
        <v>0</v>
      </c>
      <c r="JZ34" s="88">
        <v>0</v>
      </c>
      <c r="KA34" s="89">
        <v>0</v>
      </c>
      <c r="KB34" s="90">
        <v>0</v>
      </c>
      <c r="KC34" s="87">
        <v>5</v>
      </c>
      <c r="KD34" s="88">
        <v>3</v>
      </c>
      <c r="KE34" s="89">
        <v>8</v>
      </c>
      <c r="KF34" s="399">
        <v>0</v>
      </c>
      <c r="KG34" s="88">
        <v>6</v>
      </c>
      <c r="KH34" s="88">
        <v>6</v>
      </c>
      <c r="KI34" s="88">
        <v>7</v>
      </c>
      <c r="KJ34" s="88">
        <v>4</v>
      </c>
      <c r="KK34" s="88">
        <v>1</v>
      </c>
      <c r="KL34" s="89">
        <v>24</v>
      </c>
      <c r="KM34" s="90">
        <v>32</v>
      </c>
    </row>
    <row r="35" spans="2:299" s="56" customFormat="1" ht="21" customHeight="1" x14ac:dyDescent="0.2">
      <c r="B35" s="92" t="s">
        <v>32</v>
      </c>
      <c r="C35" s="82">
        <v>7</v>
      </c>
      <c r="D35" s="83">
        <v>5</v>
      </c>
      <c r="E35" s="84">
        <v>12</v>
      </c>
      <c r="F35" s="399">
        <v>0</v>
      </c>
      <c r="G35" s="83">
        <v>13</v>
      </c>
      <c r="H35" s="83">
        <v>5</v>
      </c>
      <c r="I35" s="83">
        <v>0</v>
      </c>
      <c r="J35" s="83">
        <v>5</v>
      </c>
      <c r="K35" s="83">
        <v>3</v>
      </c>
      <c r="L35" s="85">
        <v>26</v>
      </c>
      <c r="M35" s="86">
        <v>38</v>
      </c>
      <c r="N35" s="87">
        <v>0</v>
      </c>
      <c r="O35" s="88">
        <v>0</v>
      </c>
      <c r="P35" s="89">
        <v>0</v>
      </c>
      <c r="Q35" s="399">
        <v>0</v>
      </c>
      <c r="R35" s="88">
        <v>0</v>
      </c>
      <c r="S35" s="88">
        <v>0</v>
      </c>
      <c r="T35" s="88">
        <v>0</v>
      </c>
      <c r="U35" s="88">
        <v>0</v>
      </c>
      <c r="V35" s="88">
        <v>0</v>
      </c>
      <c r="W35" s="89">
        <v>0</v>
      </c>
      <c r="X35" s="90">
        <v>0</v>
      </c>
      <c r="Y35" s="87">
        <v>0</v>
      </c>
      <c r="Z35" s="88">
        <v>0</v>
      </c>
      <c r="AA35" s="89">
        <v>0</v>
      </c>
      <c r="AB35" s="399">
        <v>0</v>
      </c>
      <c r="AC35" s="88">
        <v>0</v>
      </c>
      <c r="AD35" s="88">
        <v>0</v>
      </c>
      <c r="AE35" s="88">
        <v>0</v>
      </c>
      <c r="AF35" s="88">
        <v>1</v>
      </c>
      <c r="AG35" s="88">
        <v>0</v>
      </c>
      <c r="AH35" s="89">
        <v>1</v>
      </c>
      <c r="AI35" s="90">
        <v>1</v>
      </c>
      <c r="AJ35" s="87">
        <v>1</v>
      </c>
      <c r="AK35" s="88">
        <v>0</v>
      </c>
      <c r="AL35" s="89">
        <v>1</v>
      </c>
      <c r="AM35" s="399">
        <v>0</v>
      </c>
      <c r="AN35" s="88">
        <v>4</v>
      </c>
      <c r="AO35" s="88">
        <v>0</v>
      </c>
      <c r="AP35" s="88">
        <v>0</v>
      </c>
      <c r="AQ35" s="88">
        <v>1</v>
      </c>
      <c r="AR35" s="88">
        <v>2</v>
      </c>
      <c r="AS35" s="89">
        <v>7</v>
      </c>
      <c r="AT35" s="90">
        <v>8</v>
      </c>
      <c r="AU35" s="87">
        <v>3</v>
      </c>
      <c r="AV35" s="88">
        <v>2</v>
      </c>
      <c r="AW35" s="89">
        <v>5</v>
      </c>
      <c r="AX35" s="399">
        <v>0</v>
      </c>
      <c r="AY35" s="88">
        <v>5</v>
      </c>
      <c r="AZ35" s="88">
        <v>1</v>
      </c>
      <c r="BA35" s="88">
        <v>0</v>
      </c>
      <c r="BB35" s="88">
        <v>1</v>
      </c>
      <c r="BC35" s="88">
        <v>1</v>
      </c>
      <c r="BD35" s="89">
        <v>8</v>
      </c>
      <c r="BE35" s="90">
        <v>13</v>
      </c>
      <c r="BF35" s="87">
        <v>0</v>
      </c>
      <c r="BG35" s="88">
        <v>3</v>
      </c>
      <c r="BH35" s="89">
        <v>3</v>
      </c>
      <c r="BI35" s="399">
        <v>0</v>
      </c>
      <c r="BJ35" s="88">
        <v>1</v>
      </c>
      <c r="BK35" s="88">
        <v>2</v>
      </c>
      <c r="BL35" s="88">
        <v>0</v>
      </c>
      <c r="BM35" s="88">
        <v>0</v>
      </c>
      <c r="BN35" s="88">
        <v>0</v>
      </c>
      <c r="BO35" s="89">
        <v>3</v>
      </c>
      <c r="BP35" s="90">
        <v>6</v>
      </c>
      <c r="BQ35" s="87">
        <v>3</v>
      </c>
      <c r="BR35" s="88">
        <v>0</v>
      </c>
      <c r="BS35" s="89">
        <v>3</v>
      </c>
      <c r="BT35" s="399">
        <v>0</v>
      </c>
      <c r="BU35" s="88">
        <v>3</v>
      </c>
      <c r="BV35" s="88">
        <v>2</v>
      </c>
      <c r="BW35" s="88">
        <v>0</v>
      </c>
      <c r="BX35" s="88">
        <v>2</v>
      </c>
      <c r="BY35" s="88">
        <v>0</v>
      </c>
      <c r="BZ35" s="89">
        <v>7</v>
      </c>
      <c r="CA35" s="90">
        <v>10</v>
      </c>
      <c r="CB35" s="87">
        <v>0</v>
      </c>
      <c r="CC35" s="88">
        <v>0</v>
      </c>
      <c r="CD35" s="89">
        <v>0</v>
      </c>
      <c r="CE35" s="399">
        <v>0</v>
      </c>
      <c r="CF35" s="88">
        <v>0</v>
      </c>
      <c r="CG35" s="88">
        <v>0</v>
      </c>
      <c r="CH35" s="88">
        <v>0</v>
      </c>
      <c r="CI35" s="88">
        <v>0</v>
      </c>
      <c r="CJ35" s="88">
        <v>0</v>
      </c>
      <c r="CK35" s="89">
        <v>0</v>
      </c>
      <c r="CL35" s="90">
        <v>0</v>
      </c>
      <c r="CM35" s="87">
        <v>7</v>
      </c>
      <c r="CN35" s="88">
        <v>5</v>
      </c>
      <c r="CO35" s="89">
        <v>12</v>
      </c>
      <c r="CP35" s="399">
        <v>0</v>
      </c>
      <c r="CQ35" s="88">
        <v>13</v>
      </c>
      <c r="CR35" s="88">
        <v>5</v>
      </c>
      <c r="CS35" s="88">
        <v>0</v>
      </c>
      <c r="CT35" s="88">
        <v>5</v>
      </c>
      <c r="CU35" s="88">
        <v>3</v>
      </c>
      <c r="CV35" s="89">
        <v>26</v>
      </c>
      <c r="CW35" s="90">
        <v>38</v>
      </c>
      <c r="CX35" s="91">
        <v>2</v>
      </c>
      <c r="CY35" s="83">
        <v>1</v>
      </c>
      <c r="CZ35" s="84">
        <v>3</v>
      </c>
      <c r="DA35" s="399">
        <v>0</v>
      </c>
      <c r="DB35" s="83">
        <v>5</v>
      </c>
      <c r="DC35" s="83">
        <v>4</v>
      </c>
      <c r="DD35" s="83">
        <v>1</v>
      </c>
      <c r="DE35" s="83">
        <v>3</v>
      </c>
      <c r="DF35" s="83">
        <v>2</v>
      </c>
      <c r="DG35" s="85">
        <v>15</v>
      </c>
      <c r="DH35" s="86">
        <v>18</v>
      </c>
      <c r="DI35" s="87">
        <v>0</v>
      </c>
      <c r="DJ35" s="88">
        <v>0</v>
      </c>
      <c r="DK35" s="89">
        <v>0</v>
      </c>
      <c r="DL35" s="399">
        <v>0</v>
      </c>
      <c r="DM35" s="88">
        <v>0</v>
      </c>
      <c r="DN35" s="88">
        <v>0</v>
      </c>
      <c r="DO35" s="88">
        <v>0</v>
      </c>
      <c r="DP35" s="88">
        <v>0</v>
      </c>
      <c r="DQ35" s="88">
        <v>0</v>
      </c>
      <c r="DR35" s="89">
        <v>0</v>
      </c>
      <c r="DS35" s="90">
        <v>0</v>
      </c>
      <c r="DT35" s="87">
        <v>1</v>
      </c>
      <c r="DU35" s="88">
        <v>0</v>
      </c>
      <c r="DV35" s="89">
        <v>1</v>
      </c>
      <c r="DW35" s="399">
        <v>0</v>
      </c>
      <c r="DX35" s="88">
        <v>0</v>
      </c>
      <c r="DY35" s="88">
        <v>0</v>
      </c>
      <c r="DZ35" s="88">
        <v>0</v>
      </c>
      <c r="EA35" s="88">
        <v>0</v>
      </c>
      <c r="EB35" s="88">
        <v>0</v>
      </c>
      <c r="EC35" s="89">
        <v>0</v>
      </c>
      <c r="ED35" s="90">
        <v>1</v>
      </c>
      <c r="EE35" s="87">
        <v>0</v>
      </c>
      <c r="EF35" s="88">
        <v>0</v>
      </c>
      <c r="EG35" s="89">
        <v>0</v>
      </c>
      <c r="EH35" s="399">
        <v>0</v>
      </c>
      <c r="EI35" s="88">
        <v>1</v>
      </c>
      <c r="EJ35" s="88">
        <v>1</v>
      </c>
      <c r="EK35" s="88">
        <v>1</v>
      </c>
      <c r="EL35" s="88">
        <v>0</v>
      </c>
      <c r="EM35" s="88">
        <v>0</v>
      </c>
      <c r="EN35" s="89">
        <v>3</v>
      </c>
      <c r="EO35" s="90">
        <v>3</v>
      </c>
      <c r="EP35" s="87">
        <v>1</v>
      </c>
      <c r="EQ35" s="88">
        <v>0</v>
      </c>
      <c r="ER35" s="89">
        <v>1</v>
      </c>
      <c r="ES35" s="399">
        <v>0</v>
      </c>
      <c r="ET35" s="88">
        <v>1</v>
      </c>
      <c r="EU35" s="88">
        <v>0</v>
      </c>
      <c r="EV35" s="88">
        <v>0</v>
      </c>
      <c r="EW35" s="88">
        <v>1</v>
      </c>
      <c r="EX35" s="88">
        <v>0</v>
      </c>
      <c r="EY35" s="89">
        <v>2</v>
      </c>
      <c r="EZ35" s="90">
        <v>3</v>
      </c>
      <c r="FA35" s="87">
        <v>0</v>
      </c>
      <c r="FB35" s="88">
        <v>0</v>
      </c>
      <c r="FC35" s="89">
        <v>0</v>
      </c>
      <c r="FD35" s="399">
        <v>0</v>
      </c>
      <c r="FE35" s="88">
        <v>1</v>
      </c>
      <c r="FF35" s="88">
        <v>1</v>
      </c>
      <c r="FG35" s="88">
        <v>0</v>
      </c>
      <c r="FH35" s="88">
        <v>0</v>
      </c>
      <c r="FI35" s="88">
        <v>1</v>
      </c>
      <c r="FJ35" s="89">
        <v>3</v>
      </c>
      <c r="FK35" s="90">
        <v>3</v>
      </c>
      <c r="FL35" s="87">
        <v>0</v>
      </c>
      <c r="FM35" s="88">
        <v>1</v>
      </c>
      <c r="FN35" s="89">
        <v>1</v>
      </c>
      <c r="FO35" s="399">
        <v>0</v>
      </c>
      <c r="FP35" s="88">
        <v>2</v>
      </c>
      <c r="FQ35" s="88">
        <v>2</v>
      </c>
      <c r="FR35" s="88">
        <v>0</v>
      </c>
      <c r="FS35" s="88">
        <v>2</v>
      </c>
      <c r="FT35" s="88">
        <v>1</v>
      </c>
      <c r="FU35" s="89">
        <v>7</v>
      </c>
      <c r="FV35" s="90">
        <v>8</v>
      </c>
      <c r="FW35" s="87">
        <v>0</v>
      </c>
      <c r="FX35" s="88">
        <v>0</v>
      </c>
      <c r="FY35" s="89">
        <v>0</v>
      </c>
      <c r="FZ35" s="399">
        <v>0</v>
      </c>
      <c r="GA35" s="88">
        <v>0</v>
      </c>
      <c r="GB35" s="88">
        <v>0</v>
      </c>
      <c r="GC35" s="88">
        <v>0</v>
      </c>
      <c r="GD35" s="88">
        <v>0</v>
      </c>
      <c r="GE35" s="88">
        <v>0</v>
      </c>
      <c r="GF35" s="89">
        <v>0</v>
      </c>
      <c r="GG35" s="90">
        <v>0</v>
      </c>
      <c r="GH35" s="87">
        <v>2</v>
      </c>
      <c r="GI35" s="88">
        <v>1</v>
      </c>
      <c r="GJ35" s="89">
        <v>3</v>
      </c>
      <c r="GK35" s="399">
        <v>0</v>
      </c>
      <c r="GL35" s="88">
        <v>5</v>
      </c>
      <c r="GM35" s="88">
        <v>4</v>
      </c>
      <c r="GN35" s="88">
        <v>1</v>
      </c>
      <c r="GO35" s="88">
        <v>3</v>
      </c>
      <c r="GP35" s="88">
        <v>2</v>
      </c>
      <c r="GQ35" s="89">
        <v>15</v>
      </c>
      <c r="GR35" s="90">
        <v>18</v>
      </c>
      <c r="GS35" s="91">
        <v>9</v>
      </c>
      <c r="GT35" s="83">
        <v>6</v>
      </c>
      <c r="GU35" s="84">
        <v>15</v>
      </c>
      <c r="GV35" s="399">
        <v>0</v>
      </c>
      <c r="GW35" s="83">
        <v>18</v>
      </c>
      <c r="GX35" s="83">
        <v>9</v>
      </c>
      <c r="GY35" s="83">
        <v>1</v>
      </c>
      <c r="GZ35" s="83">
        <v>8</v>
      </c>
      <c r="HA35" s="83">
        <v>5</v>
      </c>
      <c r="HB35" s="85">
        <v>41</v>
      </c>
      <c r="HC35" s="86">
        <v>56</v>
      </c>
      <c r="HD35" s="87">
        <v>0</v>
      </c>
      <c r="HE35" s="88">
        <v>0</v>
      </c>
      <c r="HF35" s="89">
        <v>0</v>
      </c>
      <c r="HG35" s="399">
        <v>0</v>
      </c>
      <c r="HH35" s="88">
        <v>0</v>
      </c>
      <c r="HI35" s="88">
        <v>0</v>
      </c>
      <c r="HJ35" s="88">
        <v>0</v>
      </c>
      <c r="HK35" s="88">
        <v>0</v>
      </c>
      <c r="HL35" s="88">
        <v>0</v>
      </c>
      <c r="HM35" s="89">
        <v>0</v>
      </c>
      <c r="HN35" s="90">
        <v>0</v>
      </c>
      <c r="HO35" s="87">
        <v>1</v>
      </c>
      <c r="HP35" s="88">
        <v>0</v>
      </c>
      <c r="HQ35" s="89">
        <v>1</v>
      </c>
      <c r="HR35" s="399">
        <v>0</v>
      </c>
      <c r="HS35" s="88">
        <v>0</v>
      </c>
      <c r="HT35" s="88">
        <v>0</v>
      </c>
      <c r="HU35" s="88">
        <v>0</v>
      </c>
      <c r="HV35" s="88">
        <v>1</v>
      </c>
      <c r="HW35" s="88">
        <v>0</v>
      </c>
      <c r="HX35" s="89">
        <v>1</v>
      </c>
      <c r="HY35" s="90">
        <v>2</v>
      </c>
      <c r="HZ35" s="87">
        <v>1</v>
      </c>
      <c r="IA35" s="88">
        <v>0</v>
      </c>
      <c r="IB35" s="89">
        <v>1</v>
      </c>
      <c r="IC35" s="399">
        <v>0</v>
      </c>
      <c r="ID35" s="88">
        <v>5</v>
      </c>
      <c r="IE35" s="88">
        <v>1</v>
      </c>
      <c r="IF35" s="88">
        <v>1</v>
      </c>
      <c r="IG35" s="88">
        <v>1</v>
      </c>
      <c r="IH35" s="88">
        <v>2</v>
      </c>
      <c r="II35" s="89">
        <v>10</v>
      </c>
      <c r="IJ35" s="90">
        <v>11</v>
      </c>
      <c r="IK35" s="87">
        <v>4</v>
      </c>
      <c r="IL35" s="88">
        <v>2</v>
      </c>
      <c r="IM35" s="89">
        <v>6</v>
      </c>
      <c r="IN35" s="399">
        <v>0</v>
      </c>
      <c r="IO35" s="88">
        <v>6</v>
      </c>
      <c r="IP35" s="88">
        <v>1</v>
      </c>
      <c r="IQ35" s="88">
        <v>0</v>
      </c>
      <c r="IR35" s="88">
        <v>2</v>
      </c>
      <c r="IS35" s="88">
        <v>1</v>
      </c>
      <c r="IT35" s="89">
        <v>10</v>
      </c>
      <c r="IU35" s="90">
        <v>16</v>
      </c>
      <c r="IV35" s="87">
        <v>0</v>
      </c>
      <c r="IW35" s="88">
        <v>3</v>
      </c>
      <c r="IX35" s="89">
        <v>3</v>
      </c>
      <c r="IY35" s="399">
        <v>0</v>
      </c>
      <c r="IZ35" s="88">
        <v>2</v>
      </c>
      <c r="JA35" s="88">
        <v>3</v>
      </c>
      <c r="JB35" s="88">
        <v>0</v>
      </c>
      <c r="JC35" s="88">
        <v>0</v>
      </c>
      <c r="JD35" s="88">
        <v>1</v>
      </c>
      <c r="JE35" s="89">
        <v>6</v>
      </c>
      <c r="JF35" s="90">
        <v>9</v>
      </c>
      <c r="JG35" s="87">
        <v>3</v>
      </c>
      <c r="JH35" s="88">
        <v>1</v>
      </c>
      <c r="JI35" s="89">
        <v>4</v>
      </c>
      <c r="JJ35" s="399">
        <v>0</v>
      </c>
      <c r="JK35" s="88">
        <v>5</v>
      </c>
      <c r="JL35" s="88">
        <v>4</v>
      </c>
      <c r="JM35" s="88">
        <v>0</v>
      </c>
      <c r="JN35" s="88">
        <v>4</v>
      </c>
      <c r="JO35" s="88">
        <v>1</v>
      </c>
      <c r="JP35" s="89">
        <v>14</v>
      </c>
      <c r="JQ35" s="90">
        <v>18</v>
      </c>
      <c r="JR35" s="87">
        <v>0</v>
      </c>
      <c r="JS35" s="88">
        <v>0</v>
      </c>
      <c r="JT35" s="89">
        <v>0</v>
      </c>
      <c r="JU35" s="399">
        <v>0</v>
      </c>
      <c r="JV35" s="88">
        <v>0</v>
      </c>
      <c r="JW35" s="88">
        <v>0</v>
      </c>
      <c r="JX35" s="88">
        <v>0</v>
      </c>
      <c r="JY35" s="88">
        <v>0</v>
      </c>
      <c r="JZ35" s="88">
        <v>0</v>
      </c>
      <c r="KA35" s="89">
        <v>0</v>
      </c>
      <c r="KB35" s="90">
        <v>0</v>
      </c>
      <c r="KC35" s="87">
        <v>9</v>
      </c>
      <c r="KD35" s="88">
        <v>6</v>
      </c>
      <c r="KE35" s="89">
        <v>15</v>
      </c>
      <c r="KF35" s="399">
        <v>0</v>
      </c>
      <c r="KG35" s="88">
        <v>18</v>
      </c>
      <c r="KH35" s="88">
        <v>9</v>
      </c>
      <c r="KI35" s="88">
        <v>1</v>
      </c>
      <c r="KJ35" s="88">
        <v>8</v>
      </c>
      <c r="KK35" s="88">
        <v>5</v>
      </c>
      <c r="KL35" s="89">
        <v>41</v>
      </c>
      <c r="KM35" s="90">
        <v>56</v>
      </c>
    </row>
    <row r="36" spans="2:299" s="56" customFormat="1" ht="21" customHeight="1" x14ac:dyDescent="0.2">
      <c r="B36" s="92" t="s">
        <v>33</v>
      </c>
      <c r="C36" s="82">
        <v>2</v>
      </c>
      <c r="D36" s="83">
        <v>2</v>
      </c>
      <c r="E36" s="84">
        <v>4</v>
      </c>
      <c r="F36" s="399">
        <v>0</v>
      </c>
      <c r="G36" s="83">
        <v>12</v>
      </c>
      <c r="H36" s="83">
        <v>2</v>
      </c>
      <c r="I36" s="83">
        <v>4</v>
      </c>
      <c r="J36" s="83">
        <v>2</v>
      </c>
      <c r="K36" s="83">
        <v>2</v>
      </c>
      <c r="L36" s="85">
        <v>22</v>
      </c>
      <c r="M36" s="86">
        <v>26</v>
      </c>
      <c r="N36" s="87">
        <v>0</v>
      </c>
      <c r="O36" s="88">
        <v>0</v>
      </c>
      <c r="P36" s="89">
        <v>0</v>
      </c>
      <c r="Q36" s="399">
        <v>0</v>
      </c>
      <c r="R36" s="88">
        <v>2</v>
      </c>
      <c r="S36" s="88">
        <v>0</v>
      </c>
      <c r="T36" s="88">
        <v>0</v>
      </c>
      <c r="U36" s="88">
        <v>1</v>
      </c>
      <c r="V36" s="88">
        <v>0</v>
      </c>
      <c r="W36" s="89">
        <v>3</v>
      </c>
      <c r="X36" s="90">
        <v>3</v>
      </c>
      <c r="Y36" s="87">
        <v>0</v>
      </c>
      <c r="Z36" s="88">
        <v>0</v>
      </c>
      <c r="AA36" s="89">
        <v>0</v>
      </c>
      <c r="AB36" s="399">
        <v>0</v>
      </c>
      <c r="AC36" s="88">
        <v>2</v>
      </c>
      <c r="AD36" s="88">
        <v>0</v>
      </c>
      <c r="AE36" s="88">
        <v>0</v>
      </c>
      <c r="AF36" s="88">
        <v>0</v>
      </c>
      <c r="AG36" s="88">
        <v>1</v>
      </c>
      <c r="AH36" s="89">
        <v>3</v>
      </c>
      <c r="AI36" s="90">
        <v>3</v>
      </c>
      <c r="AJ36" s="87">
        <v>0</v>
      </c>
      <c r="AK36" s="88">
        <v>1</v>
      </c>
      <c r="AL36" s="89">
        <v>1</v>
      </c>
      <c r="AM36" s="399">
        <v>0</v>
      </c>
      <c r="AN36" s="88">
        <v>2</v>
      </c>
      <c r="AO36" s="88">
        <v>0</v>
      </c>
      <c r="AP36" s="88">
        <v>2</v>
      </c>
      <c r="AQ36" s="88">
        <v>0</v>
      </c>
      <c r="AR36" s="88">
        <v>1</v>
      </c>
      <c r="AS36" s="89">
        <v>5</v>
      </c>
      <c r="AT36" s="90">
        <v>6</v>
      </c>
      <c r="AU36" s="87">
        <v>2</v>
      </c>
      <c r="AV36" s="88">
        <v>1</v>
      </c>
      <c r="AW36" s="89">
        <v>3</v>
      </c>
      <c r="AX36" s="399">
        <v>0</v>
      </c>
      <c r="AY36" s="88">
        <v>0</v>
      </c>
      <c r="AZ36" s="88">
        <v>1</v>
      </c>
      <c r="BA36" s="88">
        <v>1</v>
      </c>
      <c r="BB36" s="88">
        <v>0</v>
      </c>
      <c r="BC36" s="88">
        <v>0</v>
      </c>
      <c r="BD36" s="89">
        <v>2</v>
      </c>
      <c r="BE36" s="90">
        <v>5</v>
      </c>
      <c r="BF36" s="87">
        <v>0</v>
      </c>
      <c r="BG36" s="88">
        <v>0</v>
      </c>
      <c r="BH36" s="89">
        <v>0</v>
      </c>
      <c r="BI36" s="399">
        <v>0</v>
      </c>
      <c r="BJ36" s="88">
        <v>1</v>
      </c>
      <c r="BK36" s="88">
        <v>1</v>
      </c>
      <c r="BL36" s="88">
        <v>0</v>
      </c>
      <c r="BM36" s="88">
        <v>0</v>
      </c>
      <c r="BN36" s="88">
        <v>0</v>
      </c>
      <c r="BO36" s="89">
        <v>2</v>
      </c>
      <c r="BP36" s="90">
        <v>2</v>
      </c>
      <c r="BQ36" s="87">
        <v>0</v>
      </c>
      <c r="BR36" s="88">
        <v>0</v>
      </c>
      <c r="BS36" s="89">
        <v>0</v>
      </c>
      <c r="BT36" s="399">
        <v>0</v>
      </c>
      <c r="BU36" s="88">
        <v>5</v>
      </c>
      <c r="BV36" s="88">
        <v>0</v>
      </c>
      <c r="BW36" s="88">
        <v>1</v>
      </c>
      <c r="BX36" s="88">
        <v>1</v>
      </c>
      <c r="BY36" s="88">
        <v>0</v>
      </c>
      <c r="BZ36" s="89">
        <v>7</v>
      </c>
      <c r="CA36" s="90">
        <v>7</v>
      </c>
      <c r="CB36" s="87">
        <v>0</v>
      </c>
      <c r="CC36" s="88">
        <v>0</v>
      </c>
      <c r="CD36" s="89">
        <v>0</v>
      </c>
      <c r="CE36" s="399">
        <v>0</v>
      </c>
      <c r="CF36" s="88">
        <v>0</v>
      </c>
      <c r="CG36" s="88">
        <v>0</v>
      </c>
      <c r="CH36" s="88">
        <v>0</v>
      </c>
      <c r="CI36" s="88">
        <v>0</v>
      </c>
      <c r="CJ36" s="88">
        <v>0</v>
      </c>
      <c r="CK36" s="89">
        <v>0</v>
      </c>
      <c r="CL36" s="90">
        <v>0</v>
      </c>
      <c r="CM36" s="87">
        <v>2</v>
      </c>
      <c r="CN36" s="88">
        <v>2</v>
      </c>
      <c r="CO36" s="89">
        <v>4</v>
      </c>
      <c r="CP36" s="399">
        <v>0</v>
      </c>
      <c r="CQ36" s="88">
        <v>12</v>
      </c>
      <c r="CR36" s="88">
        <v>2</v>
      </c>
      <c r="CS36" s="88">
        <v>4</v>
      </c>
      <c r="CT36" s="88">
        <v>2</v>
      </c>
      <c r="CU36" s="88">
        <v>2</v>
      </c>
      <c r="CV36" s="89">
        <v>22</v>
      </c>
      <c r="CW36" s="90">
        <v>26</v>
      </c>
      <c r="CX36" s="91">
        <v>0</v>
      </c>
      <c r="CY36" s="83">
        <v>3</v>
      </c>
      <c r="CZ36" s="84">
        <v>3</v>
      </c>
      <c r="DA36" s="399">
        <v>0</v>
      </c>
      <c r="DB36" s="83">
        <v>4</v>
      </c>
      <c r="DC36" s="83">
        <v>3</v>
      </c>
      <c r="DD36" s="83">
        <v>2</v>
      </c>
      <c r="DE36" s="83">
        <v>2</v>
      </c>
      <c r="DF36" s="83">
        <v>1</v>
      </c>
      <c r="DG36" s="85">
        <v>12</v>
      </c>
      <c r="DH36" s="86">
        <v>15</v>
      </c>
      <c r="DI36" s="87">
        <v>0</v>
      </c>
      <c r="DJ36" s="88">
        <v>0</v>
      </c>
      <c r="DK36" s="89">
        <v>0</v>
      </c>
      <c r="DL36" s="399">
        <v>0</v>
      </c>
      <c r="DM36" s="88">
        <v>0</v>
      </c>
      <c r="DN36" s="88">
        <v>0</v>
      </c>
      <c r="DO36" s="88">
        <v>0</v>
      </c>
      <c r="DP36" s="88">
        <v>0</v>
      </c>
      <c r="DQ36" s="88">
        <v>0</v>
      </c>
      <c r="DR36" s="89">
        <v>0</v>
      </c>
      <c r="DS36" s="90">
        <v>0</v>
      </c>
      <c r="DT36" s="87">
        <v>0</v>
      </c>
      <c r="DU36" s="88">
        <v>0</v>
      </c>
      <c r="DV36" s="89">
        <v>0</v>
      </c>
      <c r="DW36" s="399">
        <v>0</v>
      </c>
      <c r="DX36" s="88">
        <v>0</v>
      </c>
      <c r="DY36" s="88">
        <v>0</v>
      </c>
      <c r="DZ36" s="88">
        <v>0</v>
      </c>
      <c r="EA36" s="88">
        <v>0</v>
      </c>
      <c r="EB36" s="88">
        <v>0</v>
      </c>
      <c r="EC36" s="89">
        <v>0</v>
      </c>
      <c r="ED36" s="90">
        <v>0</v>
      </c>
      <c r="EE36" s="87">
        <v>0</v>
      </c>
      <c r="EF36" s="88">
        <v>0</v>
      </c>
      <c r="EG36" s="89">
        <v>0</v>
      </c>
      <c r="EH36" s="399">
        <v>0</v>
      </c>
      <c r="EI36" s="88">
        <v>0</v>
      </c>
      <c r="EJ36" s="88">
        <v>0</v>
      </c>
      <c r="EK36" s="88">
        <v>0</v>
      </c>
      <c r="EL36" s="88">
        <v>0</v>
      </c>
      <c r="EM36" s="88">
        <v>0</v>
      </c>
      <c r="EN36" s="89">
        <v>0</v>
      </c>
      <c r="EO36" s="90">
        <v>0</v>
      </c>
      <c r="EP36" s="87">
        <v>0</v>
      </c>
      <c r="EQ36" s="88">
        <v>1</v>
      </c>
      <c r="ER36" s="89">
        <v>1</v>
      </c>
      <c r="ES36" s="399">
        <v>0</v>
      </c>
      <c r="ET36" s="88">
        <v>0</v>
      </c>
      <c r="EU36" s="88">
        <v>0</v>
      </c>
      <c r="EV36" s="88">
        <v>0</v>
      </c>
      <c r="EW36" s="88">
        <v>0</v>
      </c>
      <c r="EX36" s="88">
        <v>1</v>
      </c>
      <c r="EY36" s="89">
        <v>1</v>
      </c>
      <c r="EZ36" s="90">
        <v>2</v>
      </c>
      <c r="FA36" s="87">
        <v>0</v>
      </c>
      <c r="FB36" s="88">
        <v>2</v>
      </c>
      <c r="FC36" s="89">
        <v>2</v>
      </c>
      <c r="FD36" s="399">
        <v>0</v>
      </c>
      <c r="FE36" s="88">
        <v>1</v>
      </c>
      <c r="FF36" s="88">
        <v>0</v>
      </c>
      <c r="FG36" s="88">
        <v>0</v>
      </c>
      <c r="FH36" s="88">
        <v>1</v>
      </c>
      <c r="FI36" s="88">
        <v>0</v>
      </c>
      <c r="FJ36" s="89">
        <v>2</v>
      </c>
      <c r="FK36" s="90">
        <v>4</v>
      </c>
      <c r="FL36" s="87">
        <v>0</v>
      </c>
      <c r="FM36" s="88">
        <v>0</v>
      </c>
      <c r="FN36" s="89">
        <v>0</v>
      </c>
      <c r="FO36" s="399">
        <v>0</v>
      </c>
      <c r="FP36" s="88">
        <v>3</v>
      </c>
      <c r="FQ36" s="88">
        <v>3</v>
      </c>
      <c r="FR36" s="88">
        <v>2</v>
      </c>
      <c r="FS36" s="88">
        <v>1</v>
      </c>
      <c r="FT36" s="88">
        <v>0</v>
      </c>
      <c r="FU36" s="89">
        <v>9</v>
      </c>
      <c r="FV36" s="90">
        <v>9</v>
      </c>
      <c r="FW36" s="87">
        <v>0</v>
      </c>
      <c r="FX36" s="88">
        <v>0</v>
      </c>
      <c r="FY36" s="89">
        <v>0</v>
      </c>
      <c r="FZ36" s="399">
        <v>0</v>
      </c>
      <c r="GA36" s="88">
        <v>0</v>
      </c>
      <c r="GB36" s="88">
        <v>0</v>
      </c>
      <c r="GC36" s="88">
        <v>0</v>
      </c>
      <c r="GD36" s="88">
        <v>0</v>
      </c>
      <c r="GE36" s="88">
        <v>0</v>
      </c>
      <c r="GF36" s="89">
        <v>0</v>
      </c>
      <c r="GG36" s="90">
        <v>0</v>
      </c>
      <c r="GH36" s="87">
        <v>0</v>
      </c>
      <c r="GI36" s="88">
        <v>3</v>
      </c>
      <c r="GJ36" s="89">
        <v>3</v>
      </c>
      <c r="GK36" s="399">
        <v>0</v>
      </c>
      <c r="GL36" s="88">
        <v>4</v>
      </c>
      <c r="GM36" s="88">
        <v>3</v>
      </c>
      <c r="GN36" s="88">
        <v>2</v>
      </c>
      <c r="GO36" s="88">
        <v>2</v>
      </c>
      <c r="GP36" s="88">
        <v>1</v>
      </c>
      <c r="GQ36" s="89">
        <v>12</v>
      </c>
      <c r="GR36" s="90">
        <v>15</v>
      </c>
      <c r="GS36" s="91">
        <v>2</v>
      </c>
      <c r="GT36" s="83">
        <v>5</v>
      </c>
      <c r="GU36" s="84">
        <v>7</v>
      </c>
      <c r="GV36" s="399">
        <v>0</v>
      </c>
      <c r="GW36" s="83">
        <v>16</v>
      </c>
      <c r="GX36" s="83">
        <v>5</v>
      </c>
      <c r="GY36" s="83">
        <v>6</v>
      </c>
      <c r="GZ36" s="83">
        <v>4</v>
      </c>
      <c r="HA36" s="83">
        <v>3</v>
      </c>
      <c r="HB36" s="85">
        <v>34</v>
      </c>
      <c r="HC36" s="86">
        <v>41</v>
      </c>
      <c r="HD36" s="87">
        <v>0</v>
      </c>
      <c r="HE36" s="88">
        <v>0</v>
      </c>
      <c r="HF36" s="89">
        <v>0</v>
      </c>
      <c r="HG36" s="399">
        <v>0</v>
      </c>
      <c r="HH36" s="88">
        <v>2</v>
      </c>
      <c r="HI36" s="88">
        <v>0</v>
      </c>
      <c r="HJ36" s="88">
        <v>0</v>
      </c>
      <c r="HK36" s="88">
        <v>1</v>
      </c>
      <c r="HL36" s="88">
        <v>0</v>
      </c>
      <c r="HM36" s="89">
        <v>3</v>
      </c>
      <c r="HN36" s="90">
        <v>3</v>
      </c>
      <c r="HO36" s="87">
        <v>0</v>
      </c>
      <c r="HP36" s="88">
        <v>0</v>
      </c>
      <c r="HQ36" s="89">
        <v>0</v>
      </c>
      <c r="HR36" s="399">
        <v>0</v>
      </c>
      <c r="HS36" s="88">
        <v>2</v>
      </c>
      <c r="HT36" s="88">
        <v>0</v>
      </c>
      <c r="HU36" s="88">
        <v>0</v>
      </c>
      <c r="HV36" s="88">
        <v>0</v>
      </c>
      <c r="HW36" s="88">
        <v>1</v>
      </c>
      <c r="HX36" s="89">
        <v>3</v>
      </c>
      <c r="HY36" s="90">
        <v>3</v>
      </c>
      <c r="HZ36" s="87">
        <v>0</v>
      </c>
      <c r="IA36" s="88">
        <v>1</v>
      </c>
      <c r="IB36" s="89">
        <v>1</v>
      </c>
      <c r="IC36" s="399">
        <v>0</v>
      </c>
      <c r="ID36" s="88">
        <v>2</v>
      </c>
      <c r="IE36" s="88">
        <v>0</v>
      </c>
      <c r="IF36" s="88">
        <v>2</v>
      </c>
      <c r="IG36" s="88">
        <v>0</v>
      </c>
      <c r="IH36" s="88">
        <v>1</v>
      </c>
      <c r="II36" s="89">
        <v>5</v>
      </c>
      <c r="IJ36" s="90">
        <v>6</v>
      </c>
      <c r="IK36" s="87">
        <v>2</v>
      </c>
      <c r="IL36" s="88">
        <v>2</v>
      </c>
      <c r="IM36" s="89">
        <v>4</v>
      </c>
      <c r="IN36" s="399">
        <v>0</v>
      </c>
      <c r="IO36" s="88">
        <v>0</v>
      </c>
      <c r="IP36" s="88">
        <v>1</v>
      </c>
      <c r="IQ36" s="88">
        <v>1</v>
      </c>
      <c r="IR36" s="88">
        <v>0</v>
      </c>
      <c r="IS36" s="88">
        <v>1</v>
      </c>
      <c r="IT36" s="89">
        <v>3</v>
      </c>
      <c r="IU36" s="90">
        <v>7</v>
      </c>
      <c r="IV36" s="87">
        <v>0</v>
      </c>
      <c r="IW36" s="88">
        <v>2</v>
      </c>
      <c r="IX36" s="89">
        <v>2</v>
      </c>
      <c r="IY36" s="399">
        <v>0</v>
      </c>
      <c r="IZ36" s="88">
        <v>2</v>
      </c>
      <c r="JA36" s="88">
        <v>1</v>
      </c>
      <c r="JB36" s="88">
        <v>0</v>
      </c>
      <c r="JC36" s="88">
        <v>1</v>
      </c>
      <c r="JD36" s="88">
        <v>0</v>
      </c>
      <c r="JE36" s="89">
        <v>4</v>
      </c>
      <c r="JF36" s="90">
        <v>6</v>
      </c>
      <c r="JG36" s="87">
        <v>0</v>
      </c>
      <c r="JH36" s="88">
        <v>0</v>
      </c>
      <c r="JI36" s="89">
        <v>0</v>
      </c>
      <c r="JJ36" s="399">
        <v>0</v>
      </c>
      <c r="JK36" s="88">
        <v>8</v>
      </c>
      <c r="JL36" s="88">
        <v>3</v>
      </c>
      <c r="JM36" s="88">
        <v>3</v>
      </c>
      <c r="JN36" s="88">
        <v>2</v>
      </c>
      <c r="JO36" s="88">
        <v>0</v>
      </c>
      <c r="JP36" s="89">
        <v>16</v>
      </c>
      <c r="JQ36" s="90">
        <v>16</v>
      </c>
      <c r="JR36" s="87">
        <v>0</v>
      </c>
      <c r="JS36" s="88">
        <v>0</v>
      </c>
      <c r="JT36" s="89">
        <v>0</v>
      </c>
      <c r="JU36" s="399">
        <v>0</v>
      </c>
      <c r="JV36" s="88">
        <v>0</v>
      </c>
      <c r="JW36" s="88">
        <v>0</v>
      </c>
      <c r="JX36" s="88">
        <v>0</v>
      </c>
      <c r="JY36" s="88">
        <v>0</v>
      </c>
      <c r="JZ36" s="88">
        <v>0</v>
      </c>
      <c r="KA36" s="89">
        <v>0</v>
      </c>
      <c r="KB36" s="90">
        <v>0</v>
      </c>
      <c r="KC36" s="87">
        <v>2</v>
      </c>
      <c r="KD36" s="88">
        <v>5</v>
      </c>
      <c r="KE36" s="89">
        <v>7</v>
      </c>
      <c r="KF36" s="399">
        <v>0</v>
      </c>
      <c r="KG36" s="88">
        <v>16</v>
      </c>
      <c r="KH36" s="88">
        <v>5</v>
      </c>
      <c r="KI36" s="88">
        <v>6</v>
      </c>
      <c r="KJ36" s="88">
        <v>4</v>
      </c>
      <c r="KK36" s="88">
        <v>3</v>
      </c>
      <c r="KL36" s="89">
        <v>34</v>
      </c>
      <c r="KM36" s="90">
        <v>41</v>
      </c>
    </row>
    <row r="37" spans="2:299" s="56" customFormat="1" ht="21" customHeight="1" x14ac:dyDescent="0.2">
      <c r="B37" s="92" t="s">
        <v>34</v>
      </c>
      <c r="C37" s="82">
        <v>3</v>
      </c>
      <c r="D37" s="83">
        <v>1</v>
      </c>
      <c r="E37" s="84">
        <v>4</v>
      </c>
      <c r="F37" s="399">
        <v>0</v>
      </c>
      <c r="G37" s="83">
        <v>3</v>
      </c>
      <c r="H37" s="83">
        <v>3</v>
      </c>
      <c r="I37" s="83">
        <v>1</v>
      </c>
      <c r="J37" s="83">
        <v>3</v>
      </c>
      <c r="K37" s="83">
        <v>0</v>
      </c>
      <c r="L37" s="85">
        <v>10</v>
      </c>
      <c r="M37" s="86">
        <v>14</v>
      </c>
      <c r="N37" s="87">
        <v>0</v>
      </c>
      <c r="O37" s="88">
        <v>0</v>
      </c>
      <c r="P37" s="89">
        <v>0</v>
      </c>
      <c r="Q37" s="399">
        <v>0</v>
      </c>
      <c r="R37" s="88">
        <v>0</v>
      </c>
      <c r="S37" s="88">
        <v>0</v>
      </c>
      <c r="T37" s="88">
        <v>0</v>
      </c>
      <c r="U37" s="88">
        <v>0</v>
      </c>
      <c r="V37" s="88">
        <v>0</v>
      </c>
      <c r="W37" s="89">
        <v>0</v>
      </c>
      <c r="X37" s="90">
        <v>0</v>
      </c>
      <c r="Y37" s="87">
        <v>0</v>
      </c>
      <c r="Z37" s="88">
        <v>0</v>
      </c>
      <c r="AA37" s="89">
        <v>0</v>
      </c>
      <c r="AB37" s="399">
        <v>0</v>
      </c>
      <c r="AC37" s="88">
        <v>0</v>
      </c>
      <c r="AD37" s="88">
        <v>1</v>
      </c>
      <c r="AE37" s="88">
        <v>0</v>
      </c>
      <c r="AF37" s="88">
        <v>0</v>
      </c>
      <c r="AG37" s="88">
        <v>0</v>
      </c>
      <c r="AH37" s="89">
        <v>1</v>
      </c>
      <c r="AI37" s="90">
        <v>1</v>
      </c>
      <c r="AJ37" s="87">
        <v>1</v>
      </c>
      <c r="AK37" s="88">
        <v>1</v>
      </c>
      <c r="AL37" s="89">
        <v>2</v>
      </c>
      <c r="AM37" s="399">
        <v>0</v>
      </c>
      <c r="AN37" s="88">
        <v>0</v>
      </c>
      <c r="AO37" s="88">
        <v>1</v>
      </c>
      <c r="AP37" s="88">
        <v>0</v>
      </c>
      <c r="AQ37" s="88">
        <v>0</v>
      </c>
      <c r="AR37" s="88">
        <v>0</v>
      </c>
      <c r="AS37" s="89">
        <v>1</v>
      </c>
      <c r="AT37" s="90">
        <v>3</v>
      </c>
      <c r="AU37" s="87">
        <v>1</v>
      </c>
      <c r="AV37" s="88">
        <v>0</v>
      </c>
      <c r="AW37" s="89">
        <v>1</v>
      </c>
      <c r="AX37" s="399">
        <v>0</v>
      </c>
      <c r="AY37" s="88">
        <v>1</v>
      </c>
      <c r="AZ37" s="88">
        <v>1</v>
      </c>
      <c r="BA37" s="88">
        <v>0</v>
      </c>
      <c r="BB37" s="88">
        <v>2</v>
      </c>
      <c r="BC37" s="88">
        <v>0</v>
      </c>
      <c r="BD37" s="89">
        <v>4</v>
      </c>
      <c r="BE37" s="90">
        <v>5</v>
      </c>
      <c r="BF37" s="87">
        <v>0</v>
      </c>
      <c r="BG37" s="88">
        <v>0</v>
      </c>
      <c r="BH37" s="89">
        <v>0</v>
      </c>
      <c r="BI37" s="399">
        <v>0</v>
      </c>
      <c r="BJ37" s="88">
        <v>1</v>
      </c>
      <c r="BK37" s="88">
        <v>0</v>
      </c>
      <c r="BL37" s="88">
        <v>0</v>
      </c>
      <c r="BM37" s="88">
        <v>0</v>
      </c>
      <c r="BN37" s="88">
        <v>0</v>
      </c>
      <c r="BO37" s="89">
        <v>1</v>
      </c>
      <c r="BP37" s="90">
        <v>1</v>
      </c>
      <c r="BQ37" s="87">
        <v>1</v>
      </c>
      <c r="BR37" s="88">
        <v>0</v>
      </c>
      <c r="BS37" s="89">
        <v>1</v>
      </c>
      <c r="BT37" s="399">
        <v>0</v>
      </c>
      <c r="BU37" s="88">
        <v>1</v>
      </c>
      <c r="BV37" s="88">
        <v>0</v>
      </c>
      <c r="BW37" s="88">
        <v>1</v>
      </c>
      <c r="BX37" s="88">
        <v>1</v>
      </c>
      <c r="BY37" s="88">
        <v>0</v>
      </c>
      <c r="BZ37" s="89">
        <v>3</v>
      </c>
      <c r="CA37" s="90">
        <v>4</v>
      </c>
      <c r="CB37" s="87">
        <v>0</v>
      </c>
      <c r="CC37" s="88">
        <v>0</v>
      </c>
      <c r="CD37" s="89">
        <v>0</v>
      </c>
      <c r="CE37" s="399">
        <v>0</v>
      </c>
      <c r="CF37" s="88">
        <v>0</v>
      </c>
      <c r="CG37" s="88">
        <v>0</v>
      </c>
      <c r="CH37" s="88">
        <v>0</v>
      </c>
      <c r="CI37" s="88">
        <v>0</v>
      </c>
      <c r="CJ37" s="88">
        <v>0</v>
      </c>
      <c r="CK37" s="89">
        <v>0</v>
      </c>
      <c r="CL37" s="90">
        <v>0</v>
      </c>
      <c r="CM37" s="87">
        <v>3</v>
      </c>
      <c r="CN37" s="88">
        <v>1</v>
      </c>
      <c r="CO37" s="89">
        <v>4</v>
      </c>
      <c r="CP37" s="399">
        <v>0</v>
      </c>
      <c r="CQ37" s="88">
        <v>3</v>
      </c>
      <c r="CR37" s="88">
        <v>3</v>
      </c>
      <c r="CS37" s="88">
        <v>1</v>
      </c>
      <c r="CT37" s="88">
        <v>3</v>
      </c>
      <c r="CU37" s="88">
        <v>0</v>
      </c>
      <c r="CV37" s="89">
        <v>10</v>
      </c>
      <c r="CW37" s="90">
        <v>14</v>
      </c>
      <c r="CX37" s="91">
        <v>2</v>
      </c>
      <c r="CY37" s="83">
        <v>1</v>
      </c>
      <c r="CZ37" s="84">
        <v>3</v>
      </c>
      <c r="DA37" s="399">
        <v>0</v>
      </c>
      <c r="DB37" s="83">
        <v>1</v>
      </c>
      <c r="DC37" s="83">
        <v>2</v>
      </c>
      <c r="DD37" s="83">
        <v>1</v>
      </c>
      <c r="DE37" s="83">
        <v>1</v>
      </c>
      <c r="DF37" s="83">
        <v>1</v>
      </c>
      <c r="DG37" s="85">
        <v>6</v>
      </c>
      <c r="DH37" s="86">
        <v>9</v>
      </c>
      <c r="DI37" s="87">
        <v>0</v>
      </c>
      <c r="DJ37" s="88">
        <v>0</v>
      </c>
      <c r="DK37" s="89">
        <v>0</v>
      </c>
      <c r="DL37" s="399">
        <v>0</v>
      </c>
      <c r="DM37" s="88">
        <v>0</v>
      </c>
      <c r="DN37" s="88">
        <v>0</v>
      </c>
      <c r="DO37" s="88">
        <v>0</v>
      </c>
      <c r="DP37" s="88">
        <v>0</v>
      </c>
      <c r="DQ37" s="88">
        <v>0</v>
      </c>
      <c r="DR37" s="89">
        <v>0</v>
      </c>
      <c r="DS37" s="90">
        <v>0</v>
      </c>
      <c r="DT37" s="87">
        <v>0</v>
      </c>
      <c r="DU37" s="88">
        <v>0</v>
      </c>
      <c r="DV37" s="89">
        <v>0</v>
      </c>
      <c r="DW37" s="399">
        <v>0</v>
      </c>
      <c r="DX37" s="88">
        <v>0</v>
      </c>
      <c r="DY37" s="88">
        <v>0</v>
      </c>
      <c r="DZ37" s="88">
        <v>0</v>
      </c>
      <c r="EA37" s="88">
        <v>0</v>
      </c>
      <c r="EB37" s="88">
        <v>0</v>
      </c>
      <c r="EC37" s="89">
        <v>0</v>
      </c>
      <c r="ED37" s="90">
        <v>0</v>
      </c>
      <c r="EE37" s="87">
        <v>0</v>
      </c>
      <c r="EF37" s="88">
        <v>0</v>
      </c>
      <c r="EG37" s="89">
        <v>0</v>
      </c>
      <c r="EH37" s="399">
        <v>0</v>
      </c>
      <c r="EI37" s="88">
        <v>0</v>
      </c>
      <c r="EJ37" s="88">
        <v>0</v>
      </c>
      <c r="EK37" s="88">
        <v>0</v>
      </c>
      <c r="EL37" s="88">
        <v>0</v>
      </c>
      <c r="EM37" s="88">
        <v>0</v>
      </c>
      <c r="EN37" s="89">
        <v>0</v>
      </c>
      <c r="EO37" s="90">
        <v>0</v>
      </c>
      <c r="EP37" s="87">
        <v>0</v>
      </c>
      <c r="EQ37" s="88">
        <v>1</v>
      </c>
      <c r="ER37" s="89">
        <v>1</v>
      </c>
      <c r="ES37" s="399">
        <v>0</v>
      </c>
      <c r="ET37" s="88">
        <v>0</v>
      </c>
      <c r="EU37" s="88">
        <v>0</v>
      </c>
      <c r="EV37" s="88">
        <v>1</v>
      </c>
      <c r="EW37" s="88">
        <v>0</v>
      </c>
      <c r="EX37" s="88">
        <v>1</v>
      </c>
      <c r="EY37" s="89">
        <v>2</v>
      </c>
      <c r="EZ37" s="90">
        <v>3</v>
      </c>
      <c r="FA37" s="87">
        <v>2</v>
      </c>
      <c r="FB37" s="88">
        <v>0</v>
      </c>
      <c r="FC37" s="89">
        <v>2</v>
      </c>
      <c r="FD37" s="399">
        <v>0</v>
      </c>
      <c r="FE37" s="88">
        <v>0</v>
      </c>
      <c r="FF37" s="88">
        <v>0</v>
      </c>
      <c r="FG37" s="88">
        <v>0</v>
      </c>
      <c r="FH37" s="88">
        <v>1</v>
      </c>
      <c r="FI37" s="88">
        <v>0</v>
      </c>
      <c r="FJ37" s="89">
        <v>1</v>
      </c>
      <c r="FK37" s="90">
        <v>3</v>
      </c>
      <c r="FL37" s="87">
        <v>0</v>
      </c>
      <c r="FM37" s="88">
        <v>0</v>
      </c>
      <c r="FN37" s="89">
        <v>0</v>
      </c>
      <c r="FO37" s="399">
        <v>0</v>
      </c>
      <c r="FP37" s="88">
        <v>1</v>
      </c>
      <c r="FQ37" s="88">
        <v>2</v>
      </c>
      <c r="FR37" s="88">
        <v>0</v>
      </c>
      <c r="FS37" s="88">
        <v>0</v>
      </c>
      <c r="FT37" s="88">
        <v>0</v>
      </c>
      <c r="FU37" s="89">
        <v>3</v>
      </c>
      <c r="FV37" s="90">
        <v>3</v>
      </c>
      <c r="FW37" s="87">
        <v>0</v>
      </c>
      <c r="FX37" s="88">
        <v>0</v>
      </c>
      <c r="FY37" s="89">
        <v>0</v>
      </c>
      <c r="FZ37" s="399">
        <v>0</v>
      </c>
      <c r="GA37" s="88">
        <v>0</v>
      </c>
      <c r="GB37" s="88">
        <v>0</v>
      </c>
      <c r="GC37" s="88">
        <v>0</v>
      </c>
      <c r="GD37" s="88">
        <v>0</v>
      </c>
      <c r="GE37" s="88">
        <v>0</v>
      </c>
      <c r="GF37" s="89">
        <v>0</v>
      </c>
      <c r="GG37" s="90">
        <v>0</v>
      </c>
      <c r="GH37" s="87">
        <v>2</v>
      </c>
      <c r="GI37" s="88">
        <v>1</v>
      </c>
      <c r="GJ37" s="89">
        <v>3</v>
      </c>
      <c r="GK37" s="399">
        <v>0</v>
      </c>
      <c r="GL37" s="88">
        <v>1</v>
      </c>
      <c r="GM37" s="88">
        <v>2</v>
      </c>
      <c r="GN37" s="88">
        <v>1</v>
      </c>
      <c r="GO37" s="88">
        <v>1</v>
      </c>
      <c r="GP37" s="88">
        <v>1</v>
      </c>
      <c r="GQ37" s="89">
        <v>6</v>
      </c>
      <c r="GR37" s="90">
        <v>9</v>
      </c>
      <c r="GS37" s="91">
        <v>5</v>
      </c>
      <c r="GT37" s="83">
        <v>2</v>
      </c>
      <c r="GU37" s="84">
        <v>7</v>
      </c>
      <c r="GV37" s="399">
        <v>0</v>
      </c>
      <c r="GW37" s="83">
        <v>4</v>
      </c>
      <c r="GX37" s="83">
        <v>5</v>
      </c>
      <c r="GY37" s="83">
        <v>2</v>
      </c>
      <c r="GZ37" s="83">
        <v>4</v>
      </c>
      <c r="HA37" s="83">
        <v>1</v>
      </c>
      <c r="HB37" s="85">
        <v>16</v>
      </c>
      <c r="HC37" s="86">
        <v>23</v>
      </c>
      <c r="HD37" s="87">
        <v>0</v>
      </c>
      <c r="HE37" s="88">
        <v>0</v>
      </c>
      <c r="HF37" s="89">
        <v>0</v>
      </c>
      <c r="HG37" s="399">
        <v>0</v>
      </c>
      <c r="HH37" s="88">
        <v>0</v>
      </c>
      <c r="HI37" s="88">
        <v>0</v>
      </c>
      <c r="HJ37" s="88">
        <v>0</v>
      </c>
      <c r="HK37" s="88">
        <v>0</v>
      </c>
      <c r="HL37" s="88">
        <v>0</v>
      </c>
      <c r="HM37" s="89">
        <v>0</v>
      </c>
      <c r="HN37" s="90">
        <v>0</v>
      </c>
      <c r="HO37" s="87">
        <v>0</v>
      </c>
      <c r="HP37" s="88">
        <v>0</v>
      </c>
      <c r="HQ37" s="89">
        <v>0</v>
      </c>
      <c r="HR37" s="399">
        <v>0</v>
      </c>
      <c r="HS37" s="88">
        <v>0</v>
      </c>
      <c r="HT37" s="88">
        <v>1</v>
      </c>
      <c r="HU37" s="88">
        <v>0</v>
      </c>
      <c r="HV37" s="88">
        <v>0</v>
      </c>
      <c r="HW37" s="88">
        <v>0</v>
      </c>
      <c r="HX37" s="89">
        <v>1</v>
      </c>
      <c r="HY37" s="90">
        <v>1</v>
      </c>
      <c r="HZ37" s="87">
        <v>1</v>
      </c>
      <c r="IA37" s="88">
        <v>1</v>
      </c>
      <c r="IB37" s="89">
        <v>2</v>
      </c>
      <c r="IC37" s="399">
        <v>0</v>
      </c>
      <c r="ID37" s="88">
        <v>0</v>
      </c>
      <c r="IE37" s="88">
        <v>1</v>
      </c>
      <c r="IF37" s="88">
        <v>0</v>
      </c>
      <c r="IG37" s="88">
        <v>0</v>
      </c>
      <c r="IH37" s="88">
        <v>0</v>
      </c>
      <c r="II37" s="89">
        <v>1</v>
      </c>
      <c r="IJ37" s="90">
        <v>3</v>
      </c>
      <c r="IK37" s="87">
        <v>1</v>
      </c>
      <c r="IL37" s="88">
        <v>1</v>
      </c>
      <c r="IM37" s="89">
        <v>2</v>
      </c>
      <c r="IN37" s="399">
        <v>0</v>
      </c>
      <c r="IO37" s="88">
        <v>1</v>
      </c>
      <c r="IP37" s="88">
        <v>1</v>
      </c>
      <c r="IQ37" s="88">
        <v>1</v>
      </c>
      <c r="IR37" s="88">
        <v>2</v>
      </c>
      <c r="IS37" s="88">
        <v>1</v>
      </c>
      <c r="IT37" s="89">
        <v>6</v>
      </c>
      <c r="IU37" s="90">
        <v>8</v>
      </c>
      <c r="IV37" s="87">
        <v>2</v>
      </c>
      <c r="IW37" s="88">
        <v>0</v>
      </c>
      <c r="IX37" s="89">
        <v>2</v>
      </c>
      <c r="IY37" s="399">
        <v>0</v>
      </c>
      <c r="IZ37" s="88">
        <v>1</v>
      </c>
      <c r="JA37" s="88">
        <v>0</v>
      </c>
      <c r="JB37" s="88">
        <v>0</v>
      </c>
      <c r="JC37" s="88">
        <v>1</v>
      </c>
      <c r="JD37" s="88">
        <v>0</v>
      </c>
      <c r="JE37" s="89">
        <v>2</v>
      </c>
      <c r="JF37" s="90">
        <v>4</v>
      </c>
      <c r="JG37" s="87">
        <v>1</v>
      </c>
      <c r="JH37" s="88">
        <v>0</v>
      </c>
      <c r="JI37" s="89">
        <v>1</v>
      </c>
      <c r="JJ37" s="399">
        <v>0</v>
      </c>
      <c r="JK37" s="88">
        <v>2</v>
      </c>
      <c r="JL37" s="88">
        <v>2</v>
      </c>
      <c r="JM37" s="88">
        <v>1</v>
      </c>
      <c r="JN37" s="88">
        <v>1</v>
      </c>
      <c r="JO37" s="88">
        <v>0</v>
      </c>
      <c r="JP37" s="89">
        <v>6</v>
      </c>
      <c r="JQ37" s="90">
        <v>7</v>
      </c>
      <c r="JR37" s="87">
        <v>0</v>
      </c>
      <c r="JS37" s="88">
        <v>0</v>
      </c>
      <c r="JT37" s="89">
        <v>0</v>
      </c>
      <c r="JU37" s="399">
        <v>0</v>
      </c>
      <c r="JV37" s="88">
        <v>0</v>
      </c>
      <c r="JW37" s="88">
        <v>0</v>
      </c>
      <c r="JX37" s="88">
        <v>0</v>
      </c>
      <c r="JY37" s="88">
        <v>0</v>
      </c>
      <c r="JZ37" s="88">
        <v>0</v>
      </c>
      <c r="KA37" s="89">
        <v>0</v>
      </c>
      <c r="KB37" s="90">
        <v>0</v>
      </c>
      <c r="KC37" s="87">
        <v>5</v>
      </c>
      <c r="KD37" s="88">
        <v>2</v>
      </c>
      <c r="KE37" s="89">
        <v>7</v>
      </c>
      <c r="KF37" s="399">
        <v>0</v>
      </c>
      <c r="KG37" s="88">
        <v>4</v>
      </c>
      <c r="KH37" s="88">
        <v>5</v>
      </c>
      <c r="KI37" s="88">
        <v>2</v>
      </c>
      <c r="KJ37" s="88">
        <v>4</v>
      </c>
      <c r="KK37" s="88">
        <v>1</v>
      </c>
      <c r="KL37" s="89">
        <v>16</v>
      </c>
      <c r="KM37" s="90">
        <v>23</v>
      </c>
    </row>
    <row r="38" spans="2:299" s="56" customFormat="1" ht="21" customHeight="1" x14ac:dyDescent="0.2">
      <c r="B38" s="92" t="s">
        <v>35</v>
      </c>
      <c r="C38" s="82">
        <v>8</v>
      </c>
      <c r="D38" s="83">
        <v>13</v>
      </c>
      <c r="E38" s="84">
        <v>21</v>
      </c>
      <c r="F38" s="399">
        <v>0</v>
      </c>
      <c r="G38" s="83">
        <v>14</v>
      </c>
      <c r="H38" s="83">
        <v>12</v>
      </c>
      <c r="I38" s="83">
        <v>2</v>
      </c>
      <c r="J38" s="83">
        <v>4</v>
      </c>
      <c r="K38" s="83">
        <v>1</v>
      </c>
      <c r="L38" s="85">
        <v>33</v>
      </c>
      <c r="M38" s="86">
        <v>54</v>
      </c>
      <c r="N38" s="87">
        <v>0</v>
      </c>
      <c r="O38" s="88">
        <v>1</v>
      </c>
      <c r="P38" s="89">
        <v>1</v>
      </c>
      <c r="Q38" s="399">
        <v>0</v>
      </c>
      <c r="R38" s="88">
        <v>0</v>
      </c>
      <c r="S38" s="88">
        <v>0</v>
      </c>
      <c r="T38" s="88">
        <v>0</v>
      </c>
      <c r="U38" s="88">
        <v>0</v>
      </c>
      <c r="V38" s="88">
        <v>0</v>
      </c>
      <c r="W38" s="89">
        <v>0</v>
      </c>
      <c r="X38" s="90">
        <v>1</v>
      </c>
      <c r="Y38" s="87">
        <v>0</v>
      </c>
      <c r="Z38" s="88">
        <v>0</v>
      </c>
      <c r="AA38" s="89">
        <v>0</v>
      </c>
      <c r="AB38" s="399">
        <v>0</v>
      </c>
      <c r="AC38" s="88">
        <v>0</v>
      </c>
      <c r="AD38" s="88">
        <v>1</v>
      </c>
      <c r="AE38" s="88">
        <v>0</v>
      </c>
      <c r="AF38" s="88">
        <v>0</v>
      </c>
      <c r="AG38" s="88">
        <v>0</v>
      </c>
      <c r="AH38" s="89">
        <v>1</v>
      </c>
      <c r="AI38" s="90">
        <v>1</v>
      </c>
      <c r="AJ38" s="87">
        <v>1</v>
      </c>
      <c r="AK38" s="88">
        <v>2</v>
      </c>
      <c r="AL38" s="89">
        <v>3</v>
      </c>
      <c r="AM38" s="399">
        <v>0</v>
      </c>
      <c r="AN38" s="88">
        <v>4</v>
      </c>
      <c r="AO38" s="88">
        <v>0</v>
      </c>
      <c r="AP38" s="88">
        <v>2</v>
      </c>
      <c r="AQ38" s="88">
        <v>1</v>
      </c>
      <c r="AR38" s="88">
        <v>0</v>
      </c>
      <c r="AS38" s="89">
        <v>7</v>
      </c>
      <c r="AT38" s="90">
        <v>10</v>
      </c>
      <c r="AU38" s="87">
        <v>2</v>
      </c>
      <c r="AV38" s="88">
        <v>4</v>
      </c>
      <c r="AW38" s="89">
        <v>6</v>
      </c>
      <c r="AX38" s="399">
        <v>0</v>
      </c>
      <c r="AY38" s="88">
        <v>3</v>
      </c>
      <c r="AZ38" s="88">
        <v>5</v>
      </c>
      <c r="BA38" s="88">
        <v>0</v>
      </c>
      <c r="BB38" s="88">
        <v>0</v>
      </c>
      <c r="BC38" s="88">
        <v>0</v>
      </c>
      <c r="BD38" s="89">
        <v>8</v>
      </c>
      <c r="BE38" s="90">
        <v>14</v>
      </c>
      <c r="BF38" s="87">
        <v>4</v>
      </c>
      <c r="BG38" s="88">
        <v>2</v>
      </c>
      <c r="BH38" s="89">
        <v>6</v>
      </c>
      <c r="BI38" s="399">
        <v>0</v>
      </c>
      <c r="BJ38" s="88">
        <v>5</v>
      </c>
      <c r="BK38" s="88">
        <v>3</v>
      </c>
      <c r="BL38" s="88">
        <v>0</v>
      </c>
      <c r="BM38" s="88">
        <v>2</v>
      </c>
      <c r="BN38" s="88">
        <v>1</v>
      </c>
      <c r="BO38" s="89">
        <v>11</v>
      </c>
      <c r="BP38" s="90">
        <v>17</v>
      </c>
      <c r="BQ38" s="87">
        <v>1</v>
      </c>
      <c r="BR38" s="88">
        <v>4</v>
      </c>
      <c r="BS38" s="89">
        <v>5</v>
      </c>
      <c r="BT38" s="399">
        <v>0</v>
      </c>
      <c r="BU38" s="88">
        <v>2</v>
      </c>
      <c r="BV38" s="88">
        <v>3</v>
      </c>
      <c r="BW38" s="88">
        <v>0</v>
      </c>
      <c r="BX38" s="88">
        <v>1</v>
      </c>
      <c r="BY38" s="88">
        <v>0</v>
      </c>
      <c r="BZ38" s="89">
        <v>6</v>
      </c>
      <c r="CA38" s="90">
        <v>11</v>
      </c>
      <c r="CB38" s="87">
        <v>0</v>
      </c>
      <c r="CC38" s="88">
        <v>0</v>
      </c>
      <c r="CD38" s="89">
        <v>0</v>
      </c>
      <c r="CE38" s="399">
        <v>0</v>
      </c>
      <c r="CF38" s="88">
        <v>0</v>
      </c>
      <c r="CG38" s="88">
        <v>0</v>
      </c>
      <c r="CH38" s="88">
        <v>0</v>
      </c>
      <c r="CI38" s="88">
        <v>0</v>
      </c>
      <c r="CJ38" s="88">
        <v>0</v>
      </c>
      <c r="CK38" s="89">
        <v>0</v>
      </c>
      <c r="CL38" s="90">
        <v>0</v>
      </c>
      <c r="CM38" s="87">
        <v>8</v>
      </c>
      <c r="CN38" s="88">
        <v>13</v>
      </c>
      <c r="CO38" s="89">
        <v>21</v>
      </c>
      <c r="CP38" s="399">
        <v>0</v>
      </c>
      <c r="CQ38" s="88">
        <v>14</v>
      </c>
      <c r="CR38" s="88">
        <v>12</v>
      </c>
      <c r="CS38" s="88">
        <v>2</v>
      </c>
      <c r="CT38" s="88">
        <v>4</v>
      </c>
      <c r="CU38" s="88">
        <v>1</v>
      </c>
      <c r="CV38" s="89">
        <v>33</v>
      </c>
      <c r="CW38" s="90">
        <v>54</v>
      </c>
      <c r="CX38" s="91">
        <v>5</v>
      </c>
      <c r="CY38" s="83">
        <v>4</v>
      </c>
      <c r="CZ38" s="84">
        <v>9</v>
      </c>
      <c r="DA38" s="399">
        <v>0</v>
      </c>
      <c r="DB38" s="83">
        <v>8</v>
      </c>
      <c r="DC38" s="83">
        <v>5</v>
      </c>
      <c r="DD38" s="83">
        <v>2</v>
      </c>
      <c r="DE38" s="83">
        <v>3</v>
      </c>
      <c r="DF38" s="83">
        <v>4</v>
      </c>
      <c r="DG38" s="85">
        <v>22</v>
      </c>
      <c r="DH38" s="86">
        <v>31</v>
      </c>
      <c r="DI38" s="87">
        <v>0</v>
      </c>
      <c r="DJ38" s="88">
        <v>0</v>
      </c>
      <c r="DK38" s="89">
        <v>0</v>
      </c>
      <c r="DL38" s="399">
        <v>0</v>
      </c>
      <c r="DM38" s="88">
        <v>0</v>
      </c>
      <c r="DN38" s="88">
        <v>1</v>
      </c>
      <c r="DO38" s="88">
        <v>0</v>
      </c>
      <c r="DP38" s="88">
        <v>0</v>
      </c>
      <c r="DQ38" s="88">
        <v>0</v>
      </c>
      <c r="DR38" s="89">
        <v>1</v>
      </c>
      <c r="DS38" s="90">
        <v>1</v>
      </c>
      <c r="DT38" s="87">
        <v>1</v>
      </c>
      <c r="DU38" s="88">
        <v>1</v>
      </c>
      <c r="DV38" s="89">
        <v>2</v>
      </c>
      <c r="DW38" s="399">
        <v>0</v>
      </c>
      <c r="DX38" s="88">
        <v>0</v>
      </c>
      <c r="DY38" s="88">
        <v>1</v>
      </c>
      <c r="DZ38" s="88">
        <v>0</v>
      </c>
      <c r="EA38" s="88">
        <v>0</v>
      </c>
      <c r="EB38" s="88">
        <v>0</v>
      </c>
      <c r="EC38" s="89">
        <v>1</v>
      </c>
      <c r="ED38" s="90">
        <v>3</v>
      </c>
      <c r="EE38" s="87">
        <v>1</v>
      </c>
      <c r="EF38" s="88">
        <v>0</v>
      </c>
      <c r="EG38" s="89">
        <v>1</v>
      </c>
      <c r="EH38" s="399">
        <v>0</v>
      </c>
      <c r="EI38" s="88">
        <v>0</v>
      </c>
      <c r="EJ38" s="88">
        <v>1</v>
      </c>
      <c r="EK38" s="88">
        <v>0</v>
      </c>
      <c r="EL38" s="88">
        <v>0</v>
      </c>
      <c r="EM38" s="88">
        <v>1</v>
      </c>
      <c r="EN38" s="89">
        <v>2</v>
      </c>
      <c r="EO38" s="90">
        <v>3</v>
      </c>
      <c r="EP38" s="87">
        <v>2</v>
      </c>
      <c r="EQ38" s="88">
        <v>1</v>
      </c>
      <c r="ER38" s="89">
        <v>3</v>
      </c>
      <c r="ES38" s="399">
        <v>0</v>
      </c>
      <c r="ET38" s="88">
        <v>1</v>
      </c>
      <c r="EU38" s="88">
        <v>0</v>
      </c>
      <c r="EV38" s="88">
        <v>0</v>
      </c>
      <c r="EW38" s="88">
        <v>2</v>
      </c>
      <c r="EX38" s="88">
        <v>0</v>
      </c>
      <c r="EY38" s="89">
        <v>3</v>
      </c>
      <c r="EZ38" s="90">
        <v>6</v>
      </c>
      <c r="FA38" s="87">
        <v>0</v>
      </c>
      <c r="FB38" s="88">
        <v>2</v>
      </c>
      <c r="FC38" s="89">
        <v>2</v>
      </c>
      <c r="FD38" s="399">
        <v>0</v>
      </c>
      <c r="FE38" s="88">
        <v>3</v>
      </c>
      <c r="FF38" s="88">
        <v>1</v>
      </c>
      <c r="FG38" s="88">
        <v>0</v>
      </c>
      <c r="FH38" s="88">
        <v>0</v>
      </c>
      <c r="FI38" s="88">
        <v>0</v>
      </c>
      <c r="FJ38" s="89">
        <v>4</v>
      </c>
      <c r="FK38" s="90">
        <v>6</v>
      </c>
      <c r="FL38" s="87">
        <v>1</v>
      </c>
      <c r="FM38" s="88">
        <v>0</v>
      </c>
      <c r="FN38" s="89">
        <v>1</v>
      </c>
      <c r="FO38" s="399">
        <v>0</v>
      </c>
      <c r="FP38" s="88">
        <v>4</v>
      </c>
      <c r="FQ38" s="88">
        <v>1</v>
      </c>
      <c r="FR38" s="88">
        <v>2</v>
      </c>
      <c r="FS38" s="88">
        <v>1</v>
      </c>
      <c r="FT38" s="88">
        <v>3</v>
      </c>
      <c r="FU38" s="89">
        <v>11</v>
      </c>
      <c r="FV38" s="90">
        <v>12</v>
      </c>
      <c r="FW38" s="87">
        <v>0</v>
      </c>
      <c r="FX38" s="88">
        <v>0</v>
      </c>
      <c r="FY38" s="89">
        <v>0</v>
      </c>
      <c r="FZ38" s="399">
        <v>0</v>
      </c>
      <c r="GA38" s="88">
        <v>0</v>
      </c>
      <c r="GB38" s="88">
        <v>0</v>
      </c>
      <c r="GC38" s="88">
        <v>0</v>
      </c>
      <c r="GD38" s="88">
        <v>0</v>
      </c>
      <c r="GE38" s="88">
        <v>0</v>
      </c>
      <c r="GF38" s="89">
        <v>0</v>
      </c>
      <c r="GG38" s="90">
        <v>0</v>
      </c>
      <c r="GH38" s="87">
        <v>5</v>
      </c>
      <c r="GI38" s="88">
        <v>4</v>
      </c>
      <c r="GJ38" s="89">
        <v>9</v>
      </c>
      <c r="GK38" s="399">
        <v>0</v>
      </c>
      <c r="GL38" s="88">
        <v>8</v>
      </c>
      <c r="GM38" s="88">
        <v>5</v>
      </c>
      <c r="GN38" s="88">
        <v>2</v>
      </c>
      <c r="GO38" s="88">
        <v>3</v>
      </c>
      <c r="GP38" s="88">
        <v>4</v>
      </c>
      <c r="GQ38" s="89">
        <v>22</v>
      </c>
      <c r="GR38" s="90">
        <v>31</v>
      </c>
      <c r="GS38" s="91">
        <v>13</v>
      </c>
      <c r="GT38" s="83">
        <v>17</v>
      </c>
      <c r="GU38" s="84">
        <v>30</v>
      </c>
      <c r="GV38" s="399">
        <v>0</v>
      </c>
      <c r="GW38" s="83">
        <v>22</v>
      </c>
      <c r="GX38" s="83">
        <v>17</v>
      </c>
      <c r="GY38" s="83">
        <v>4</v>
      </c>
      <c r="GZ38" s="83">
        <v>7</v>
      </c>
      <c r="HA38" s="83">
        <v>5</v>
      </c>
      <c r="HB38" s="85">
        <v>55</v>
      </c>
      <c r="HC38" s="86">
        <v>85</v>
      </c>
      <c r="HD38" s="87">
        <v>0</v>
      </c>
      <c r="HE38" s="88">
        <v>1</v>
      </c>
      <c r="HF38" s="89">
        <v>1</v>
      </c>
      <c r="HG38" s="399">
        <v>0</v>
      </c>
      <c r="HH38" s="88">
        <v>0</v>
      </c>
      <c r="HI38" s="88">
        <v>1</v>
      </c>
      <c r="HJ38" s="88">
        <v>0</v>
      </c>
      <c r="HK38" s="88">
        <v>0</v>
      </c>
      <c r="HL38" s="88">
        <v>0</v>
      </c>
      <c r="HM38" s="89">
        <v>1</v>
      </c>
      <c r="HN38" s="90">
        <v>2</v>
      </c>
      <c r="HO38" s="87">
        <v>1</v>
      </c>
      <c r="HP38" s="88">
        <v>1</v>
      </c>
      <c r="HQ38" s="89">
        <v>2</v>
      </c>
      <c r="HR38" s="399">
        <v>0</v>
      </c>
      <c r="HS38" s="88">
        <v>0</v>
      </c>
      <c r="HT38" s="88">
        <v>2</v>
      </c>
      <c r="HU38" s="88">
        <v>0</v>
      </c>
      <c r="HV38" s="88">
        <v>0</v>
      </c>
      <c r="HW38" s="88">
        <v>0</v>
      </c>
      <c r="HX38" s="89">
        <v>2</v>
      </c>
      <c r="HY38" s="90">
        <v>4</v>
      </c>
      <c r="HZ38" s="87">
        <v>2</v>
      </c>
      <c r="IA38" s="88">
        <v>2</v>
      </c>
      <c r="IB38" s="89">
        <v>4</v>
      </c>
      <c r="IC38" s="399">
        <v>0</v>
      </c>
      <c r="ID38" s="88">
        <v>4</v>
      </c>
      <c r="IE38" s="88">
        <v>1</v>
      </c>
      <c r="IF38" s="88">
        <v>2</v>
      </c>
      <c r="IG38" s="88">
        <v>1</v>
      </c>
      <c r="IH38" s="88">
        <v>1</v>
      </c>
      <c r="II38" s="89">
        <v>9</v>
      </c>
      <c r="IJ38" s="90">
        <v>13</v>
      </c>
      <c r="IK38" s="87">
        <v>4</v>
      </c>
      <c r="IL38" s="88">
        <v>5</v>
      </c>
      <c r="IM38" s="89">
        <v>9</v>
      </c>
      <c r="IN38" s="399">
        <v>0</v>
      </c>
      <c r="IO38" s="88">
        <v>4</v>
      </c>
      <c r="IP38" s="88">
        <v>5</v>
      </c>
      <c r="IQ38" s="88">
        <v>0</v>
      </c>
      <c r="IR38" s="88">
        <v>2</v>
      </c>
      <c r="IS38" s="88">
        <v>0</v>
      </c>
      <c r="IT38" s="89">
        <v>11</v>
      </c>
      <c r="IU38" s="90">
        <v>20</v>
      </c>
      <c r="IV38" s="87">
        <v>4</v>
      </c>
      <c r="IW38" s="88">
        <v>4</v>
      </c>
      <c r="IX38" s="89">
        <v>8</v>
      </c>
      <c r="IY38" s="399">
        <v>0</v>
      </c>
      <c r="IZ38" s="88">
        <v>8</v>
      </c>
      <c r="JA38" s="88">
        <v>4</v>
      </c>
      <c r="JB38" s="88">
        <v>0</v>
      </c>
      <c r="JC38" s="88">
        <v>2</v>
      </c>
      <c r="JD38" s="88">
        <v>1</v>
      </c>
      <c r="JE38" s="89">
        <v>15</v>
      </c>
      <c r="JF38" s="90">
        <v>23</v>
      </c>
      <c r="JG38" s="87">
        <v>2</v>
      </c>
      <c r="JH38" s="88">
        <v>4</v>
      </c>
      <c r="JI38" s="89">
        <v>6</v>
      </c>
      <c r="JJ38" s="399">
        <v>0</v>
      </c>
      <c r="JK38" s="88">
        <v>6</v>
      </c>
      <c r="JL38" s="88">
        <v>4</v>
      </c>
      <c r="JM38" s="88">
        <v>2</v>
      </c>
      <c r="JN38" s="88">
        <v>2</v>
      </c>
      <c r="JO38" s="88">
        <v>3</v>
      </c>
      <c r="JP38" s="89">
        <v>17</v>
      </c>
      <c r="JQ38" s="90">
        <v>23</v>
      </c>
      <c r="JR38" s="87">
        <v>0</v>
      </c>
      <c r="JS38" s="88">
        <v>0</v>
      </c>
      <c r="JT38" s="89">
        <v>0</v>
      </c>
      <c r="JU38" s="399">
        <v>0</v>
      </c>
      <c r="JV38" s="88">
        <v>0</v>
      </c>
      <c r="JW38" s="88">
        <v>0</v>
      </c>
      <c r="JX38" s="88">
        <v>0</v>
      </c>
      <c r="JY38" s="88">
        <v>0</v>
      </c>
      <c r="JZ38" s="88">
        <v>0</v>
      </c>
      <c r="KA38" s="89">
        <v>0</v>
      </c>
      <c r="KB38" s="90">
        <v>0</v>
      </c>
      <c r="KC38" s="87">
        <v>13</v>
      </c>
      <c r="KD38" s="88">
        <v>17</v>
      </c>
      <c r="KE38" s="89">
        <v>30</v>
      </c>
      <c r="KF38" s="399">
        <v>0</v>
      </c>
      <c r="KG38" s="88">
        <v>22</v>
      </c>
      <c r="KH38" s="88">
        <v>17</v>
      </c>
      <c r="KI38" s="88">
        <v>4</v>
      </c>
      <c r="KJ38" s="88">
        <v>7</v>
      </c>
      <c r="KK38" s="88">
        <v>5</v>
      </c>
      <c r="KL38" s="89">
        <v>55</v>
      </c>
      <c r="KM38" s="90">
        <v>85</v>
      </c>
    </row>
    <row r="39" spans="2:299" s="56" customFormat="1" ht="21" customHeight="1" x14ac:dyDescent="0.2">
      <c r="B39" s="92" t="s">
        <v>36</v>
      </c>
      <c r="C39" s="82">
        <v>5</v>
      </c>
      <c r="D39" s="83">
        <v>7</v>
      </c>
      <c r="E39" s="84">
        <v>12</v>
      </c>
      <c r="F39" s="399">
        <v>0</v>
      </c>
      <c r="G39" s="83">
        <v>14</v>
      </c>
      <c r="H39" s="83">
        <v>11</v>
      </c>
      <c r="I39" s="83">
        <v>5</v>
      </c>
      <c r="J39" s="83">
        <v>4</v>
      </c>
      <c r="K39" s="83">
        <v>0</v>
      </c>
      <c r="L39" s="85">
        <v>34</v>
      </c>
      <c r="M39" s="86">
        <v>46</v>
      </c>
      <c r="N39" s="87">
        <v>0</v>
      </c>
      <c r="O39" s="88">
        <v>1</v>
      </c>
      <c r="P39" s="89">
        <v>1</v>
      </c>
      <c r="Q39" s="399">
        <v>0</v>
      </c>
      <c r="R39" s="88">
        <v>0</v>
      </c>
      <c r="S39" s="88">
        <v>1</v>
      </c>
      <c r="T39" s="88">
        <v>2</v>
      </c>
      <c r="U39" s="88">
        <v>0</v>
      </c>
      <c r="V39" s="88">
        <v>0</v>
      </c>
      <c r="W39" s="89">
        <v>3</v>
      </c>
      <c r="X39" s="90">
        <v>4</v>
      </c>
      <c r="Y39" s="87">
        <v>1</v>
      </c>
      <c r="Z39" s="88">
        <v>0</v>
      </c>
      <c r="AA39" s="89">
        <v>1</v>
      </c>
      <c r="AB39" s="399">
        <v>0</v>
      </c>
      <c r="AC39" s="88">
        <v>2</v>
      </c>
      <c r="AD39" s="88">
        <v>2</v>
      </c>
      <c r="AE39" s="88">
        <v>0</v>
      </c>
      <c r="AF39" s="88">
        <v>1</v>
      </c>
      <c r="AG39" s="88">
        <v>0</v>
      </c>
      <c r="AH39" s="89">
        <v>5</v>
      </c>
      <c r="AI39" s="90">
        <v>6</v>
      </c>
      <c r="AJ39" s="87">
        <v>1</v>
      </c>
      <c r="AK39" s="88">
        <v>0</v>
      </c>
      <c r="AL39" s="89">
        <v>1</v>
      </c>
      <c r="AM39" s="399">
        <v>0</v>
      </c>
      <c r="AN39" s="88">
        <v>2</v>
      </c>
      <c r="AO39" s="88">
        <v>3</v>
      </c>
      <c r="AP39" s="88">
        <v>0</v>
      </c>
      <c r="AQ39" s="88">
        <v>0</v>
      </c>
      <c r="AR39" s="88">
        <v>0</v>
      </c>
      <c r="AS39" s="89">
        <v>5</v>
      </c>
      <c r="AT39" s="90">
        <v>6</v>
      </c>
      <c r="AU39" s="87">
        <v>1</v>
      </c>
      <c r="AV39" s="88">
        <v>2</v>
      </c>
      <c r="AW39" s="89">
        <v>3</v>
      </c>
      <c r="AX39" s="399">
        <v>0</v>
      </c>
      <c r="AY39" s="88">
        <v>3</v>
      </c>
      <c r="AZ39" s="88">
        <v>1</v>
      </c>
      <c r="BA39" s="88">
        <v>0</v>
      </c>
      <c r="BB39" s="88">
        <v>1</v>
      </c>
      <c r="BC39" s="88">
        <v>0</v>
      </c>
      <c r="BD39" s="89">
        <v>5</v>
      </c>
      <c r="BE39" s="90">
        <v>8</v>
      </c>
      <c r="BF39" s="87">
        <v>2</v>
      </c>
      <c r="BG39" s="88">
        <v>2</v>
      </c>
      <c r="BH39" s="89">
        <v>4</v>
      </c>
      <c r="BI39" s="399">
        <v>0</v>
      </c>
      <c r="BJ39" s="88">
        <v>4</v>
      </c>
      <c r="BK39" s="88">
        <v>2</v>
      </c>
      <c r="BL39" s="88">
        <v>1</v>
      </c>
      <c r="BM39" s="88">
        <v>0</v>
      </c>
      <c r="BN39" s="88">
        <v>0</v>
      </c>
      <c r="BO39" s="89">
        <v>7</v>
      </c>
      <c r="BP39" s="90">
        <v>11</v>
      </c>
      <c r="BQ39" s="87">
        <v>0</v>
      </c>
      <c r="BR39" s="88">
        <v>2</v>
      </c>
      <c r="BS39" s="89">
        <v>2</v>
      </c>
      <c r="BT39" s="399">
        <v>0</v>
      </c>
      <c r="BU39" s="88">
        <v>3</v>
      </c>
      <c r="BV39" s="88">
        <v>2</v>
      </c>
      <c r="BW39" s="88">
        <v>2</v>
      </c>
      <c r="BX39" s="88">
        <v>2</v>
      </c>
      <c r="BY39" s="88">
        <v>0</v>
      </c>
      <c r="BZ39" s="89">
        <v>9</v>
      </c>
      <c r="CA39" s="90">
        <v>11</v>
      </c>
      <c r="CB39" s="87">
        <v>0</v>
      </c>
      <c r="CC39" s="88">
        <v>0</v>
      </c>
      <c r="CD39" s="89">
        <v>0</v>
      </c>
      <c r="CE39" s="399">
        <v>0</v>
      </c>
      <c r="CF39" s="88">
        <v>0</v>
      </c>
      <c r="CG39" s="88">
        <v>0</v>
      </c>
      <c r="CH39" s="88">
        <v>0</v>
      </c>
      <c r="CI39" s="88">
        <v>0</v>
      </c>
      <c r="CJ39" s="88">
        <v>0</v>
      </c>
      <c r="CK39" s="89">
        <v>0</v>
      </c>
      <c r="CL39" s="90">
        <v>0</v>
      </c>
      <c r="CM39" s="87">
        <v>5</v>
      </c>
      <c r="CN39" s="88">
        <v>7</v>
      </c>
      <c r="CO39" s="89">
        <v>12</v>
      </c>
      <c r="CP39" s="399">
        <v>0</v>
      </c>
      <c r="CQ39" s="88">
        <v>14</v>
      </c>
      <c r="CR39" s="88">
        <v>11</v>
      </c>
      <c r="CS39" s="88">
        <v>5</v>
      </c>
      <c r="CT39" s="88">
        <v>4</v>
      </c>
      <c r="CU39" s="88">
        <v>0</v>
      </c>
      <c r="CV39" s="89">
        <v>34</v>
      </c>
      <c r="CW39" s="90">
        <v>46</v>
      </c>
      <c r="CX39" s="91">
        <v>3</v>
      </c>
      <c r="CY39" s="83">
        <v>3</v>
      </c>
      <c r="CZ39" s="84">
        <v>6</v>
      </c>
      <c r="DA39" s="399">
        <v>0</v>
      </c>
      <c r="DB39" s="83">
        <v>7</v>
      </c>
      <c r="DC39" s="83">
        <v>5</v>
      </c>
      <c r="DD39" s="83">
        <v>2</v>
      </c>
      <c r="DE39" s="83">
        <v>3</v>
      </c>
      <c r="DF39" s="83">
        <v>2</v>
      </c>
      <c r="DG39" s="85">
        <v>19</v>
      </c>
      <c r="DH39" s="86">
        <v>25</v>
      </c>
      <c r="DI39" s="87">
        <v>0</v>
      </c>
      <c r="DJ39" s="88">
        <v>0</v>
      </c>
      <c r="DK39" s="89">
        <v>0</v>
      </c>
      <c r="DL39" s="399">
        <v>0</v>
      </c>
      <c r="DM39" s="88">
        <v>0</v>
      </c>
      <c r="DN39" s="88">
        <v>0</v>
      </c>
      <c r="DO39" s="88">
        <v>0</v>
      </c>
      <c r="DP39" s="88">
        <v>0</v>
      </c>
      <c r="DQ39" s="88">
        <v>0</v>
      </c>
      <c r="DR39" s="89">
        <v>0</v>
      </c>
      <c r="DS39" s="90">
        <v>0</v>
      </c>
      <c r="DT39" s="87">
        <v>0</v>
      </c>
      <c r="DU39" s="88">
        <v>0</v>
      </c>
      <c r="DV39" s="89">
        <v>0</v>
      </c>
      <c r="DW39" s="399">
        <v>0</v>
      </c>
      <c r="DX39" s="88">
        <v>1</v>
      </c>
      <c r="DY39" s="88">
        <v>0</v>
      </c>
      <c r="DZ39" s="88">
        <v>0</v>
      </c>
      <c r="EA39" s="88">
        <v>0</v>
      </c>
      <c r="EB39" s="88">
        <v>0</v>
      </c>
      <c r="EC39" s="89">
        <v>1</v>
      </c>
      <c r="ED39" s="90">
        <v>1</v>
      </c>
      <c r="EE39" s="87">
        <v>0</v>
      </c>
      <c r="EF39" s="88">
        <v>1</v>
      </c>
      <c r="EG39" s="89">
        <v>1</v>
      </c>
      <c r="EH39" s="399">
        <v>0</v>
      </c>
      <c r="EI39" s="88">
        <v>0</v>
      </c>
      <c r="EJ39" s="88">
        <v>0</v>
      </c>
      <c r="EK39" s="88">
        <v>0</v>
      </c>
      <c r="EL39" s="88">
        <v>0</v>
      </c>
      <c r="EM39" s="88">
        <v>0</v>
      </c>
      <c r="EN39" s="89">
        <v>0</v>
      </c>
      <c r="EO39" s="90">
        <v>1</v>
      </c>
      <c r="EP39" s="87">
        <v>0</v>
      </c>
      <c r="EQ39" s="88">
        <v>0</v>
      </c>
      <c r="ER39" s="89">
        <v>0</v>
      </c>
      <c r="ES39" s="399">
        <v>0</v>
      </c>
      <c r="ET39" s="88">
        <v>1</v>
      </c>
      <c r="EU39" s="88">
        <v>0</v>
      </c>
      <c r="EV39" s="88">
        <v>0</v>
      </c>
      <c r="EW39" s="88">
        <v>0</v>
      </c>
      <c r="EX39" s="88">
        <v>0</v>
      </c>
      <c r="EY39" s="89">
        <v>1</v>
      </c>
      <c r="EZ39" s="90">
        <v>1</v>
      </c>
      <c r="FA39" s="87">
        <v>2</v>
      </c>
      <c r="FB39" s="88">
        <v>2</v>
      </c>
      <c r="FC39" s="89">
        <v>4</v>
      </c>
      <c r="FD39" s="399">
        <v>0</v>
      </c>
      <c r="FE39" s="88">
        <v>2</v>
      </c>
      <c r="FF39" s="88">
        <v>2</v>
      </c>
      <c r="FG39" s="88">
        <v>1</v>
      </c>
      <c r="FH39" s="88">
        <v>1</v>
      </c>
      <c r="FI39" s="88">
        <v>0</v>
      </c>
      <c r="FJ39" s="89">
        <v>6</v>
      </c>
      <c r="FK39" s="90">
        <v>10</v>
      </c>
      <c r="FL39" s="87">
        <v>1</v>
      </c>
      <c r="FM39" s="88">
        <v>0</v>
      </c>
      <c r="FN39" s="89">
        <v>1</v>
      </c>
      <c r="FO39" s="399">
        <v>0</v>
      </c>
      <c r="FP39" s="88">
        <v>3</v>
      </c>
      <c r="FQ39" s="88">
        <v>3</v>
      </c>
      <c r="FR39" s="88">
        <v>1</v>
      </c>
      <c r="FS39" s="88">
        <v>2</v>
      </c>
      <c r="FT39" s="88">
        <v>2</v>
      </c>
      <c r="FU39" s="89">
        <v>11</v>
      </c>
      <c r="FV39" s="90">
        <v>12</v>
      </c>
      <c r="FW39" s="87">
        <v>0</v>
      </c>
      <c r="FX39" s="88">
        <v>0</v>
      </c>
      <c r="FY39" s="89">
        <v>0</v>
      </c>
      <c r="FZ39" s="399">
        <v>0</v>
      </c>
      <c r="GA39" s="88">
        <v>0</v>
      </c>
      <c r="GB39" s="88">
        <v>0</v>
      </c>
      <c r="GC39" s="88">
        <v>0</v>
      </c>
      <c r="GD39" s="88">
        <v>0</v>
      </c>
      <c r="GE39" s="88">
        <v>0</v>
      </c>
      <c r="GF39" s="89">
        <v>0</v>
      </c>
      <c r="GG39" s="90">
        <v>0</v>
      </c>
      <c r="GH39" s="87">
        <v>3</v>
      </c>
      <c r="GI39" s="88">
        <v>3</v>
      </c>
      <c r="GJ39" s="89">
        <v>6</v>
      </c>
      <c r="GK39" s="399">
        <v>0</v>
      </c>
      <c r="GL39" s="88">
        <v>7</v>
      </c>
      <c r="GM39" s="88">
        <v>5</v>
      </c>
      <c r="GN39" s="88">
        <v>2</v>
      </c>
      <c r="GO39" s="88">
        <v>3</v>
      </c>
      <c r="GP39" s="88">
        <v>2</v>
      </c>
      <c r="GQ39" s="89">
        <v>19</v>
      </c>
      <c r="GR39" s="90">
        <v>25</v>
      </c>
      <c r="GS39" s="91">
        <v>8</v>
      </c>
      <c r="GT39" s="83">
        <v>10</v>
      </c>
      <c r="GU39" s="84">
        <v>18</v>
      </c>
      <c r="GV39" s="399">
        <v>0</v>
      </c>
      <c r="GW39" s="83">
        <v>21</v>
      </c>
      <c r="GX39" s="83">
        <v>16</v>
      </c>
      <c r="GY39" s="83">
        <v>7</v>
      </c>
      <c r="GZ39" s="83">
        <v>7</v>
      </c>
      <c r="HA39" s="83">
        <v>2</v>
      </c>
      <c r="HB39" s="85">
        <v>53</v>
      </c>
      <c r="HC39" s="86">
        <v>71</v>
      </c>
      <c r="HD39" s="87">
        <v>0</v>
      </c>
      <c r="HE39" s="88">
        <v>1</v>
      </c>
      <c r="HF39" s="89">
        <v>1</v>
      </c>
      <c r="HG39" s="399">
        <v>0</v>
      </c>
      <c r="HH39" s="88">
        <v>0</v>
      </c>
      <c r="HI39" s="88">
        <v>1</v>
      </c>
      <c r="HJ39" s="88">
        <v>2</v>
      </c>
      <c r="HK39" s="88">
        <v>0</v>
      </c>
      <c r="HL39" s="88">
        <v>0</v>
      </c>
      <c r="HM39" s="89">
        <v>3</v>
      </c>
      <c r="HN39" s="90">
        <v>4</v>
      </c>
      <c r="HO39" s="87">
        <v>1</v>
      </c>
      <c r="HP39" s="88">
        <v>0</v>
      </c>
      <c r="HQ39" s="89">
        <v>1</v>
      </c>
      <c r="HR39" s="399">
        <v>0</v>
      </c>
      <c r="HS39" s="88">
        <v>3</v>
      </c>
      <c r="HT39" s="88">
        <v>2</v>
      </c>
      <c r="HU39" s="88">
        <v>0</v>
      </c>
      <c r="HV39" s="88">
        <v>1</v>
      </c>
      <c r="HW39" s="88">
        <v>0</v>
      </c>
      <c r="HX39" s="89">
        <v>6</v>
      </c>
      <c r="HY39" s="90">
        <v>7</v>
      </c>
      <c r="HZ39" s="87">
        <v>1</v>
      </c>
      <c r="IA39" s="88">
        <v>1</v>
      </c>
      <c r="IB39" s="89">
        <v>2</v>
      </c>
      <c r="IC39" s="399">
        <v>0</v>
      </c>
      <c r="ID39" s="88">
        <v>2</v>
      </c>
      <c r="IE39" s="88">
        <v>3</v>
      </c>
      <c r="IF39" s="88">
        <v>0</v>
      </c>
      <c r="IG39" s="88">
        <v>0</v>
      </c>
      <c r="IH39" s="88">
        <v>0</v>
      </c>
      <c r="II39" s="89">
        <v>5</v>
      </c>
      <c r="IJ39" s="90">
        <v>7</v>
      </c>
      <c r="IK39" s="87">
        <v>1</v>
      </c>
      <c r="IL39" s="88">
        <v>2</v>
      </c>
      <c r="IM39" s="89">
        <v>3</v>
      </c>
      <c r="IN39" s="399">
        <v>0</v>
      </c>
      <c r="IO39" s="88">
        <v>4</v>
      </c>
      <c r="IP39" s="88">
        <v>1</v>
      </c>
      <c r="IQ39" s="88">
        <v>0</v>
      </c>
      <c r="IR39" s="88">
        <v>1</v>
      </c>
      <c r="IS39" s="88">
        <v>0</v>
      </c>
      <c r="IT39" s="89">
        <v>6</v>
      </c>
      <c r="IU39" s="90">
        <v>9</v>
      </c>
      <c r="IV39" s="87">
        <v>4</v>
      </c>
      <c r="IW39" s="88">
        <v>4</v>
      </c>
      <c r="IX39" s="89">
        <v>8</v>
      </c>
      <c r="IY39" s="399">
        <v>0</v>
      </c>
      <c r="IZ39" s="88">
        <v>6</v>
      </c>
      <c r="JA39" s="88">
        <v>4</v>
      </c>
      <c r="JB39" s="88">
        <v>2</v>
      </c>
      <c r="JC39" s="88">
        <v>1</v>
      </c>
      <c r="JD39" s="88">
        <v>0</v>
      </c>
      <c r="JE39" s="89">
        <v>13</v>
      </c>
      <c r="JF39" s="90">
        <v>21</v>
      </c>
      <c r="JG39" s="87">
        <v>1</v>
      </c>
      <c r="JH39" s="88">
        <v>2</v>
      </c>
      <c r="JI39" s="89">
        <v>3</v>
      </c>
      <c r="JJ39" s="399">
        <v>0</v>
      </c>
      <c r="JK39" s="88">
        <v>6</v>
      </c>
      <c r="JL39" s="88">
        <v>5</v>
      </c>
      <c r="JM39" s="88">
        <v>3</v>
      </c>
      <c r="JN39" s="88">
        <v>4</v>
      </c>
      <c r="JO39" s="88">
        <v>2</v>
      </c>
      <c r="JP39" s="89">
        <v>20</v>
      </c>
      <c r="JQ39" s="90">
        <v>23</v>
      </c>
      <c r="JR39" s="87">
        <v>0</v>
      </c>
      <c r="JS39" s="88">
        <v>0</v>
      </c>
      <c r="JT39" s="89">
        <v>0</v>
      </c>
      <c r="JU39" s="399">
        <v>0</v>
      </c>
      <c r="JV39" s="88">
        <v>0</v>
      </c>
      <c r="JW39" s="88">
        <v>0</v>
      </c>
      <c r="JX39" s="88">
        <v>0</v>
      </c>
      <c r="JY39" s="88">
        <v>0</v>
      </c>
      <c r="JZ39" s="88">
        <v>0</v>
      </c>
      <c r="KA39" s="89">
        <v>0</v>
      </c>
      <c r="KB39" s="90">
        <v>0</v>
      </c>
      <c r="KC39" s="87">
        <v>8</v>
      </c>
      <c r="KD39" s="88">
        <v>10</v>
      </c>
      <c r="KE39" s="89">
        <v>18</v>
      </c>
      <c r="KF39" s="399">
        <v>0</v>
      </c>
      <c r="KG39" s="88">
        <v>21</v>
      </c>
      <c r="KH39" s="88">
        <v>16</v>
      </c>
      <c r="KI39" s="88">
        <v>7</v>
      </c>
      <c r="KJ39" s="88">
        <v>7</v>
      </c>
      <c r="KK39" s="88">
        <v>2</v>
      </c>
      <c r="KL39" s="89">
        <v>53</v>
      </c>
      <c r="KM39" s="90">
        <v>71</v>
      </c>
    </row>
    <row r="40" spans="2:299" s="56" customFormat="1" ht="21" customHeight="1" thickBot="1" x14ac:dyDescent="0.25">
      <c r="B40" s="94" t="s">
        <v>37</v>
      </c>
      <c r="C40" s="95">
        <v>0</v>
      </c>
      <c r="D40" s="96">
        <v>0</v>
      </c>
      <c r="E40" s="97">
        <v>0</v>
      </c>
      <c r="F40" s="400">
        <v>0</v>
      </c>
      <c r="G40" s="96">
        <v>0</v>
      </c>
      <c r="H40" s="96">
        <v>2</v>
      </c>
      <c r="I40" s="96">
        <v>0</v>
      </c>
      <c r="J40" s="96">
        <v>0</v>
      </c>
      <c r="K40" s="96">
        <v>0</v>
      </c>
      <c r="L40" s="98">
        <v>2</v>
      </c>
      <c r="M40" s="99">
        <v>2</v>
      </c>
      <c r="N40" s="100">
        <v>0</v>
      </c>
      <c r="O40" s="101">
        <v>0</v>
      </c>
      <c r="P40" s="102">
        <v>0</v>
      </c>
      <c r="Q40" s="400">
        <v>0</v>
      </c>
      <c r="R40" s="101">
        <v>0</v>
      </c>
      <c r="S40" s="101">
        <v>0</v>
      </c>
      <c r="T40" s="101">
        <v>0</v>
      </c>
      <c r="U40" s="101">
        <v>0</v>
      </c>
      <c r="V40" s="101">
        <v>0</v>
      </c>
      <c r="W40" s="102">
        <v>0</v>
      </c>
      <c r="X40" s="103">
        <v>0</v>
      </c>
      <c r="Y40" s="100">
        <v>0</v>
      </c>
      <c r="Z40" s="101">
        <v>0</v>
      </c>
      <c r="AA40" s="102">
        <v>0</v>
      </c>
      <c r="AB40" s="400">
        <v>0</v>
      </c>
      <c r="AC40" s="101">
        <v>0</v>
      </c>
      <c r="AD40" s="101">
        <v>0</v>
      </c>
      <c r="AE40" s="101">
        <v>0</v>
      </c>
      <c r="AF40" s="101">
        <v>0</v>
      </c>
      <c r="AG40" s="101">
        <v>0</v>
      </c>
      <c r="AH40" s="102">
        <v>0</v>
      </c>
      <c r="AI40" s="103">
        <v>0</v>
      </c>
      <c r="AJ40" s="100">
        <v>0</v>
      </c>
      <c r="AK40" s="101">
        <v>0</v>
      </c>
      <c r="AL40" s="102">
        <v>0</v>
      </c>
      <c r="AM40" s="400">
        <v>0</v>
      </c>
      <c r="AN40" s="101">
        <v>0</v>
      </c>
      <c r="AO40" s="101">
        <v>1</v>
      </c>
      <c r="AP40" s="101">
        <v>0</v>
      </c>
      <c r="AQ40" s="101">
        <v>0</v>
      </c>
      <c r="AR40" s="101">
        <v>0</v>
      </c>
      <c r="AS40" s="102">
        <v>1</v>
      </c>
      <c r="AT40" s="103">
        <v>1</v>
      </c>
      <c r="AU40" s="100">
        <v>0</v>
      </c>
      <c r="AV40" s="101">
        <v>0</v>
      </c>
      <c r="AW40" s="102">
        <v>0</v>
      </c>
      <c r="AX40" s="400">
        <v>0</v>
      </c>
      <c r="AY40" s="101">
        <v>0</v>
      </c>
      <c r="AZ40" s="101">
        <v>0</v>
      </c>
      <c r="BA40" s="101">
        <v>0</v>
      </c>
      <c r="BB40" s="101">
        <v>0</v>
      </c>
      <c r="BC40" s="101">
        <v>0</v>
      </c>
      <c r="BD40" s="102">
        <v>0</v>
      </c>
      <c r="BE40" s="103">
        <v>0</v>
      </c>
      <c r="BF40" s="100">
        <v>0</v>
      </c>
      <c r="BG40" s="101">
        <v>0</v>
      </c>
      <c r="BH40" s="102">
        <v>0</v>
      </c>
      <c r="BI40" s="400">
        <v>0</v>
      </c>
      <c r="BJ40" s="101">
        <v>0</v>
      </c>
      <c r="BK40" s="101">
        <v>1</v>
      </c>
      <c r="BL40" s="101">
        <v>0</v>
      </c>
      <c r="BM40" s="101">
        <v>0</v>
      </c>
      <c r="BN40" s="101">
        <v>0</v>
      </c>
      <c r="BO40" s="102">
        <v>1</v>
      </c>
      <c r="BP40" s="103">
        <v>1</v>
      </c>
      <c r="BQ40" s="100">
        <v>0</v>
      </c>
      <c r="BR40" s="101">
        <v>0</v>
      </c>
      <c r="BS40" s="102">
        <v>0</v>
      </c>
      <c r="BT40" s="400">
        <v>0</v>
      </c>
      <c r="BU40" s="101">
        <v>0</v>
      </c>
      <c r="BV40" s="101">
        <v>0</v>
      </c>
      <c r="BW40" s="101">
        <v>0</v>
      </c>
      <c r="BX40" s="101">
        <v>0</v>
      </c>
      <c r="BY40" s="101">
        <v>0</v>
      </c>
      <c r="BZ40" s="102">
        <v>0</v>
      </c>
      <c r="CA40" s="103">
        <v>0</v>
      </c>
      <c r="CB40" s="100">
        <v>0</v>
      </c>
      <c r="CC40" s="101">
        <v>0</v>
      </c>
      <c r="CD40" s="102">
        <v>0</v>
      </c>
      <c r="CE40" s="400">
        <v>0</v>
      </c>
      <c r="CF40" s="101">
        <v>0</v>
      </c>
      <c r="CG40" s="101">
        <v>0</v>
      </c>
      <c r="CH40" s="101">
        <v>0</v>
      </c>
      <c r="CI40" s="101">
        <v>0</v>
      </c>
      <c r="CJ40" s="101">
        <v>0</v>
      </c>
      <c r="CK40" s="102">
        <v>0</v>
      </c>
      <c r="CL40" s="103">
        <v>0</v>
      </c>
      <c r="CM40" s="100">
        <v>0</v>
      </c>
      <c r="CN40" s="101">
        <v>0</v>
      </c>
      <c r="CO40" s="102">
        <v>0</v>
      </c>
      <c r="CP40" s="400">
        <v>0</v>
      </c>
      <c r="CQ40" s="101">
        <v>0</v>
      </c>
      <c r="CR40" s="101">
        <v>2</v>
      </c>
      <c r="CS40" s="101">
        <v>0</v>
      </c>
      <c r="CT40" s="101">
        <v>0</v>
      </c>
      <c r="CU40" s="101">
        <v>0</v>
      </c>
      <c r="CV40" s="102">
        <v>2</v>
      </c>
      <c r="CW40" s="103">
        <v>2</v>
      </c>
      <c r="CX40" s="104">
        <v>0</v>
      </c>
      <c r="CY40" s="96">
        <v>0</v>
      </c>
      <c r="CZ40" s="97">
        <v>0</v>
      </c>
      <c r="DA40" s="400">
        <v>0</v>
      </c>
      <c r="DB40" s="96">
        <v>0</v>
      </c>
      <c r="DC40" s="96">
        <v>0</v>
      </c>
      <c r="DD40" s="96">
        <v>0</v>
      </c>
      <c r="DE40" s="96">
        <v>0</v>
      </c>
      <c r="DF40" s="96">
        <v>0</v>
      </c>
      <c r="DG40" s="98">
        <v>0</v>
      </c>
      <c r="DH40" s="99">
        <v>0</v>
      </c>
      <c r="DI40" s="100">
        <v>0</v>
      </c>
      <c r="DJ40" s="101">
        <v>0</v>
      </c>
      <c r="DK40" s="102">
        <v>0</v>
      </c>
      <c r="DL40" s="400">
        <v>0</v>
      </c>
      <c r="DM40" s="101">
        <v>0</v>
      </c>
      <c r="DN40" s="101">
        <v>0</v>
      </c>
      <c r="DO40" s="101">
        <v>0</v>
      </c>
      <c r="DP40" s="101">
        <v>0</v>
      </c>
      <c r="DQ40" s="101">
        <v>0</v>
      </c>
      <c r="DR40" s="102">
        <v>0</v>
      </c>
      <c r="DS40" s="103">
        <v>0</v>
      </c>
      <c r="DT40" s="100">
        <v>0</v>
      </c>
      <c r="DU40" s="101">
        <v>0</v>
      </c>
      <c r="DV40" s="102">
        <v>0</v>
      </c>
      <c r="DW40" s="400">
        <v>0</v>
      </c>
      <c r="DX40" s="101">
        <v>0</v>
      </c>
      <c r="DY40" s="101">
        <v>0</v>
      </c>
      <c r="DZ40" s="101">
        <v>0</v>
      </c>
      <c r="EA40" s="101">
        <v>0</v>
      </c>
      <c r="EB40" s="101">
        <v>0</v>
      </c>
      <c r="EC40" s="102">
        <v>0</v>
      </c>
      <c r="ED40" s="103">
        <v>0</v>
      </c>
      <c r="EE40" s="100">
        <v>0</v>
      </c>
      <c r="EF40" s="101">
        <v>0</v>
      </c>
      <c r="EG40" s="102">
        <v>0</v>
      </c>
      <c r="EH40" s="400">
        <v>0</v>
      </c>
      <c r="EI40" s="101">
        <v>0</v>
      </c>
      <c r="EJ40" s="101">
        <v>0</v>
      </c>
      <c r="EK40" s="101">
        <v>0</v>
      </c>
      <c r="EL40" s="101">
        <v>0</v>
      </c>
      <c r="EM40" s="101">
        <v>0</v>
      </c>
      <c r="EN40" s="102">
        <v>0</v>
      </c>
      <c r="EO40" s="103">
        <v>0</v>
      </c>
      <c r="EP40" s="100">
        <v>0</v>
      </c>
      <c r="EQ40" s="101">
        <v>0</v>
      </c>
      <c r="ER40" s="102">
        <v>0</v>
      </c>
      <c r="ES40" s="400">
        <v>0</v>
      </c>
      <c r="ET40" s="101">
        <v>0</v>
      </c>
      <c r="EU40" s="101">
        <v>0</v>
      </c>
      <c r="EV40" s="101">
        <v>0</v>
      </c>
      <c r="EW40" s="101">
        <v>0</v>
      </c>
      <c r="EX40" s="101">
        <v>0</v>
      </c>
      <c r="EY40" s="102">
        <v>0</v>
      </c>
      <c r="EZ40" s="103">
        <v>0</v>
      </c>
      <c r="FA40" s="100">
        <v>0</v>
      </c>
      <c r="FB40" s="101">
        <v>0</v>
      </c>
      <c r="FC40" s="102">
        <v>0</v>
      </c>
      <c r="FD40" s="400">
        <v>0</v>
      </c>
      <c r="FE40" s="101">
        <v>0</v>
      </c>
      <c r="FF40" s="101">
        <v>0</v>
      </c>
      <c r="FG40" s="101">
        <v>0</v>
      </c>
      <c r="FH40" s="101">
        <v>0</v>
      </c>
      <c r="FI40" s="101">
        <v>0</v>
      </c>
      <c r="FJ40" s="102">
        <v>0</v>
      </c>
      <c r="FK40" s="103">
        <v>0</v>
      </c>
      <c r="FL40" s="100">
        <v>0</v>
      </c>
      <c r="FM40" s="101">
        <v>0</v>
      </c>
      <c r="FN40" s="102">
        <v>0</v>
      </c>
      <c r="FO40" s="400">
        <v>0</v>
      </c>
      <c r="FP40" s="101">
        <v>0</v>
      </c>
      <c r="FQ40" s="101">
        <v>0</v>
      </c>
      <c r="FR40" s="101">
        <v>0</v>
      </c>
      <c r="FS40" s="101">
        <v>0</v>
      </c>
      <c r="FT40" s="101">
        <v>0</v>
      </c>
      <c r="FU40" s="102">
        <v>0</v>
      </c>
      <c r="FV40" s="103">
        <v>0</v>
      </c>
      <c r="FW40" s="100">
        <v>0</v>
      </c>
      <c r="FX40" s="101">
        <v>0</v>
      </c>
      <c r="FY40" s="102">
        <v>0</v>
      </c>
      <c r="FZ40" s="400">
        <v>0</v>
      </c>
      <c r="GA40" s="101">
        <v>0</v>
      </c>
      <c r="GB40" s="101">
        <v>0</v>
      </c>
      <c r="GC40" s="101">
        <v>0</v>
      </c>
      <c r="GD40" s="101">
        <v>0</v>
      </c>
      <c r="GE40" s="101">
        <v>0</v>
      </c>
      <c r="GF40" s="102">
        <v>0</v>
      </c>
      <c r="GG40" s="103">
        <v>0</v>
      </c>
      <c r="GH40" s="100">
        <v>0</v>
      </c>
      <c r="GI40" s="101">
        <v>0</v>
      </c>
      <c r="GJ40" s="102">
        <v>0</v>
      </c>
      <c r="GK40" s="400">
        <v>0</v>
      </c>
      <c r="GL40" s="101">
        <v>0</v>
      </c>
      <c r="GM40" s="101">
        <v>0</v>
      </c>
      <c r="GN40" s="101">
        <v>0</v>
      </c>
      <c r="GO40" s="101">
        <v>0</v>
      </c>
      <c r="GP40" s="101">
        <v>0</v>
      </c>
      <c r="GQ40" s="102">
        <v>0</v>
      </c>
      <c r="GR40" s="103">
        <v>0</v>
      </c>
      <c r="GS40" s="104">
        <v>0</v>
      </c>
      <c r="GT40" s="96">
        <v>0</v>
      </c>
      <c r="GU40" s="97">
        <v>0</v>
      </c>
      <c r="GV40" s="400">
        <v>0</v>
      </c>
      <c r="GW40" s="96">
        <v>0</v>
      </c>
      <c r="GX40" s="96">
        <v>2</v>
      </c>
      <c r="GY40" s="96">
        <v>0</v>
      </c>
      <c r="GZ40" s="96">
        <v>0</v>
      </c>
      <c r="HA40" s="96">
        <v>0</v>
      </c>
      <c r="HB40" s="98">
        <v>2</v>
      </c>
      <c r="HC40" s="99">
        <v>2</v>
      </c>
      <c r="HD40" s="100">
        <v>0</v>
      </c>
      <c r="HE40" s="101">
        <v>0</v>
      </c>
      <c r="HF40" s="102">
        <v>0</v>
      </c>
      <c r="HG40" s="400">
        <v>0</v>
      </c>
      <c r="HH40" s="101">
        <v>0</v>
      </c>
      <c r="HI40" s="101">
        <v>0</v>
      </c>
      <c r="HJ40" s="101">
        <v>0</v>
      </c>
      <c r="HK40" s="101">
        <v>0</v>
      </c>
      <c r="HL40" s="101">
        <v>0</v>
      </c>
      <c r="HM40" s="102">
        <v>0</v>
      </c>
      <c r="HN40" s="103">
        <v>0</v>
      </c>
      <c r="HO40" s="100">
        <v>0</v>
      </c>
      <c r="HP40" s="101">
        <v>0</v>
      </c>
      <c r="HQ40" s="102">
        <v>0</v>
      </c>
      <c r="HR40" s="400">
        <v>0</v>
      </c>
      <c r="HS40" s="101">
        <v>0</v>
      </c>
      <c r="HT40" s="101">
        <v>0</v>
      </c>
      <c r="HU40" s="101">
        <v>0</v>
      </c>
      <c r="HV40" s="101">
        <v>0</v>
      </c>
      <c r="HW40" s="101">
        <v>0</v>
      </c>
      <c r="HX40" s="102">
        <v>0</v>
      </c>
      <c r="HY40" s="103">
        <v>0</v>
      </c>
      <c r="HZ40" s="100">
        <v>0</v>
      </c>
      <c r="IA40" s="101">
        <v>0</v>
      </c>
      <c r="IB40" s="102">
        <v>0</v>
      </c>
      <c r="IC40" s="400">
        <v>0</v>
      </c>
      <c r="ID40" s="101">
        <v>0</v>
      </c>
      <c r="IE40" s="101">
        <v>1</v>
      </c>
      <c r="IF40" s="101">
        <v>0</v>
      </c>
      <c r="IG40" s="101">
        <v>0</v>
      </c>
      <c r="IH40" s="101">
        <v>0</v>
      </c>
      <c r="II40" s="102">
        <v>1</v>
      </c>
      <c r="IJ40" s="103">
        <v>1</v>
      </c>
      <c r="IK40" s="100">
        <v>0</v>
      </c>
      <c r="IL40" s="101">
        <v>0</v>
      </c>
      <c r="IM40" s="102">
        <v>0</v>
      </c>
      <c r="IN40" s="400">
        <v>0</v>
      </c>
      <c r="IO40" s="101">
        <v>0</v>
      </c>
      <c r="IP40" s="101">
        <v>0</v>
      </c>
      <c r="IQ40" s="101">
        <v>0</v>
      </c>
      <c r="IR40" s="101">
        <v>0</v>
      </c>
      <c r="IS40" s="101">
        <v>0</v>
      </c>
      <c r="IT40" s="102">
        <v>0</v>
      </c>
      <c r="IU40" s="103">
        <v>0</v>
      </c>
      <c r="IV40" s="100">
        <v>0</v>
      </c>
      <c r="IW40" s="101">
        <v>0</v>
      </c>
      <c r="IX40" s="102">
        <v>0</v>
      </c>
      <c r="IY40" s="400">
        <v>0</v>
      </c>
      <c r="IZ40" s="101">
        <v>0</v>
      </c>
      <c r="JA40" s="101">
        <v>1</v>
      </c>
      <c r="JB40" s="101">
        <v>0</v>
      </c>
      <c r="JC40" s="101">
        <v>0</v>
      </c>
      <c r="JD40" s="101">
        <v>0</v>
      </c>
      <c r="JE40" s="102">
        <v>1</v>
      </c>
      <c r="JF40" s="103">
        <v>1</v>
      </c>
      <c r="JG40" s="100">
        <v>0</v>
      </c>
      <c r="JH40" s="101">
        <v>0</v>
      </c>
      <c r="JI40" s="102">
        <v>0</v>
      </c>
      <c r="JJ40" s="400">
        <v>0</v>
      </c>
      <c r="JK40" s="101">
        <v>0</v>
      </c>
      <c r="JL40" s="101">
        <v>0</v>
      </c>
      <c r="JM40" s="101">
        <v>0</v>
      </c>
      <c r="JN40" s="101">
        <v>0</v>
      </c>
      <c r="JO40" s="101">
        <v>0</v>
      </c>
      <c r="JP40" s="102">
        <v>0</v>
      </c>
      <c r="JQ40" s="103">
        <v>0</v>
      </c>
      <c r="JR40" s="100">
        <v>0</v>
      </c>
      <c r="JS40" s="101">
        <v>0</v>
      </c>
      <c r="JT40" s="102">
        <v>0</v>
      </c>
      <c r="JU40" s="400">
        <v>0</v>
      </c>
      <c r="JV40" s="101">
        <v>0</v>
      </c>
      <c r="JW40" s="101">
        <v>0</v>
      </c>
      <c r="JX40" s="101">
        <v>0</v>
      </c>
      <c r="JY40" s="101">
        <v>0</v>
      </c>
      <c r="JZ40" s="101">
        <v>0</v>
      </c>
      <c r="KA40" s="102">
        <v>0</v>
      </c>
      <c r="KB40" s="103">
        <v>0</v>
      </c>
      <c r="KC40" s="100">
        <v>0</v>
      </c>
      <c r="KD40" s="101">
        <v>0</v>
      </c>
      <c r="KE40" s="102">
        <v>0</v>
      </c>
      <c r="KF40" s="400">
        <v>0</v>
      </c>
      <c r="KG40" s="101">
        <v>0</v>
      </c>
      <c r="KH40" s="101">
        <v>2</v>
      </c>
      <c r="KI40" s="101">
        <v>0</v>
      </c>
      <c r="KJ40" s="101">
        <v>0</v>
      </c>
      <c r="KK40" s="101">
        <v>0</v>
      </c>
      <c r="KL40" s="102">
        <v>2</v>
      </c>
      <c r="KM40" s="103">
        <v>2</v>
      </c>
    </row>
    <row r="41" spans="2:299" ht="32.25" customHeight="1" x14ac:dyDescent="0.2"/>
  </sheetData>
  <mergeCells count="36">
    <mergeCell ref="F1:G1"/>
    <mergeCell ref="I1:J1"/>
    <mergeCell ref="GS3:KM3"/>
    <mergeCell ref="CM4:CW5"/>
    <mergeCell ref="CX4:FV4"/>
    <mergeCell ref="KC4:KM5"/>
    <mergeCell ref="GS4:JQ4"/>
    <mergeCell ref="JR4:KB5"/>
    <mergeCell ref="DI5:DS5"/>
    <mergeCell ref="DT5:ED5"/>
    <mergeCell ref="HZ5:IJ5"/>
    <mergeCell ref="IK5:IU5"/>
    <mergeCell ref="BQ5:CA5"/>
    <mergeCell ref="C4:CA4"/>
    <mergeCell ref="CB4:CL5"/>
    <mergeCell ref="FL5:FV5"/>
    <mergeCell ref="IV5:JF5"/>
    <mergeCell ref="GS5:HC5"/>
    <mergeCell ref="HD5:HN5"/>
    <mergeCell ref="HO5:HY5"/>
    <mergeCell ref="JG5:JQ5"/>
    <mergeCell ref="EP5:EZ5"/>
    <mergeCell ref="FA5:FK5"/>
    <mergeCell ref="B3:B5"/>
    <mergeCell ref="C3:CW3"/>
    <mergeCell ref="CX3:GR3"/>
    <mergeCell ref="C5:M5"/>
    <mergeCell ref="N5:X5"/>
    <mergeCell ref="Y5:AI5"/>
    <mergeCell ref="AJ5:AT5"/>
    <mergeCell ref="AU5:BE5"/>
    <mergeCell ref="EE5:EO5"/>
    <mergeCell ref="FW4:GG5"/>
    <mergeCell ref="GH4:GR5"/>
    <mergeCell ref="BF5:BP5"/>
    <mergeCell ref="CX5:DH5"/>
  </mergeCells>
  <phoneticPr fontId="4"/>
  <printOptions horizontalCentered="1"/>
  <pageMargins left="0.59055118110236227" right="0.39370078740157483" top="0.59055118110236227" bottom="0.55118110236220474" header="0.23622047244094491" footer="0.27559055118110237"/>
  <pageSetup paperSize="9" scale="45" orientation="landscape" r:id="rId1"/>
  <headerFooter alignWithMargins="0">
    <oddFooter>&amp;L&amp;20&amp;X&amp;A&amp;C&amp;P/&amp;N</oddFooter>
  </headerFooter>
  <colBreaks count="4" manualBreakCount="4">
    <brk id="35" max="40" man="1"/>
    <brk id="68" max="1048575" man="1"/>
    <brk id="101" max="1048575" man="1"/>
    <brk id="134" max="40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  <pageSetUpPr fitToPage="1"/>
  </sheetPr>
  <dimension ref="B1:AI39"/>
  <sheetViews>
    <sheetView zoomScaleNormal="100" zoomScaleSheetLayoutView="75" workbookViewId="0">
      <pane xSplit="2" ySplit="5" topLeftCell="C6" activePane="bottomRight" state="frozen"/>
      <selection activeCell="F37" sqref="F37"/>
      <selection pane="topRight" activeCell="F37" sqref="F37"/>
      <selection pane="bottomLeft" activeCell="F37" sqref="F37"/>
      <selection pane="bottomRight" activeCell="C5" sqref="C5"/>
    </sheetView>
  </sheetViews>
  <sheetFormatPr defaultColWidth="9" defaultRowHeight="9.6" x14ac:dyDescent="0.2"/>
  <cols>
    <col min="1" max="1" width="3.77734375" style="10" customWidth="1"/>
    <col min="2" max="2" width="9.77734375" style="10" customWidth="1"/>
    <col min="3" max="6" width="7.77734375" style="8" customWidth="1"/>
    <col min="7" max="7" width="8.109375" style="8" customWidth="1"/>
    <col min="8" max="8" width="7.44140625" style="8" customWidth="1"/>
    <col min="9" max="9" width="9.109375" style="8" customWidth="1"/>
    <col min="10" max="10" width="7.77734375" style="8" customWidth="1"/>
    <col min="11" max="11" width="8.6640625" style="8" customWidth="1"/>
    <col min="12" max="12" width="9.33203125" style="8" customWidth="1"/>
    <col min="13" max="13" width="8.33203125" style="8" customWidth="1"/>
    <col min="14" max="26" width="7.77734375" style="8" customWidth="1"/>
    <col min="27" max="33" width="7.77734375" style="10" customWidth="1"/>
    <col min="34" max="34" width="9" style="10"/>
    <col min="35" max="35" width="8.6640625" style="10" customWidth="1"/>
    <col min="36" max="16384" width="9" style="10"/>
  </cols>
  <sheetData>
    <row r="1" spans="2:35" ht="24" customHeight="1" x14ac:dyDescent="0.2">
      <c r="B1" s="7" t="s">
        <v>130</v>
      </c>
      <c r="F1" s="9"/>
      <c r="G1" s="441">
        <f>第１表!F2</f>
        <v>7</v>
      </c>
      <c r="H1" s="441"/>
      <c r="I1" s="15">
        <f>第１表!G2</f>
        <v>1</v>
      </c>
      <c r="J1" s="445">
        <f>IF(I1&lt;3,I1+12-2,I1-2)</f>
        <v>11</v>
      </c>
      <c r="K1" s="445"/>
    </row>
    <row r="2" spans="2:35" ht="24" customHeight="1" thickBot="1" x14ac:dyDescent="0.25">
      <c r="B2" s="57"/>
      <c r="J2" s="11"/>
      <c r="K2" s="11"/>
      <c r="L2" s="11"/>
      <c r="M2" s="11"/>
      <c r="N2" s="11"/>
      <c r="O2" s="11"/>
      <c r="P2" s="12"/>
      <c r="Q2" s="12"/>
      <c r="R2" s="12"/>
    </row>
    <row r="3" spans="2:35" s="57" customFormat="1" ht="21" customHeight="1" thickBot="1" x14ac:dyDescent="0.25">
      <c r="B3" s="105"/>
      <c r="C3" s="442" t="s">
        <v>53</v>
      </c>
      <c r="D3" s="443"/>
      <c r="E3" s="443"/>
      <c r="F3" s="443"/>
      <c r="G3" s="443"/>
      <c r="H3" s="443"/>
      <c r="I3" s="443"/>
      <c r="J3" s="443"/>
      <c r="K3" s="443"/>
      <c r="L3" s="443"/>
      <c r="M3" s="444"/>
      <c r="N3" s="442" t="s">
        <v>54</v>
      </c>
      <c r="O3" s="443"/>
      <c r="P3" s="443"/>
      <c r="Q3" s="443"/>
      <c r="R3" s="443"/>
      <c r="S3" s="443"/>
      <c r="T3" s="443"/>
      <c r="U3" s="443"/>
      <c r="V3" s="443"/>
      <c r="W3" s="443"/>
      <c r="X3" s="444"/>
      <c r="Y3" s="442" t="s">
        <v>55</v>
      </c>
      <c r="Z3" s="443"/>
      <c r="AA3" s="443"/>
      <c r="AB3" s="443"/>
      <c r="AC3" s="443"/>
      <c r="AD3" s="443"/>
      <c r="AE3" s="443"/>
      <c r="AF3" s="443"/>
      <c r="AG3" s="443"/>
      <c r="AH3" s="443"/>
      <c r="AI3" s="444"/>
    </row>
    <row r="4" spans="2:35" s="57" customFormat="1" ht="30" customHeight="1" thickBot="1" x14ac:dyDescent="0.25">
      <c r="B4" s="105" t="s">
        <v>42</v>
      </c>
      <c r="C4" s="106" t="s">
        <v>43</v>
      </c>
      <c r="D4" s="107" t="s">
        <v>44</v>
      </c>
      <c r="E4" s="108" t="s">
        <v>45</v>
      </c>
      <c r="F4" s="109" t="s">
        <v>46</v>
      </c>
      <c r="G4" s="107" t="s">
        <v>47</v>
      </c>
      <c r="H4" s="107" t="s">
        <v>48</v>
      </c>
      <c r="I4" s="107" t="s">
        <v>49</v>
      </c>
      <c r="J4" s="107" t="s">
        <v>50</v>
      </c>
      <c r="K4" s="107" t="s">
        <v>51</v>
      </c>
      <c r="L4" s="108" t="s">
        <v>45</v>
      </c>
      <c r="M4" s="55" t="s">
        <v>52</v>
      </c>
      <c r="N4" s="106" t="s">
        <v>43</v>
      </c>
      <c r="O4" s="107" t="s">
        <v>44</v>
      </c>
      <c r="P4" s="108" t="s">
        <v>45</v>
      </c>
      <c r="Q4" s="109" t="s">
        <v>46</v>
      </c>
      <c r="R4" s="107" t="s">
        <v>47</v>
      </c>
      <c r="S4" s="107" t="s">
        <v>48</v>
      </c>
      <c r="T4" s="107" t="s">
        <v>49</v>
      </c>
      <c r="U4" s="107" t="s">
        <v>50</v>
      </c>
      <c r="V4" s="107" t="s">
        <v>51</v>
      </c>
      <c r="W4" s="108" t="s">
        <v>45</v>
      </c>
      <c r="X4" s="55" t="s">
        <v>52</v>
      </c>
      <c r="Y4" s="106" t="s">
        <v>43</v>
      </c>
      <c r="Z4" s="107" t="s">
        <v>44</v>
      </c>
      <c r="AA4" s="108" t="s">
        <v>45</v>
      </c>
      <c r="AB4" s="109" t="s">
        <v>46</v>
      </c>
      <c r="AC4" s="107" t="s">
        <v>47</v>
      </c>
      <c r="AD4" s="107" t="s">
        <v>48</v>
      </c>
      <c r="AE4" s="107" t="s">
        <v>49</v>
      </c>
      <c r="AF4" s="107" t="s">
        <v>50</v>
      </c>
      <c r="AG4" s="107" t="s">
        <v>51</v>
      </c>
      <c r="AH4" s="108" t="s">
        <v>45</v>
      </c>
      <c r="AI4" s="55" t="s">
        <v>52</v>
      </c>
    </row>
    <row r="5" spans="2:35" ht="21" customHeight="1" x14ac:dyDescent="0.2">
      <c r="B5" s="70" t="s">
        <v>4</v>
      </c>
      <c r="C5" s="110">
        <v>18324</v>
      </c>
      <c r="D5" s="111">
        <v>33009</v>
      </c>
      <c r="E5" s="112">
        <v>51333</v>
      </c>
      <c r="F5" s="113">
        <v>0</v>
      </c>
      <c r="G5" s="111">
        <v>63345</v>
      </c>
      <c r="H5" s="111">
        <v>65438</v>
      </c>
      <c r="I5" s="111">
        <v>36835</v>
      </c>
      <c r="J5" s="111">
        <v>28274</v>
      </c>
      <c r="K5" s="111">
        <v>16856</v>
      </c>
      <c r="L5" s="112">
        <v>210748</v>
      </c>
      <c r="M5" s="114">
        <v>262081</v>
      </c>
      <c r="N5" s="115">
        <v>332</v>
      </c>
      <c r="O5" s="111">
        <v>930</v>
      </c>
      <c r="P5" s="112">
        <v>1262</v>
      </c>
      <c r="Q5" s="113">
        <v>0</v>
      </c>
      <c r="R5" s="111">
        <v>1105</v>
      </c>
      <c r="S5" s="111">
        <v>2000</v>
      </c>
      <c r="T5" s="111">
        <v>1080</v>
      </c>
      <c r="U5" s="111">
        <v>853</v>
      </c>
      <c r="V5" s="111">
        <v>823</v>
      </c>
      <c r="W5" s="112">
        <v>5861</v>
      </c>
      <c r="X5" s="114">
        <v>7123</v>
      </c>
      <c r="Y5" s="110">
        <v>18656</v>
      </c>
      <c r="Z5" s="111">
        <v>33939</v>
      </c>
      <c r="AA5" s="112">
        <v>52595</v>
      </c>
      <c r="AB5" s="113">
        <v>0</v>
      </c>
      <c r="AC5" s="111">
        <v>64450</v>
      </c>
      <c r="AD5" s="111">
        <v>67438</v>
      </c>
      <c r="AE5" s="111">
        <v>37915</v>
      </c>
      <c r="AF5" s="111">
        <v>29127</v>
      </c>
      <c r="AG5" s="111">
        <v>17679</v>
      </c>
      <c r="AH5" s="112">
        <v>216609</v>
      </c>
      <c r="AI5" s="114">
        <v>269204</v>
      </c>
    </row>
    <row r="6" spans="2:35" ht="21" customHeight="1" x14ac:dyDescent="0.2">
      <c r="B6" s="81" t="s">
        <v>5</v>
      </c>
      <c r="C6" s="116">
        <v>6483</v>
      </c>
      <c r="D6" s="117">
        <v>14745</v>
      </c>
      <c r="E6" s="118">
        <v>21228</v>
      </c>
      <c r="F6" s="119">
        <v>0</v>
      </c>
      <c r="G6" s="117">
        <v>16634</v>
      </c>
      <c r="H6" s="117">
        <v>24576</v>
      </c>
      <c r="I6" s="117">
        <v>12097</v>
      </c>
      <c r="J6" s="117">
        <v>9500</v>
      </c>
      <c r="K6" s="117">
        <v>5546</v>
      </c>
      <c r="L6" s="118">
        <v>68353</v>
      </c>
      <c r="M6" s="120">
        <v>89581</v>
      </c>
      <c r="N6" s="121">
        <v>118</v>
      </c>
      <c r="O6" s="117">
        <v>412</v>
      </c>
      <c r="P6" s="118">
        <v>530</v>
      </c>
      <c r="Q6" s="119">
        <v>0</v>
      </c>
      <c r="R6" s="117">
        <v>252</v>
      </c>
      <c r="S6" s="117">
        <v>841</v>
      </c>
      <c r="T6" s="117">
        <v>378</v>
      </c>
      <c r="U6" s="117">
        <v>297</v>
      </c>
      <c r="V6" s="117">
        <v>313</v>
      </c>
      <c r="W6" s="118">
        <v>2081</v>
      </c>
      <c r="X6" s="120">
        <v>2611</v>
      </c>
      <c r="Y6" s="116">
        <v>6601</v>
      </c>
      <c r="Z6" s="117">
        <v>15157</v>
      </c>
      <c r="AA6" s="118">
        <v>21758</v>
      </c>
      <c r="AB6" s="119">
        <v>0</v>
      </c>
      <c r="AC6" s="117">
        <v>16886</v>
      </c>
      <c r="AD6" s="117">
        <v>25417</v>
      </c>
      <c r="AE6" s="117">
        <v>12475</v>
      </c>
      <c r="AF6" s="117">
        <v>9797</v>
      </c>
      <c r="AG6" s="117">
        <v>5859</v>
      </c>
      <c r="AH6" s="118">
        <v>70434</v>
      </c>
      <c r="AI6" s="120">
        <v>92192</v>
      </c>
    </row>
    <row r="7" spans="2:35" ht="21" customHeight="1" x14ac:dyDescent="0.2">
      <c r="B7" s="92" t="s">
        <v>6</v>
      </c>
      <c r="C7" s="116">
        <v>2671</v>
      </c>
      <c r="D7" s="117">
        <v>3929</v>
      </c>
      <c r="E7" s="118">
        <v>6600</v>
      </c>
      <c r="F7" s="119">
        <v>0</v>
      </c>
      <c r="G7" s="117">
        <v>11347</v>
      </c>
      <c r="H7" s="117">
        <v>9841</v>
      </c>
      <c r="I7" s="117">
        <v>5715</v>
      </c>
      <c r="J7" s="117">
        <v>4465</v>
      </c>
      <c r="K7" s="117">
        <v>2867</v>
      </c>
      <c r="L7" s="118">
        <v>34235</v>
      </c>
      <c r="M7" s="120">
        <v>40835</v>
      </c>
      <c r="N7" s="121">
        <v>69</v>
      </c>
      <c r="O7" s="117">
        <v>116</v>
      </c>
      <c r="P7" s="118">
        <v>185</v>
      </c>
      <c r="Q7" s="119">
        <v>0</v>
      </c>
      <c r="R7" s="117">
        <v>231</v>
      </c>
      <c r="S7" s="117">
        <v>285</v>
      </c>
      <c r="T7" s="117">
        <v>164</v>
      </c>
      <c r="U7" s="117">
        <v>147</v>
      </c>
      <c r="V7" s="117">
        <v>144</v>
      </c>
      <c r="W7" s="118">
        <v>971</v>
      </c>
      <c r="X7" s="120">
        <v>1156</v>
      </c>
      <c r="Y7" s="116">
        <v>2740</v>
      </c>
      <c r="Z7" s="117">
        <v>4045</v>
      </c>
      <c r="AA7" s="118">
        <v>6785</v>
      </c>
      <c r="AB7" s="119">
        <v>0</v>
      </c>
      <c r="AC7" s="117">
        <v>11578</v>
      </c>
      <c r="AD7" s="117">
        <v>10126</v>
      </c>
      <c r="AE7" s="117">
        <v>5879</v>
      </c>
      <c r="AF7" s="117">
        <v>4612</v>
      </c>
      <c r="AG7" s="117">
        <v>3011</v>
      </c>
      <c r="AH7" s="118">
        <v>35206</v>
      </c>
      <c r="AI7" s="120">
        <v>41991</v>
      </c>
    </row>
    <row r="8" spans="2:35" ht="21" customHeight="1" x14ac:dyDescent="0.2">
      <c r="B8" s="92" t="s">
        <v>14</v>
      </c>
      <c r="C8" s="116">
        <v>1287</v>
      </c>
      <c r="D8" s="117">
        <v>2929</v>
      </c>
      <c r="E8" s="118">
        <v>4216</v>
      </c>
      <c r="F8" s="119">
        <v>0</v>
      </c>
      <c r="G8" s="117">
        <v>4883</v>
      </c>
      <c r="H8" s="117">
        <v>6081</v>
      </c>
      <c r="I8" s="117">
        <v>3797</v>
      </c>
      <c r="J8" s="117">
        <v>2519</v>
      </c>
      <c r="K8" s="117">
        <v>1413</v>
      </c>
      <c r="L8" s="118">
        <v>18693</v>
      </c>
      <c r="M8" s="120">
        <v>22909</v>
      </c>
      <c r="N8" s="121">
        <v>19</v>
      </c>
      <c r="O8" s="117">
        <v>101</v>
      </c>
      <c r="P8" s="118">
        <v>120</v>
      </c>
      <c r="Q8" s="119">
        <v>0</v>
      </c>
      <c r="R8" s="117">
        <v>76</v>
      </c>
      <c r="S8" s="117">
        <v>189</v>
      </c>
      <c r="T8" s="117">
        <v>102</v>
      </c>
      <c r="U8" s="117">
        <v>81</v>
      </c>
      <c r="V8" s="117">
        <v>69</v>
      </c>
      <c r="W8" s="118">
        <v>517</v>
      </c>
      <c r="X8" s="120">
        <v>637</v>
      </c>
      <c r="Y8" s="116">
        <v>1306</v>
      </c>
      <c r="Z8" s="117">
        <v>3030</v>
      </c>
      <c r="AA8" s="118">
        <v>4336</v>
      </c>
      <c r="AB8" s="119">
        <v>0</v>
      </c>
      <c r="AC8" s="117">
        <v>4959</v>
      </c>
      <c r="AD8" s="117">
        <v>6270</v>
      </c>
      <c r="AE8" s="117">
        <v>3899</v>
      </c>
      <c r="AF8" s="117">
        <v>2600</v>
      </c>
      <c r="AG8" s="117">
        <v>1482</v>
      </c>
      <c r="AH8" s="118">
        <v>19210</v>
      </c>
      <c r="AI8" s="120">
        <v>23546</v>
      </c>
    </row>
    <row r="9" spans="2:35" ht="21" customHeight="1" x14ac:dyDescent="0.2">
      <c r="B9" s="92" t="s">
        <v>7</v>
      </c>
      <c r="C9" s="116">
        <v>711</v>
      </c>
      <c r="D9" s="117">
        <v>1028</v>
      </c>
      <c r="E9" s="118">
        <v>1739</v>
      </c>
      <c r="F9" s="119">
        <v>0</v>
      </c>
      <c r="G9" s="117">
        <v>5369</v>
      </c>
      <c r="H9" s="117">
        <v>3505</v>
      </c>
      <c r="I9" s="117">
        <v>1945</v>
      </c>
      <c r="J9" s="117">
        <v>1599</v>
      </c>
      <c r="K9" s="117">
        <v>914</v>
      </c>
      <c r="L9" s="118">
        <v>13332</v>
      </c>
      <c r="M9" s="120">
        <v>15071</v>
      </c>
      <c r="N9" s="121">
        <v>6</v>
      </c>
      <c r="O9" s="117">
        <v>21</v>
      </c>
      <c r="P9" s="118">
        <v>27</v>
      </c>
      <c r="Q9" s="119">
        <v>0</v>
      </c>
      <c r="R9" s="117">
        <v>104</v>
      </c>
      <c r="S9" s="117">
        <v>86</v>
      </c>
      <c r="T9" s="117">
        <v>51</v>
      </c>
      <c r="U9" s="117">
        <v>39</v>
      </c>
      <c r="V9" s="117">
        <v>31</v>
      </c>
      <c r="W9" s="118">
        <v>311</v>
      </c>
      <c r="X9" s="120">
        <v>338</v>
      </c>
      <c r="Y9" s="116">
        <v>717</v>
      </c>
      <c r="Z9" s="117">
        <v>1049</v>
      </c>
      <c r="AA9" s="118">
        <v>1766</v>
      </c>
      <c r="AB9" s="119">
        <v>0</v>
      </c>
      <c r="AC9" s="117">
        <v>5473</v>
      </c>
      <c r="AD9" s="117">
        <v>3591</v>
      </c>
      <c r="AE9" s="117">
        <v>1996</v>
      </c>
      <c r="AF9" s="117">
        <v>1638</v>
      </c>
      <c r="AG9" s="117">
        <v>945</v>
      </c>
      <c r="AH9" s="118">
        <v>13643</v>
      </c>
      <c r="AI9" s="120">
        <v>15409</v>
      </c>
    </row>
    <row r="10" spans="2:35" ht="21" customHeight="1" x14ac:dyDescent="0.2">
      <c r="B10" s="92" t="s">
        <v>8</v>
      </c>
      <c r="C10" s="116">
        <v>699</v>
      </c>
      <c r="D10" s="117">
        <v>727</v>
      </c>
      <c r="E10" s="118">
        <v>1426</v>
      </c>
      <c r="F10" s="119">
        <v>0</v>
      </c>
      <c r="G10" s="117">
        <v>2246</v>
      </c>
      <c r="H10" s="117">
        <v>2224</v>
      </c>
      <c r="I10" s="117">
        <v>1301</v>
      </c>
      <c r="J10" s="117">
        <v>928</v>
      </c>
      <c r="K10" s="117">
        <v>603</v>
      </c>
      <c r="L10" s="118">
        <v>7302</v>
      </c>
      <c r="M10" s="120">
        <v>8728</v>
      </c>
      <c r="N10" s="121">
        <v>9</v>
      </c>
      <c r="O10" s="117">
        <v>25</v>
      </c>
      <c r="P10" s="118">
        <v>34</v>
      </c>
      <c r="Q10" s="119">
        <v>0</v>
      </c>
      <c r="R10" s="117">
        <v>44</v>
      </c>
      <c r="S10" s="117">
        <v>70</v>
      </c>
      <c r="T10" s="117">
        <v>37</v>
      </c>
      <c r="U10" s="117">
        <v>30</v>
      </c>
      <c r="V10" s="117">
        <v>18</v>
      </c>
      <c r="W10" s="118">
        <v>199</v>
      </c>
      <c r="X10" s="120">
        <v>233</v>
      </c>
      <c r="Y10" s="116">
        <v>708</v>
      </c>
      <c r="Z10" s="117">
        <v>752</v>
      </c>
      <c r="AA10" s="118">
        <v>1460</v>
      </c>
      <c r="AB10" s="119">
        <v>0</v>
      </c>
      <c r="AC10" s="117">
        <v>2290</v>
      </c>
      <c r="AD10" s="117">
        <v>2294</v>
      </c>
      <c r="AE10" s="117">
        <v>1338</v>
      </c>
      <c r="AF10" s="117">
        <v>958</v>
      </c>
      <c r="AG10" s="117">
        <v>621</v>
      </c>
      <c r="AH10" s="118">
        <v>7501</v>
      </c>
      <c r="AI10" s="120">
        <v>8961</v>
      </c>
    </row>
    <row r="11" spans="2:35" ht="21" customHeight="1" x14ac:dyDescent="0.2">
      <c r="B11" s="92" t="s">
        <v>9</v>
      </c>
      <c r="C11" s="116">
        <v>548</v>
      </c>
      <c r="D11" s="117">
        <v>614</v>
      </c>
      <c r="E11" s="118">
        <v>1162</v>
      </c>
      <c r="F11" s="119">
        <v>0</v>
      </c>
      <c r="G11" s="117">
        <v>2063</v>
      </c>
      <c r="H11" s="117">
        <v>1536</v>
      </c>
      <c r="I11" s="117">
        <v>1092</v>
      </c>
      <c r="J11" s="117">
        <v>897</v>
      </c>
      <c r="K11" s="117">
        <v>557</v>
      </c>
      <c r="L11" s="118">
        <v>6145</v>
      </c>
      <c r="M11" s="120">
        <v>7307</v>
      </c>
      <c r="N11" s="121">
        <v>4</v>
      </c>
      <c r="O11" s="117">
        <v>9</v>
      </c>
      <c r="P11" s="118">
        <v>13</v>
      </c>
      <c r="Q11" s="119">
        <v>0</v>
      </c>
      <c r="R11" s="117">
        <v>33</v>
      </c>
      <c r="S11" s="117">
        <v>45</v>
      </c>
      <c r="T11" s="117">
        <v>18</v>
      </c>
      <c r="U11" s="117">
        <v>15</v>
      </c>
      <c r="V11" s="117">
        <v>17</v>
      </c>
      <c r="W11" s="118">
        <v>128</v>
      </c>
      <c r="X11" s="120">
        <v>141</v>
      </c>
      <c r="Y11" s="116">
        <v>552</v>
      </c>
      <c r="Z11" s="117">
        <v>623</v>
      </c>
      <c r="AA11" s="118">
        <v>1175</v>
      </c>
      <c r="AB11" s="119">
        <v>0</v>
      </c>
      <c r="AC11" s="117">
        <v>2096</v>
      </c>
      <c r="AD11" s="117">
        <v>1581</v>
      </c>
      <c r="AE11" s="117">
        <v>1110</v>
      </c>
      <c r="AF11" s="117">
        <v>912</v>
      </c>
      <c r="AG11" s="117">
        <v>574</v>
      </c>
      <c r="AH11" s="118">
        <v>6273</v>
      </c>
      <c r="AI11" s="120">
        <v>7448</v>
      </c>
    </row>
    <row r="12" spans="2:35" ht="21" customHeight="1" x14ac:dyDescent="0.2">
      <c r="B12" s="92" t="s">
        <v>10</v>
      </c>
      <c r="C12" s="116">
        <v>1385</v>
      </c>
      <c r="D12" s="117">
        <v>1685</v>
      </c>
      <c r="E12" s="118">
        <v>3070</v>
      </c>
      <c r="F12" s="119">
        <v>0</v>
      </c>
      <c r="G12" s="117">
        <v>4301</v>
      </c>
      <c r="H12" s="117">
        <v>2449</v>
      </c>
      <c r="I12" s="117">
        <v>1589</v>
      </c>
      <c r="J12" s="117">
        <v>1362</v>
      </c>
      <c r="K12" s="117">
        <v>908</v>
      </c>
      <c r="L12" s="118">
        <v>10609</v>
      </c>
      <c r="M12" s="120">
        <v>13679</v>
      </c>
      <c r="N12" s="121">
        <v>27</v>
      </c>
      <c r="O12" s="117">
        <v>35</v>
      </c>
      <c r="P12" s="118">
        <v>62</v>
      </c>
      <c r="Q12" s="119">
        <v>0</v>
      </c>
      <c r="R12" s="117">
        <v>90</v>
      </c>
      <c r="S12" s="117">
        <v>88</v>
      </c>
      <c r="T12" s="117">
        <v>56</v>
      </c>
      <c r="U12" s="117">
        <v>41</v>
      </c>
      <c r="V12" s="117">
        <v>41</v>
      </c>
      <c r="W12" s="118">
        <v>316</v>
      </c>
      <c r="X12" s="120">
        <v>378</v>
      </c>
      <c r="Y12" s="116">
        <v>1412</v>
      </c>
      <c r="Z12" s="117">
        <v>1720</v>
      </c>
      <c r="AA12" s="118">
        <v>3132</v>
      </c>
      <c r="AB12" s="119">
        <v>0</v>
      </c>
      <c r="AC12" s="117">
        <v>4391</v>
      </c>
      <c r="AD12" s="117">
        <v>2537</v>
      </c>
      <c r="AE12" s="117">
        <v>1645</v>
      </c>
      <c r="AF12" s="117">
        <v>1403</v>
      </c>
      <c r="AG12" s="117">
        <v>949</v>
      </c>
      <c r="AH12" s="118">
        <v>10925</v>
      </c>
      <c r="AI12" s="120">
        <v>14057</v>
      </c>
    </row>
    <row r="13" spans="2:35" ht="21" customHeight="1" x14ac:dyDescent="0.2">
      <c r="B13" s="92" t="s">
        <v>11</v>
      </c>
      <c r="C13" s="116">
        <v>563</v>
      </c>
      <c r="D13" s="117">
        <v>657</v>
      </c>
      <c r="E13" s="118">
        <v>1220</v>
      </c>
      <c r="F13" s="119">
        <v>0</v>
      </c>
      <c r="G13" s="117">
        <v>2067</v>
      </c>
      <c r="H13" s="117">
        <v>1433</v>
      </c>
      <c r="I13" s="117">
        <v>980</v>
      </c>
      <c r="J13" s="117">
        <v>772</v>
      </c>
      <c r="K13" s="117">
        <v>416</v>
      </c>
      <c r="L13" s="118">
        <v>5668</v>
      </c>
      <c r="M13" s="120">
        <v>6888</v>
      </c>
      <c r="N13" s="121">
        <v>7</v>
      </c>
      <c r="O13" s="117">
        <v>18</v>
      </c>
      <c r="P13" s="118">
        <v>25</v>
      </c>
      <c r="Q13" s="119">
        <v>0</v>
      </c>
      <c r="R13" s="117">
        <v>38</v>
      </c>
      <c r="S13" s="117">
        <v>27</v>
      </c>
      <c r="T13" s="117">
        <v>30</v>
      </c>
      <c r="U13" s="117">
        <v>23</v>
      </c>
      <c r="V13" s="117">
        <v>21</v>
      </c>
      <c r="W13" s="118">
        <v>139</v>
      </c>
      <c r="X13" s="120">
        <v>164</v>
      </c>
      <c r="Y13" s="116">
        <v>570</v>
      </c>
      <c r="Z13" s="117">
        <v>675</v>
      </c>
      <c r="AA13" s="118">
        <v>1245</v>
      </c>
      <c r="AB13" s="119">
        <v>0</v>
      </c>
      <c r="AC13" s="117">
        <v>2105</v>
      </c>
      <c r="AD13" s="117">
        <v>1460</v>
      </c>
      <c r="AE13" s="117">
        <v>1010</v>
      </c>
      <c r="AF13" s="117">
        <v>795</v>
      </c>
      <c r="AG13" s="117">
        <v>437</v>
      </c>
      <c r="AH13" s="118">
        <v>5807</v>
      </c>
      <c r="AI13" s="120">
        <v>7052</v>
      </c>
    </row>
    <row r="14" spans="2:35" ht="21" customHeight="1" x14ac:dyDescent="0.2">
      <c r="B14" s="92" t="s">
        <v>12</v>
      </c>
      <c r="C14" s="116">
        <v>763</v>
      </c>
      <c r="D14" s="117">
        <v>1243</v>
      </c>
      <c r="E14" s="118">
        <v>2006</v>
      </c>
      <c r="F14" s="119">
        <v>0</v>
      </c>
      <c r="G14" s="117">
        <v>1775</v>
      </c>
      <c r="H14" s="117">
        <v>1585</v>
      </c>
      <c r="I14" s="117">
        <v>1010</v>
      </c>
      <c r="J14" s="117">
        <v>889</v>
      </c>
      <c r="K14" s="117">
        <v>476</v>
      </c>
      <c r="L14" s="118">
        <v>5735</v>
      </c>
      <c r="M14" s="120">
        <v>7741</v>
      </c>
      <c r="N14" s="121">
        <v>13</v>
      </c>
      <c r="O14" s="117">
        <v>37</v>
      </c>
      <c r="P14" s="118">
        <v>50</v>
      </c>
      <c r="Q14" s="119">
        <v>0</v>
      </c>
      <c r="R14" s="117">
        <v>17</v>
      </c>
      <c r="S14" s="117">
        <v>40</v>
      </c>
      <c r="T14" s="117">
        <v>34</v>
      </c>
      <c r="U14" s="117">
        <v>21</v>
      </c>
      <c r="V14" s="117">
        <v>21</v>
      </c>
      <c r="W14" s="118">
        <v>133</v>
      </c>
      <c r="X14" s="120">
        <v>183</v>
      </c>
      <c r="Y14" s="116">
        <v>776</v>
      </c>
      <c r="Z14" s="117">
        <v>1280</v>
      </c>
      <c r="AA14" s="118">
        <v>2056</v>
      </c>
      <c r="AB14" s="119">
        <v>0</v>
      </c>
      <c r="AC14" s="117">
        <v>1792</v>
      </c>
      <c r="AD14" s="117">
        <v>1625</v>
      </c>
      <c r="AE14" s="117">
        <v>1044</v>
      </c>
      <c r="AF14" s="117">
        <v>910</v>
      </c>
      <c r="AG14" s="117">
        <v>497</v>
      </c>
      <c r="AH14" s="118">
        <v>5868</v>
      </c>
      <c r="AI14" s="120">
        <v>7924</v>
      </c>
    </row>
    <row r="15" spans="2:35" ht="21" customHeight="1" x14ac:dyDescent="0.2">
      <c r="B15" s="92" t="s">
        <v>13</v>
      </c>
      <c r="C15" s="116">
        <v>138</v>
      </c>
      <c r="D15" s="117">
        <v>214</v>
      </c>
      <c r="E15" s="118">
        <v>352</v>
      </c>
      <c r="F15" s="119">
        <v>0</v>
      </c>
      <c r="G15" s="117">
        <v>721</v>
      </c>
      <c r="H15" s="117">
        <v>723</v>
      </c>
      <c r="I15" s="117">
        <v>383</v>
      </c>
      <c r="J15" s="117">
        <v>323</v>
      </c>
      <c r="K15" s="117">
        <v>226</v>
      </c>
      <c r="L15" s="118">
        <v>2376</v>
      </c>
      <c r="M15" s="120">
        <v>2728</v>
      </c>
      <c r="N15" s="121">
        <v>0</v>
      </c>
      <c r="O15" s="117">
        <v>1</v>
      </c>
      <c r="P15" s="118">
        <v>1</v>
      </c>
      <c r="Q15" s="119">
        <v>0</v>
      </c>
      <c r="R15" s="117">
        <v>14</v>
      </c>
      <c r="S15" s="117">
        <v>15</v>
      </c>
      <c r="T15" s="117">
        <v>11</v>
      </c>
      <c r="U15" s="117">
        <v>2</v>
      </c>
      <c r="V15" s="117">
        <v>11</v>
      </c>
      <c r="W15" s="118">
        <v>53</v>
      </c>
      <c r="X15" s="120">
        <v>54</v>
      </c>
      <c r="Y15" s="116">
        <v>138</v>
      </c>
      <c r="Z15" s="117">
        <v>215</v>
      </c>
      <c r="AA15" s="118">
        <v>353</v>
      </c>
      <c r="AB15" s="119">
        <v>0</v>
      </c>
      <c r="AC15" s="117">
        <v>735</v>
      </c>
      <c r="AD15" s="117">
        <v>738</v>
      </c>
      <c r="AE15" s="117">
        <v>394</v>
      </c>
      <c r="AF15" s="117">
        <v>325</v>
      </c>
      <c r="AG15" s="117">
        <v>237</v>
      </c>
      <c r="AH15" s="118">
        <v>2429</v>
      </c>
      <c r="AI15" s="120">
        <v>2782</v>
      </c>
    </row>
    <row r="16" spans="2:35" ht="21" customHeight="1" x14ac:dyDescent="0.2">
      <c r="B16" s="92" t="s">
        <v>15</v>
      </c>
      <c r="C16" s="116">
        <v>96</v>
      </c>
      <c r="D16" s="117">
        <v>215</v>
      </c>
      <c r="E16" s="118">
        <v>311</v>
      </c>
      <c r="F16" s="119">
        <v>0</v>
      </c>
      <c r="G16" s="117">
        <v>567</v>
      </c>
      <c r="H16" s="117">
        <v>563</v>
      </c>
      <c r="I16" s="117">
        <v>266</v>
      </c>
      <c r="J16" s="117">
        <v>230</v>
      </c>
      <c r="K16" s="117">
        <v>120</v>
      </c>
      <c r="L16" s="118">
        <v>1746</v>
      </c>
      <c r="M16" s="120">
        <v>2057</v>
      </c>
      <c r="N16" s="121">
        <v>0</v>
      </c>
      <c r="O16" s="117">
        <v>5</v>
      </c>
      <c r="P16" s="118">
        <v>5</v>
      </c>
      <c r="Q16" s="119">
        <v>0</v>
      </c>
      <c r="R16" s="117">
        <v>7</v>
      </c>
      <c r="S16" s="117">
        <v>10</v>
      </c>
      <c r="T16" s="117">
        <v>10</v>
      </c>
      <c r="U16" s="117">
        <v>6</v>
      </c>
      <c r="V16" s="117">
        <v>7</v>
      </c>
      <c r="W16" s="118">
        <v>40</v>
      </c>
      <c r="X16" s="120">
        <v>45</v>
      </c>
      <c r="Y16" s="116">
        <v>96</v>
      </c>
      <c r="Z16" s="117">
        <v>220</v>
      </c>
      <c r="AA16" s="118">
        <v>316</v>
      </c>
      <c r="AB16" s="119">
        <v>0</v>
      </c>
      <c r="AC16" s="117">
        <v>574</v>
      </c>
      <c r="AD16" s="117">
        <v>573</v>
      </c>
      <c r="AE16" s="117">
        <v>276</v>
      </c>
      <c r="AF16" s="117">
        <v>236</v>
      </c>
      <c r="AG16" s="117">
        <v>127</v>
      </c>
      <c r="AH16" s="118">
        <v>1786</v>
      </c>
      <c r="AI16" s="120">
        <v>2102</v>
      </c>
    </row>
    <row r="17" spans="2:35" ht="21" customHeight="1" x14ac:dyDescent="0.2">
      <c r="B17" s="92" t="s">
        <v>16</v>
      </c>
      <c r="C17" s="116">
        <v>279</v>
      </c>
      <c r="D17" s="117">
        <v>524</v>
      </c>
      <c r="E17" s="118">
        <v>803</v>
      </c>
      <c r="F17" s="119">
        <v>0</v>
      </c>
      <c r="G17" s="117">
        <v>1043</v>
      </c>
      <c r="H17" s="117">
        <v>1327</v>
      </c>
      <c r="I17" s="117">
        <v>707</v>
      </c>
      <c r="J17" s="117">
        <v>567</v>
      </c>
      <c r="K17" s="117">
        <v>329</v>
      </c>
      <c r="L17" s="118">
        <v>3973</v>
      </c>
      <c r="M17" s="120">
        <v>4776</v>
      </c>
      <c r="N17" s="121">
        <v>4</v>
      </c>
      <c r="O17" s="117">
        <v>21</v>
      </c>
      <c r="P17" s="118">
        <v>25</v>
      </c>
      <c r="Q17" s="119">
        <v>0</v>
      </c>
      <c r="R17" s="117">
        <v>12</v>
      </c>
      <c r="S17" s="117">
        <v>34</v>
      </c>
      <c r="T17" s="117">
        <v>26</v>
      </c>
      <c r="U17" s="117">
        <v>19</v>
      </c>
      <c r="V17" s="117">
        <v>16</v>
      </c>
      <c r="W17" s="118">
        <v>107</v>
      </c>
      <c r="X17" s="120">
        <v>132</v>
      </c>
      <c r="Y17" s="116">
        <v>283</v>
      </c>
      <c r="Z17" s="117">
        <v>545</v>
      </c>
      <c r="AA17" s="118">
        <v>828</v>
      </c>
      <c r="AB17" s="119">
        <v>0</v>
      </c>
      <c r="AC17" s="117">
        <v>1055</v>
      </c>
      <c r="AD17" s="117">
        <v>1361</v>
      </c>
      <c r="AE17" s="117">
        <v>733</v>
      </c>
      <c r="AF17" s="117">
        <v>586</v>
      </c>
      <c r="AG17" s="117">
        <v>345</v>
      </c>
      <c r="AH17" s="118">
        <v>4080</v>
      </c>
      <c r="AI17" s="120">
        <v>4908</v>
      </c>
    </row>
    <row r="18" spans="2:35" ht="21" customHeight="1" x14ac:dyDescent="0.2">
      <c r="B18" s="92" t="s">
        <v>17</v>
      </c>
      <c r="C18" s="116">
        <v>359</v>
      </c>
      <c r="D18" s="117">
        <v>688</v>
      </c>
      <c r="E18" s="118">
        <v>1047</v>
      </c>
      <c r="F18" s="119">
        <v>0</v>
      </c>
      <c r="G18" s="117">
        <v>1107</v>
      </c>
      <c r="H18" s="117">
        <v>1860</v>
      </c>
      <c r="I18" s="117">
        <v>1090</v>
      </c>
      <c r="J18" s="117">
        <v>814</v>
      </c>
      <c r="K18" s="117">
        <v>408</v>
      </c>
      <c r="L18" s="118">
        <v>5279</v>
      </c>
      <c r="M18" s="120">
        <v>6326</v>
      </c>
      <c r="N18" s="121">
        <v>3</v>
      </c>
      <c r="O18" s="117">
        <v>22</v>
      </c>
      <c r="P18" s="118">
        <v>25</v>
      </c>
      <c r="Q18" s="119">
        <v>0</v>
      </c>
      <c r="R18" s="117">
        <v>28</v>
      </c>
      <c r="S18" s="117">
        <v>54</v>
      </c>
      <c r="T18" s="117">
        <v>37</v>
      </c>
      <c r="U18" s="117">
        <v>27</v>
      </c>
      <c r="V18" s="117">
        <v>23</v>
      </c>
      <c r="W18" s="118">
        <v>169</v>
      </c>
      <c r="X18" s="120">
        <v>194</v>
      </c>
      <c r="Y18" s="116">
        <v>362</v>
      </c>
      <c r="Z18" s="117">
        <v>710</v>
      </c>
      <c r="AA18" s="118">
        <v>1072</v>
      </c>
      <c r="AB18" s="119">
        <v>0</v>
      </c>
      <c r="AC18" s="117">
        <v>1135</v>
      </c>
      <c r="AD18" s="117">
        <v>1914</v>
      </c>
      <c r="AE18" s="117">
        <v>1127</v>
      </c>
      <c r="AF18" s="117">
        <v>841</v>
      </c>
      <c r="AG18" s="117">
        <v>431</v>
      </c>
      <c r="AH18" s="118">
        <v>5448</v>
      </c>
      <c r="AI18" s="120">
        <v>6520</v>
      </c>
    </row>
    <row r="19" spans="2:35" ht="21" customHeight="1" x14ac:dyDescent="0.2">
      <c r="B19" s="92" t="s">
        <v>18</v>
      </c>
      <c r="C19" s="116">
        <v>381</v>
      </c>
      <c r="D19" s="117">
        <v>778</v>
      </c>
      <c r="E19" s="118">
        <v>1159</v>
      </c>
      <c r="F19" s="119">
        <v>0</v>
      </c>
      <c r="G19" s="117">
        <v>1932</v>
      </c>
      <c r="H19" s="117">
        <v>1798</v>
      </c>
      <c r="I19" s="117">
        <v>1162</v>
      </c>
      <c r="J19" s="117">
        <v>795</v>
      </c>
      <c r="K19" s="117">
        <v>491</v>
      </c>
      <c r="L19" s="118">
        <v>6178</v>
      </c>
      <c r="M19" s="120">
        <v>7337</v>
      </c>
      <c r="N19" s="121">
        <v>16</v>
      </c>
      <c r="O19" s="117">
        <v>20</v>
      </c>
      <c r="P19" s="118">
        <v>36</v>
      </c>
      <c r="Q19" s="119">
        <v>0</v>
      </c>
      <c r="R19" s="117">
        <v>44</v>
      </c>
      <c r="S19" s="117">
        <v>61</v>
      </c>
      <c r="T19" s="117">
        <v>28</v>
      </c>
      <c r="U19" s="117">
        <v>34</v>
      </c>
      <c r="V19" s="117">
        <v>23</v>
      </c>
      <c r="W19" s="118">
        <v>190</v>
      </c>
      <c r="X19" s="120">
        <v>226</v>
      </c>
      <c r="Y19" s="116">
        <v>397</v>
      </c>
      <c r="Z19" s="117">
        <v>798</v>
      </c>
      <c r="AA19" s="118">
        <v>1195</v>
      </c>
      <c r="AB19" s="119">
        <v>0</v>
      </c>
      <c r="AC19" s="117">
        <v>1976</v>
      </c>
      <c r="AD19" s="117">
        <v>1859</v>
      </c>
      <c r="AE19" s="117">
        <v>1190</v>
      </c>
      <c r="AF19" s="117">
        <v>829</v>
      </c>
      <c r="AG19" s="117">
        <v>514</v>
      </c>
      <c r="AH19" s="118">
        <v>6368</v>
      </c>
      <c r="AI19" s="120">
        <v>7563</v>
      </c>
    </row>
    <row r="20" spans="2:35" ht="21" customHeight="1" x14ac:dyDescent="0.2">
      <c r="B20" s="92" t="s">
        <v>19</v>
      </c>
      <c r="C20" s="116">
        <v>276</v>
      </c>
      <c r="D20" s="117">
        <v>348</v>
      </c>
      <c r="E20" s="118">
        <v>624</v>
      </c>
      <c r="F20" s="119">
        <v>0</v>
      </c>
      <c r="G20" s="117">
        <v>952</v>
      </c>
      <c r="H20" s="117">
        <v>689</v>
      </c>
      <c r="I20" s="117">
        <v>472</v>
      </c>
      <c r="J20" s="117">
        <v>309</v>
      </c>
      <c r="K20" s="117">
        <v>226</v>
      </c>
      <c r="L20" s="118">
        <v>2648</v>
      </c>
      <c r="M20" s="120">
        <v>3272</v>
      </c>
      <c r="N20" s="121">
        <v>8</v>
      </c>
      <c r="O20" s="117">
        <v>16</v>
      </c>
      <c r="P20" s="118">
        <v>24</v>
      </c>
      <c r="Q20" s="119">
        <v>0</v>
      </c>
      <c r="R20" s="117">
        <v>19</v>
      </c>
      <c r="S20" s="117">
        <v>17</v>
      </c>
      <c r="T20" s="117">
        <v>14</v>
      </c>
      <c r="U20" s="117">
        <v>9</v>
      </c>
      <c r="V20" s="117">
        <v>6</v>
      </c>
      <c r="W20" s="118">
        <v>65</v>
      </c>
      <c r="X20" s="120">
        <v>89</v>
      </c>
      <c r="Y20" s="116">
        <v>284</v>
      </c>
      <c r="Z20" s="117">
        <v>364</v>
      </c>
      <c r="AA20" s="118">
        <v>648</v>
      </c>
      <c r="AB20" s="119">
        <v>0</v>
      </c>
      <c r="AC20" s="117">
        <v>971</v>
      </c>
      <c r="AD20" s="117">
        <v>706</v>
      </c>
      <c r="AE20" s="117">
        <v>486</v>
      </c>
      <c r="AF20" s="117">
        <v>318</v>
      </c>
      <c r="AG20" s="117">
        <v>232</v>
      </c>
      <c r="AH20" s="118">
        <v>2713</v>
      </c>
      <c r="AI20" s="120">
        <v>3361</v>
      </c>
    </row>
    <row r="21" spans="2:35" ht="21" customHeight="1" x14ac:dyDescent="0.2">
      <c r="B21" s="92" t="s">
        <v>20</v>
      </c>
      <c r="C21" s="116">
        <v>261</v>
      </c>
      <c r="D21" s="117">
        <v>441</v>
      </c>
      <c r="E21" s="118">
        <v>702</v>
      </c>
      <c r="F21" s="119">
        <v>0</v>
      </c>
      <c r="G21" s="117">
        <v>1286</v>
      </c>
      <c r="H21" s="117">
        <v>823</v>
      </c>
      <c r="I21" s="117">
        <v>575</v>
      </c>
      <c r="J21" s="117">
        <v>364</v>
      </c>
      <c r="K21" s="117">
        <v>208</v>
      </c>
      <c r="L21" s="118">
        <v>3256</v>
      </c>
      <c r="M21" s="120">
        <v>3958</v>
      </c>
      <c r="N21" s="121">
        <v>5</v>
      </c>
      <c r="O21" s="117">
        <v>16</v>
      </c>
      <c r="P21" s="118">
        <v>21</v>
      </c>
      <c r="Q21" s="119">
        <v>0</v>
      </c>
      <c r="R21" s="117">
        <v>30</v>
      </c>
      <c r="S21" s="117">
        <v>17</v>
      </c>
      <c r="T21" s="117">
        <v>16</v>
      </c>
      <c r="U21" s="117">
        <v>14</v>
      </c>
      <c r="V21" s="117">
        <v>9</v>
      </c>
      <c r="W21" s="118">
        <v>86</v>
      </c>
      <c r="X21" s="120">
        <v>107</v>
      </c>
      <c r="Y21" s="116">
        <v>266</v>
      </c>
      <c r="Z21" s="117">
        <v>457</v>
      </c>
      <c r="AA21" s="118">
        <v>723</v>
      </c>
      <c r="AB21" s="119">
        <v>0</v>
      </c>
      <c r="AC21" s="117">
        <v>1316</v>
      </c>
      <c r="AD21" s="117">
        <v>840</v>
      </c>
      <c r="AE21" s="117">
        <v>591</v>
      </c>
      <c r="AF21" s="117">
        <v>378</v>
      </c>
      <c r="AG21" s="117">
        <v>217</v>
      </c>
      <c r="AH21" s="118">
        <v>3342</v>
      </c>
      <c r="AI21" s="120">
        <v>4065</v>
      </c>
    </row>
    <row r="22" spans="2:35" ht="21" customHeight="1" x14ac:dyDescent="0.2">
      <c r="B22" s="92" t="s">
        <v>21</v>
      </c>
      <c r="C22" s="116">
        <v>307</v>
      </c>
      <c r="D22" s="117">
        <v>432</v>
      </c>
      <c r="E22" s="118">
        <v>739</v>
      </c>
      <c r="F22" s="119">
        <v>0</v>
      </c>
      <c r="G22" s="117">
        <v>1102</v>
      </c>
      <c r="H22" s="117">
        <v>1081</v>
      </c>
      <c r="I22" s="117">
        <v>659</v>
      </c>
      <c r="J22" s="117">
        <v>433</v>
      </c>
      <c r="K22" s="117">
        <v>271</v>
      </c>
      <c r="L22" s="118">
        <v>3546</v>
      </c>
      <c r="M22" s="120">
        <v>4285</v>
      </c>
      <c r="N22" s="121">
        <v>6</v>
      </c>
      <c r="O22" s="117">
        <v>11</v>
      </c>
      <c r="P22" s="118">
        <v>17</v>
      </c>
      <c r="Q22" s="119">
        <v>0</v>
      </c>
      <c r="R22" s="117">
        <v>8</v>
      </c>
      <c r="S22" s="117">
        <v>35</v>
      </c>
      <c r="T22" s="117">
        <v>27</v>
      </c>
      <c r="U22" s="117">
        <v>13</v>
      </c>
      <c r="V22" s="117">
        <v>16</v>
      </c>
      <c r="W22" s="118">
        <v>99</v>
      </c>
      <c r="X22" s="120">
        <v>116</v>
      </c>
      <c r="Y22" s="116">
        <v>313</v>
      </c>
      <c r="Z22" s="117">
        <v>443</v>
      </c>
      <c r="AA22" s="118">
        <v>756</v>
      </c>
      <c r="AB22" s="119">
        <v>0</v>
      </c>
      <c r="AC22" s="117">
        <v>1110</v>
      </c>
      <c r="AD22" s="117">
        <v>1116</v>
      </c>
      <c r="AE22" s="117">
        <v>686</v>
      </c>
      <c r="AF22" s="117">
        <v>446</v>
      </c>
      <c r="AG22" s="117">
        <v>287</v>
      </c>
      <c r="AH22" s="118">
        <v>3645</v>
      </c>
      <c r="AI22" s="120">
        <v>4401</v>
      </c>
    </row>
    <row r="23" spans="2:35" ht="21" customHeight="1" x14ac:dyDescent="0.2">
      <c r="B23" s="92" t="s">
        <v>22</v>
      </c>
      <c r="C23" s="116">
        <v>76</v>
      </c>
      <c r="D23" s="117">
        <v>190</v>
      </c>
      <c r="E23" s="118">
        <v>266</v>
      </c>
      <c r="F23" s="119">
        <v>0</v>
      </c>
      <c r="G23" s="117">
        <v>418</v>
      </c>
      <c r="H23" s="117">
        <v>403</v>
      </c>
      <c r="I23" s="117">
        <v>222</v>
      </c>
      <c r="J23" s="117">
        <v>164</v>
      </c>
      <c r="K23" s="117">
        <v>81</v>
      </c>
      <c r="L23" s="118">
        <v>1288</v>
      </c>
      <c r="M23" s="120">
        <v>1554</v>
      </c>
      <c r="N23" s="121">
        <v>2</v>
      </c>
      <c r="O23" s="117">
        <v>6</v>
      </c>
      <c r="P23" s="118">
        <v>8</v>
      </c>
      <c r="Q23" s="119">
        <v>0</v>
      </c>
      <c r="R23" s="117">
        <v>7</v>
      </c>
      <c r="S23" s="117">
        <v>10</v>
      </c>
      <c r="T23" s="117">
        <v>3</v>
      </c>
      <c r="U23" s="117">
        <v>1</v>
      </c>
      <c r="V23" s="117">
        <v>4</v>
      </c>
      <c r="W23" s="118">
        <v>25</v>
      </c>
      <c r="X23" s="120">
        <v>33</v>
      </c>
      <c r="Y23" s="116">
        <v>78</v>
      </c>
      <c r="Z23" s="117">
        <v>196</v>
      </c>
      <c r="AA23" s="118">
        <v>274</v>
      </c>
      <c r="AB23" s="119">
        <v>0</v>
      </c>
      <c r="AC23" s="117">
        <v>425</v>
      </c>
      <c r="AD23" s="117">
        <v>413</v>
      </c>
      <c r="AE23" s="117">
        <v>225</v>
      </c>
      <c r="AF23" s="117">
        <v>165</v>
      </c>
      <c r="AG23" s="117">
        <v>85</v>
      </c>
      <c r="AH23" s="118">
        <v>1313</v>
      </c>
      <c r="AI23" s="120">
        <v>1587</v>
      </c>
    </row>
    <row r="24" spans="2:35" ht="21" customHeight="1" x14ac:dyDescent="0.2">
      <c r="B24" s="92" t="s">
        <v>23</v>
      </c>
      <c r="C24" s="116">
        <v>170</v>
      </c>
      <c r="D24" s="117">
        <v>313</v>
      </c>
      <c r="E24" s="118">
        <v>483</v>
      </c>
      <c r="F24" s="119">
        <v>0</v>
      </c>
      <c r="G24" s="117">
        <v>634</v>
      </c>
      <c r="H24" s="117">
        <v>605</v>
      </c>
      <c r="I24" s="117">
        <v>351</v>
      </c>
      <c r="J24" s="117">
        <v>293</v>
      </c>
      <c r="K24" s="117">
        <v>154</v>
      </c>
      <c r="L24" s="118">
        <v>2037</v>
      </c>
      <c r="M24" s="120">
        <v>2520</v>
      </c>
      <c r="N24" s="121">
        <v>6</v>
      </c>
      <c r="O24" s="117">
        <v>14</v>
      </c>
      <c r="P24" s="118">
        <v>20</v>
      </c>
      <c r="Q24" s="119">
        <v>0</v>
      </c>
      <c r="R24" s="117">
        <v>7</v>
      </c>
      <c r="S24" s="117">
        <v>22</v>
      </c>
      <c r="T24" s="117">
        <v>9</v>
      </c>
      <c r="U24" s="117">
        <v>8</v>
      </c>
      <c r="V24" s="117">
        <v>4</v>
      </c>
      <c r="W24" s="118">
        <v>50</v>
      </c>
      <c r="X24" s="120">
        <v>70</v>
      </c>
      <c r="Y24" s="116">
        <v>176</v>
      </c>
      <c r="Z24" s="117">
        <v>327</v>
      </c>
      <c r="AA24" s="118">
        <v>503</v>
      </c>
      <c r="AB24" s="119">
        <v>0</v>
      </c>
      <c r="AC24" s="117">
        <v>641</v>
      </c>
      <c r="AD24" s="117">
        <v>627</v>
      </c>
      <c r="AE24" s="117">
        <v>360</v>
      </c>
      <c r="AF24" s="117">
        <v>301</v>
      </c>
      <c r="AG24" s="117">
        <v>158</v>
      </c>
      <c r="AH24" s="118">
        <v>2087</v>
      </c>
      <c r="AI24" s="120">
        <v>2590</v>
      </c>
    </row>
    <row r="25" spans="2:35" ht="21" customHeight="1" x14ac:dyDescent="0.2">
      <c r="B25" s="92" t="s">
        <v>24</v>
      </c>
      <c r="C25" s="116">
        <v>121</v>
      </c>
      <c r="D25" s="117">
        <v>133</v>
      </c>
      <c r="E25" s="118">
        <v>254</v>
      </c>
      <c r="F25" s="119">
        <v>0</v>
      </c>
      <c r="G25" s="117">
        <v>342</v>
      </c>
      <c r="H25" s="117">
        <v>262</v>
      </c>
      <c r="I25" s="117">
        <v>167</v>
      </c>
      <c r="J25" s="117">
        <v>151</v>
      </c>
      <c r="K25" s="117">
        <v>91</v>
      </c>
      <c r="L25" s="118">
        <v>1013</v>
      </c>
      <c r="M25" s="120">
        <v>1267</v>
      </c>
      <c r="N25" s="121">
        <v>1</v>
      </c>
      <c r="O25" s="117">
        <v>1</v>
      </c>
      <c r="P25" s="118">
        <v>2</v>
      </c>
      <c r="Q25" s="119">
        <v>0</v>
      </c>
      <c r="R25" s="117">
        <v>5</v>
      </c>
      <c r="S25" s="117">
        <v>8</v>
      </c>
      <c r="T25" s="117">
        <v>3</v>
      </c>
      <c r="U25" s="117">
        <v>4</v>
      </c>
      <c r="V25" s="117">
        <v>4</v>
      </c>
      <c r="W25" s="118">
        <v>24</v>
      </c>
      <c r="X25" s="120">
        <v>26</v>
      </c>
      <c r="Y25" s="116">
        <v>122</v>
      </c>
      <c r="Z25" s="117">
        <v>134</v>
      </c>
      <c r="AA25" s="118">
        <v>256</v>
      </c>
      <c r="AB25" s="119">
        <v>0</v>
      </c>
      <c r="AC25" s="117">
        <v>347</v>
      </c>
      <c r="AD25" s="117">
        <v>270</v>
      </c>
      <c r="AE25" s="117">
        <v>170</v>
      </c>
      <c r="AF25" s="117">
        <v>155</v>
      </c>
      <c r="AG25" s="117">
        <v>95</v>
      </c>
      <c r="AH25" s="118">
        <v>1037</v>
      </c>
      <c r="AI25" s="120">
        <v>1293</v>
      </c>
    </row>
    <row r="26" spans="2:35" ht="21" customHeight="1" x14ac:dyDescent="0.2">
      <c r="B26" s="92" t="s">
        <v>25</v>
      </c>
      <c r="C26" s="116">
        <v>122</v>
      </c>
      <c r="D26" s="117">
        <v>214</v>
      </c>
      <c r="E26" s="118">
        <v>336</v>
      </c>
      <c r="F26" s="119">
        <v>0</v>
      </c>
      <c r="G26" s="117">
        <v>401</v>
      </c>
      <c r="H26" s="117">
        <v>341</v>
      </c>
      <c r="I26" s="117">
        <v>173</v>
      </c>
      <c r="J26" s="117">
        <v>138</v>
      </c>
      <c r="K26" s="117">
        <v>78</v>
      </c>
      <c r="L26" s="118">
        <v>1131</v>
      </c>
      <c r="M26" s="120">
        <v>1467</v>
      </c>
      <c r="N26" s="121">
        <v>0</v>
      </c>
      <c r="O26" s="117">
        <v>5</v>
      </c>
      <c r="P26" s="118">
        <v>5</v>
      </c>
      <c r="Q26" s="119">
        <v>0</v>
      </c>
      <c r="R26" s="117">
        <v>4</v>
      </c>
      <c r="S26" s="117">
        <v>12</v>
      </c>
      <c r="T26" s="117">
        <v>1</v>
      </c>
      <c r="U26" s="117">
        <v>5</v>
      </c>
      <c r="V26" s="117">
        <v>2</v>
      </c>
      <c r="W26" s="118">
        <v>24</v>
      </c>
      <c r="X26" s="120">
        <v>29</v>
      </c>
      <c r="Y26" s="116">
        <v>122</v>
      </c>
      <c r="Z26" s="117">
        <v>219</v>
      </c>
      <c r="AA26" s="118">
        <v>341</v>
      </c>
      <c r="AB26" s="119">
        <v>0</v>
      </c>
      <c r="AC26" s="117">
        <v>405</v>
      </c>
      <c r="AD26" s="117">
        <v>353</v>
      </c>
      <c r="AE26" s="117">
        <v>174</v>
      </c>
      <c r="AF26" s="117">
        <v>143</v>
      </c>
      <c r="AG26" s="117">
        <v>80</v>
      </c>
      <c r="AH26" s="118">
        <v>1155</v>
      </c>
      <c r="AI26" s="120">
        <v>1496</v>
      </c>
    </row>
    <row r="27" spans="2:35" ht="21" customHeight="1" x14ac:dyDescent="0.2">
      <c r="B27" s="92" t="s">
        <v>26</v>
      </c>
      <c r="C27" s="116">
        <v>93</v>
      </c>
      <c r="D27" s="117">
        <v>139</v>
      </c>
      <c r="E27" s="118">
        <v>232</v>
      </c>
      <c r="F27" s="119">
        <v>0</v>
      </c>
      <c r="G27" s="117">
        <v>291</v>
      </c>
      <c r="H27" s="117">
        <v>339</v>
      </c>
      <c r="I27" s="117">
        <v>190</v>
      </c>
      <c r="J27" s="117">
        <v>122</v>
      </c>
      <c r="K27" s="117">
        <v>97</v>
      </c>
      <c r="L27" s="118">
        <v>1039</v>
      </c>
      <c r="M27" s="120">
        <v>1271</v>
      </c>
      <c r="N27" s="121">
        <v>1</v>
      </c>
      <c r="O27" s="117">
        <v>1</v>
      </c>
      <c r="P27" s="118">
        <v>2</v>
      </c>
      <c r="Q27" s="119">
        <v>0</v>
      </c>
      <c r="R27" s="117">
        <v>7</v>
      </c>
      <c r="S27" s="117">
        <v>4</v>
      </c>
      <c r="T27" s="117">
        <v>4</v>
      </c>
      <c r="U27" s="117">
        <v>1</v>
      </c>
      <c r="V27" s="117">
        <v>3</v>
      </c>
      <c r="W27" s="118">
        <v>19</v>
      </c>
      <c r="X27" s="120">
        <v>21</v>
      </c>
      <c r="Y27" s="116">
        <v>94</v>
      </c>
      <c r="Z27" s="117">
        <v>140</v>
      </c>
      <c r="AA27" s="118">
        <v>234</v>
      </c>
      <c r="AB27" s="119">
        <v>0</v>
      </c>
      <c r="AC27" s="117">
        <v>298</v>
      </c>
      <c r="AD27" s="117">
        <v>343</v>
      </c>
      <c r="AE27" s="117">
        <v>194</v>
      </c>
      <c r="AF27" s="117">
        <v>123</v>
      </c>
      <c r="AG27" s="117">
        <v>100</v>
      </c>
      <c r="AH27" s="118">
        <v>1058</v>
      </c>
      <c r="AI27" s="120">
        <v>1292</v>
      </c>
    </row>
    <row r="28" spans="2:35" ht="21" customHeight="1" x14ac:dyDescent="0.2">
      <c r="B28" s="92" t="s">
        <v>27</v>
      </c>
      <c r="C28" s="116">
        <v>148</v>
      </c>
      <c r="D28" s="117">
        <v>210</v>
      </c>
      <c r="E28" s="118">
        <v>358</v>
      </c>
      <c r="F28" s="119">
        <v>0</v>
      </c>
      <c r="G28" s="117">
        <v>290</v>
      </c>
      <c r="H28" s="117">
        <v>194</v>
      </c>
      <c r="I28" s="117">
        <v>136</v>
      </c>
      <c r="J28" s="117">
        <v>121</v>
      </c>
      <c r="K28" s="117">
        <v>66</v>
      </c>
      <c r="L28" s="118">
        <v>807</v>
      </c>
      <c r="M28" s="120">
        <v>1165</v>
      </c>
      <c r="N28" s="121">
        <v>7</v>
      </c>
      <c r="O28" s="117">
        <v>4</v>
      </c>
      <c r="P28" s="118">
        <v>11</v>
      </c>
      <c r="Q28" s="119">
        <v>0</v>
      </c>
      <c r="R28" s="117">
        <v>3</v>
      </c>
      <c r="S28" s="117">
        <v>7</v>
      </c>
      <c r="T28" s="117">
        <v>3</v>
      </c>
      <c r="U28" s="117">
        <v>2</v>
      </c>
      <c r="V28" s="117">
        <v>2</v>
      </c>
      <c r="W28" s="118">
        <v>17</v>
      </c>
      <c r="X28" s="120">
        <v>28</v>
      </c>
      <c r="Y28" s="116">
        <v>155</v>
      </c>
      <c r="Z28" s="117">
        <v>214</v>
      </c>
      <c r="AA28" s="118">
        <v>369</v>
      </c>
      <c r="AB28" s="119">
        <v>0</v>
      </c>
      <c r="AC28" s="117">
        <v>293</v>
      </c>
      <c r="AD28" s="117">
        <v>201</v>
      </c>
      <c r="AE28" s="117">
        <v>139</v>
      </c>
      <c r="AF28" s="117">
        <v>123</v>
      </c>
      <c r="AG28" s="117">
        <v>68</v>
      </c>
      <c r="AH28" s="118">
        <v>824</v>
      </c>
      <c r="AI28" s="120">
        <v>1193</v>
      </c>
    </row>
    <row r="29" spans="2:35" ht="21" customHeight="1" x14ac:dyDescent="0.2">
      <c r="B29" s="92" t="s">
        <v>28</v>
      </c>
      <c r="C29" s="116">
        <v>11</v>
      </c>
      <c r="D29" s="117">
        <v>29</v>
      </c>
      <c r="E29" s="118">
        <v>40</v>
      </c>
      <c r="F29" s="119">
        <v>0</v>
      </c>
      <c r="G29" s="117">
        <v>101</v>
      </c>
      <c r="H29" s="117">
        <v>101</v>
      </c>
      <c r="I29" s="117">
        <v>54</v>
      </c>
      <c r="J29" s="117">
        <v>32</v>
      </c>
      <c r="K29" s="117">
        <v>21</v>
      </c>
      <c r="L29" s="118">
        <v>309</v>
      </c>
      <c r="M29" s="120">
        <v>349</v>
      </c>
      <c r="N29" s="121">
        <v>0</v>
      </c>
      <c r="O29" s="117">
        <v>0</v>
      </c>
      <c r="P29" s="118">
        <v>0</v>
      </c>
      <c r="Q29" s="119">
        <v>0</v>
      </c>
      <c r="R29" s="117">
        <v>0</v>
      </c>
      <c r="S29" s="117">
        <v>1</v>
      </c>
      <c r="T29" s="117">
        <v>1</v>
      </c>
      <c r="U29" s="117">
        <v>0</v>
      </c>
      <c r="V29" s="117">
        <v>2</v>
      </c>
      <c r="W29" s="118">
        <v>4</v>
      </c>
      <c r="X29" s="120">
        <v>4</v>
      </c>
      <c r="Y29" s="116">
        <v>11</v>
      </c>
      <c r="Z29" s="117">
        <v>29</v>
      </c>
      <c r="AA29" s="118">
        <v>40</v>
      </c>
      <c r="AB29" s="119">
        <v>0</v>
      </c>
      <c r="AC29" s="117">
        <v>101</v>
      </c>
      <c r="AD29" s="117">
        <v>102</v>
      </c>
      <c r="AE29" s="117">
        <v>55</v>
      </c>
      <c r="AF29" s="117">
        <v>32</v>
      </c>
      <c r="AG29" s="117">
        <v>23</v>
      </c>
      <c r="AH29" s="118">
        <v>313</v>
      </c>
      <c r="AI29" s="120">
        <v>353</v>
      </c>
    </row>
    <row r="30" spans="2:35" ht="21" customHeight="1" x14ac:dyDescent="0.2">
      <c r="B30" s="92" t="s">
        <v>29</v>
      </c>
      <c r="C30" s="116">
        <v>40</v>
      </c>
      <c r="D30" s="117">
        <v>41</v>
      </c>
      <c r="E30" s="118">
        <v>81</v>
      </c>
      <c r="F30" s="119">
        <v>0</v>
      </c>
      <c r="G30" s="117">
        <v>105</v>
      </c>
      <c r="H30" s="117">
        <v>123</v>
      </c>
      <c r="I30" s="117">
        <v>78</v>
      </c>
      <c r="J30" s="117">
        <v>60</v>
      </c>
      <c r="K30" s="117">
        <v>31</v>
      </c>
      <c r="L30" s="118">
        <v>397</v>
      </c>
      <c r="M30" s="120">
        <v>478</v>
      </c>
      <c r="N30" s="121">
        <v>0</v>
      </c>
      <c r="O30" s="117">
        <v>2</v>
      </c>
      <c r="P30" s="118">
        <v>2</v>
      </c>
      <c r="Q30" s="119">
        <v>0</v>
      </c>
      <c r="R30" s="117">
        <v>2</v>
      </c>
      <c r="S30" s="117">
        <v>2</v>
      </c>
      <c r="T30" s="117">
        <v>3</v>
      </c>
      <c r="U30" s="117">
        <v>1</v>
      </c>
      <c r="V30" s="117">
        <v>2</v>
      </c>
      <c r="W30" s="118">
        <v>10</v>
      </c>
      <c r="X30" s="120">
        <v>12</v>
      </c>
      <c r="Y30" s="116">
        <v>40</v>
      </c>
      <c r="Z30" s="117">
        <v>43</v>
      </c>
      <c r="AA30" s="118">
        <v>83</v>
      </c>
      <c r="AB30" s="119">
        <v>0</v>
      </c>
      <c r="AC30" s="117">
        <v>107</v>
      </c>
      <c r="AD30" s="117">
        <v>125</v>
      </c>
      <c r="AE30" s="117">
        <v>81</v>
      </c>
      <c r="AF30" s="117">
        <v>61</v>
      </c>
      <c r="AG30" s="117">
        <v>33</v>
      </c>
      <c r="AH30" s="118">
        <v>407</v>
      </c>
      <c r="AI30" s="120">
        <v>490</v>
      </c>
    </row>
    <row r="31" spans="2:35" ht="21" customHeight="1" x14ac:dyDescent="0.2">
      <c r="B31" s="92" t="s">
        <v>30</v>
      </c>
      <c r="C31" s="116">
        <v>42</v>
      </c>
      <c r="D31" s="117">
        <v>34</v>
      </c>
      <c r="E31" s="118">
        <v>76</v>
      </c>
      <c r="F31" s="119">
        <v>0</v>
      </c>
      <c r="G31" s="117">
        <v>112</v>
      </c>
      <c r="H31" s="117">
        <v>80</v>
      </c>
      <c r="I31" s="117">
        <v>61</v>
      </c>
      <c r="J31" s="117">
        <v>34</v>
      </c>
      <c r="K31" s="117">
        <v>15</v>
      </c>
      <c r="L31" s="118">
        <v>302</v>
      </c>
      <c r="M31" s="120">
        <v>378</v>
      </c>
      <c r="N31" s="121">
        <v>0</v>
      </c>
      <c r="O31" s="117">
        <v>0</v>
      </c>
      <c r="P31" s="118">
        <v>0</v>
      </c>
      <c r="Q31" s="119">
        <v>0</v>
      </c>
      <c r="R31" s="117">
        <v>2</v>
      </c>
      <c r="S31" s="117">
        <v>3</v>
      </c>
      <c r="T31" s="117">
        <v>3</v>
      </c>
      <c r="U31" s="117">
        <v>0</v>
      </c>
      <c r="V31" s="117">
        <v>1</v>
      </c>
      <c r="W31" s="118">
        <v>9</v>
      </c>
      <c r="X31" s="120">
        <v>9</v>
      </c>
      <c r="Y31" s="116">
        <v>42</v>
      </c>
      <c r="Z31" s="117">
        <v>34</v>
      </c>
      <c r="AA31" s="118">
        <v>76</v>
      </c>
      <c r="AB31" s="119">
        <v>0</v>
      </c>
      <c r="AC31" s="117">
        <v>114</v>
      </c>
      <c r="AD31" s="117">
        <v>83</v>
      </c>
      <c r="AE31" s="117">
        <v>64</v>
      </c>
      <c r="AF31" s="117">
        <v>34</v>
      </c>
      <c r="AG31" s="117">
        <v>16</v>
      </c>
      <c r="AH31" s="118">
        <v>311</v>
      </c>
      <c r="AI31" s="120">
        <v>387</v>
      </c>
    </row>
    <row r="32" spans="2:35" ht="21" customHeight="1" x14ac:dyDescent="0.2">
      <c r="B32" s="92" t="s">
        <v>31</v>
      </c>
      <c r="C32" s="116">
        <v>32</v>
      </c>
      <c r="D32" s="117">
        <v>65</v>
      </c>
      <c r="E32" s="118">
        <v>97</v>
      </c>
      <c r="F32" s="119">
        <v>0</v>
      </c>
      <c r="G32" s="117">
        <v>107</v>
      </c>
      <c r="H32" s="117">
        <v>101</v>
      </c>
      <c r="I32" s="117">
        <v>68</v>
      </c>
      <c r="J32" s="117">
        <v>42</v>
      </c>
      <c r="K32" s="117">
        <v>13</v>
      </c>
      <c r="L32" s="118">
        <v>331</v>
      </c>
      <c r="M32" s="120">
        <v>428</v>
      </c>
      <c r="N32" s="121">
        <v>0</v>
      </c>
      <c r="O32" s="117">
        <v>3</v>
      </c>
      <c r="P32" s="118">
        <v>3</v>
      </c>
      <c r="Q32" s="119">
        <v>0</v>
      </c>
      <c r="R32" s="117">
        <v>2</v>
      </c>
      <c r="S32" s="117">
        <v>0</v>
      </c>
      <c r="T32" s="117">
        <v>0</v>
      </c>
      <c r="U32" s="117">
        <v>2</v>
      </c>
      <c r="V32" s="117">
        <v>2</v>
      </c>
      <c r="W32" s="118">
        <v>6</v>
      </c>
      <c r="X32" s="120">
        <v>9</v>
      </c>
      <c r="Y32" s="116">
        <v>32</v>
      </c>
      <c r="Z32" s="117">
        <v>68</v>
      </c>
      <c r="AA32" s="118">
        <v>100</v>
      </c>
      <c r="AB32" s="119">
        <v>0</v>
      </c>
      <c r="AC32" s="117">
        <v>109</v>
      </c>
      <c r="AD32" s="117">
        <v>101</v>
      </c>
      <c r="AE32" s="117">
        <v>68</v>
      </c>
      <c r="AF32" s="117">
        <v>44</v>
      </c>
      <c r="AG32" s="117">
        <v>15</v>
      </c>
      <c r="AH32" s="118">
        <v>337</v>
      </c>
      <c r="AI32" s="120">
        <v>437</v>
      </c>
    </row>
    <row r="33" spans="2:35" ht="21" customHeight="1" x14ac:dyDescent="0.2">
      <c r="B33" s="92" t="s">
        <v>32</v>
      </c>
      <c r="C33" s="116">
        <v>44</v>
      </c>
      <c r="D33" s="117">
        <v>68</v>
      </c>
      <c r="E33" s="118">
        <v>112</v>
      </c>
      <c r="F33" s="119">
        <v>0</v>
      </c>
      <c r="G33" s="117">
        <v>163</v>
      </c>
      <c r="H33" s="117">
        <v>126</v>
      </c>
      <c r="I33" s="117">
        <v>60</v>
      </c>
      <c r="J33" s="117">
        <v>61</v>
      </c>
      <c r="K33" s="117">
        <v>35</v>
      </c>
      <c r="L33" s="118">
        <v>445</v>
      </c>
      <c r="M33" s="120">
        <v>557</v>
      </c>
      <c r="N33" s="121">
        <v>0</v>
      </c>
      <c r="O33" s="117">
        <v>2</v>
      </c>
      <c r="P33" s="118">
        <v>2</v>
      </c>
      <c r="Q33" s="119">
        <v>0</v>
      </c>
      <c r="R33" s="117">
        <v>5</v>
      </c>
      <c r="S33" s="117">
        <v>4</v>
      </c>
      <c r="T33" s="117">
        <v>2</v>
      </c>
      <c r="U33" s="117">
        <v>0</v>
      </c>
      <c r="V33" s="117">
        <v>2</v>
      </c>
      <c r="W33" s="118">
        <v>13</v>
      </c>
      <c r="X33" s="120">
        <v>15</v>
      </c>
      <c r="Y33" s="116">
        <v>44</v>
      </c>
      <c r="Z33" s="117">
        <v>70</v>
      </c>
      <c r="AA33" s="118">
        <v>114</v>
      </c>
      <c r="AB33" s="119">
        <v>0</v>
      </c>
      <c r="AC33" s="117">
        <v>168</v>
      </c>
      <c r="AD33" s="117">
        <v>130</v>
      </c>
      <c r="AE33" s="117">
        <v>62</v>
      </c>
      <c r="AF33" s="117">
        <v>61</v>
      </c>
      <c r="AG33" s="117">
        <v>37</v>
      </c>
      <c r="AH33" s="118">
        <v>458</v>
      </c>
      <c r="AI33" s="120">
        <v>572</v>
      </c>
    </row>
    <row r="34" spans="2:35" ht="21" customHeight="1" x14ac:dyDescent="0.2">
      <c r="B34" s="92" t="s">
        <v>33</v>
      </c>
      <c r="C34" s="116">
        <v>36</v>
      </c>
      <c r="D34" s="117">
        <v>50</v>
      </c>
      <c r="E34" s="118">
        <v>86</v>
      </c>
      <c r="F34" s="119">
        <v>0</v>
      </c>
      <c r="G34" s="117">
        <v>170</v>
      </c>
      <c r="H34" s="117">
        <v>90</v>
      </c>
      <c r="I34" s="117">
        <v>64</v>
      </c>
      <c r="J34" s="117">
        <v>26</v>
      </c>
      <c r="K34" s="117">
        <v>24</v>
      </c>
      <c r="L34" s="118">
        <v>374</v>
      </c>
      <c r="M34" s="120">
        <v>460</v>
      </c>
      <c r="N34" s="121">
        <v>0</v>
      </c>
      <c r="O34" s="117">
        <v>0</v>
      </c>
      <c r="P34" s="118">
        <v>0</v>
      </c>
      <c r="Q34" s="119">
        <v>0</v>
      </c>
      <c r="R34" s="117">
        <v>1</v>
      </c>
      <c r="S34" s="117">
        <v>1</v>
      </c>
      <c r="T34" s="117">
        <v>0</v>
      </c>
      <c r="U34" s="117">
        <v>0</v>
      </c>
      <c r="V34" s="117">
        <v>1</v>
      </c>
      <c r="W34" s="118">
        <v>3</v>
      </c>
      <c r="X34" s="120">
        <v>3</v>
      </c>
      <c r="Y34" s="116">
        <v>36</v>
      </c>
      <c r="Z34" s="117">
        <v>50</v>
      </c>
      <c r="AA34" s="118">
        <v>86</v>
      </c>
      <c r="AB34" s="119">
        <v>0</v>
      </c>
      <c r="AC34" s="117">
        <v>171</v>
      </c>
      <c r="AD34" s="117">
        <v>91</v>
      </c>
      <c r="AE34" s="117">
        <v>64</v>
      </c>
      <c r="AF34" s="117">
        <v>26</v>
      </c>
      <c r="AG34" s="117">
        <v>25</v>
      </c>
      <c r="AH34" s="118">
        <v>377</v>
      </c>
      <c r="AI34" s="120">
        <v>463</v>
      </c>
    </row>
    <row r="35" spans="2:35" ht="21" customHeight="1" x14ac:dyDescent="0.2">
      <c r="B35" s="92" t="s">
        <v>34</v>
      </c>
      <c r="C35" s="116">
        <v>26</v>
      </c>
      <c r="D35" s="117">
        <v>31</v>
      </c>
      <c r="E35" s="118">
        <v>57</v>
      </c>
      <c r="F35" s="119">
        <v>0</v>
      </c>
      <c r="G35" s="117">
        <v>117</v>
      </c>
      <c r="H35" s="117">
        <v>61</v>
      </c>
      <c r="I35" s="117">
        <v>34</v>
      </c>
      <c r="J35" s="117">
        <v>31</v>
      </c>
      <c r="K35" s="117">
        <v>20</v>
      </c>
      <c r="L35" s="118">
        <v>263</v>
      </c>
      <c r="M35" s="120">
        <v>320</v>
      </c>
      <c r="N35" s="121">
        <v>0</v>
      </c>
      <c r="O35" s="117">
        <v>0</v>
      </c>
      <c r="P35" s="118">
        <v>0</v>
      </c>
      <c r="Q35" s="119">
        <v>0</v>
      </c>
      <c r="R35" s="117">
        <v>2</v>
      </c>
      <c r="S35" s="117">
        <v>1</v>
      </c>
      <c r="T35" s="117">
        <v>1</v>
      </c>
      <c r="U35" s="117">
        <v>1</v>
      </c>
      <c r="V35" s="117">
        <v>2</v>
      </c>
      <c r="W35" s="118">
        <v>7</v>
      </c>
      <c r="X35" s="120">
        <v>7</v>
      </c>
      <c r="Y35" s="116">
        <v>26</v>
      </c>
      <c r="Z35" s="117">
        <v>31</v>
      </c>
      <c r="AA35" s="118">
        <v>57</v>
      </c>
      <c r="AB35" s="119">
        <v>0</v>
      </c>
      <c r="AC35" s="117">
        <v>119</v>
      </c>
      <c r="AD35" s="117">
        <v>62</v>
      </c>
      <c r="AE35" s="117">
        <v>35</v>
      </c>
      <c r="AF35" s="117">
        <v>32</v>
      </c>
      <c r="AG35" s="117">
        <v>22</v>
      </c>
      <c r="AH35" s="118">
        <v>270</v>
      </c>
      <c r="AI35" s="120">
        <v>327</v>
      </c>
    </row>
    <row r="36" spans="2:35" ht="21" customHeight="1" x14ac:dyDescent="0.2">
      <c r="B36" s="92" t="s">
        <v>35</v>
      </c>
      <c r="C36" s="116">
        <v>92</v>
      </c>
      <c r="D36" s="117">
        <v>144</v>
      </c>
      <c r="E36" s="118">
        <v>236</v>
      </c>
      <c r="F36" s="119">
        <v>0</v>
      </c>
      <c r="G36" s="117">
        <v>374</v>
      </c>
      <c r="H36" s="117">
        <v>198</v>
      </c>
      <c r="I36" s="117">
        <v>135</v>
      </c>
      <c r="J36" s="117">
        <v>124</v>
      </c>
      <c r="K36" s="117">
        <v>63</v>
      </c>
      <c r="L36" s="118">
        <v>894</v>
      </c>
      <c r="M36" s="120">
        <v>1130</v>
      </c>
      <c r="N36" s="121">
        <v>0</v>
      </c>
      <c r="O36" s="117">
        <v>1</v>
      </c>
      <c r="P36" s="118">
        <v>1</v>
      </c>
      <c r="Q36" s="119">
        <v>0</v>
      </c>
      <c r="R36" s="117">
        <v>5</v>
      </c>
      <c r="S36" s="117">
        <v>4</v>
      </c>
      <c r="T36" s="117">
        <v>1</v>
      </c>
      <c r="U36" s="117">
        <v>3</v>
      </c>
      <c r="V36" s="117">
        <v>2</v>
      </c>
      <c r="W36" s="118">
        <v>15</v>
      </c>
      <c r="X36" s="120">
        <v>16</v>
      </c>
      <c r="Y36" s="116">
        <v>92</v>
      </c>
      <c r="Z36" s="117">
        <v>145</v>
      </c>
      <c r="AA36" s="118">
        <v>237</v>
      </c>
      <c r="AB36" s="119">
        <v>0</v>
      </c>
      <c r="AC36" s="117">
        <v>379</v>
      </c>
      <c r="AD36" s="117">
        <v>202</v>
      </c>
      <c r="AE36" s="117">
        <v>136</v>
      </c>
      <c r="AF36" s="117">
        <v>127</v>
      </c>
      <c r="AG36" s="117">
        <v>65</v>
      </c>
      <c r="AH36" s="118">
        <v>909</v>
      </c>
      <c r="AI36" s="120">
        <v>1146</v>
      </c>
    </row>
    <row r="37" spans="2:35" ht="21" customHeight="1" x14ac:dyDescent="0.2">
      <c r="B37" s="92" t="s">
        <v>36</v>
      </c>
      <c r="C37" s="116">
        <v>53</v>
      </c>
      <c r="D37" s="117">
        <v>146</v>
      </c>
      <c r="E37" s="118">
        <v>199</v>
      </c>
      <c r="F37" s="119">
        <v>0</v>
      </c>
      <c r="G37" s="117">
        <v>299</v>
      </c>
      <c r="H37" s="117">
        <v>292</v>
      </c>
      <c r="I37" s="117">
        <v>184</v>
      </c>
      <c r="J37" s="117">
        <v>99</v>
      </c>
      <c r="K37" s="117">
        <v>80</v>
      </c>
      <c r="L37" s="118">
        <v>954</v>
      </c>
      <c r="M37" s="120">
        <v>1153</v>
      </c>
      <c r="N37" s="121">
        <v>1</v>
      </c>
      <c r="O37" s="117">
        <v>5</v>
      </c>
      <c r="P37" s="118">
        <v>6</v>
      </c>
      <c r="Q37" s="119">
        <v>0</v>
      </c>
      <c r="R37" s="117">
        <v>6</v>
      </c>
      <c r="S37" s="117">
        <v>4</v>
      </c>
      <c r="T37" s="117">
        <v>7</v>
      </c>
      <c r="U37" s="117">
        <v>5</v>
      </c>
      <c r="V37" s="117">
        <v>4</v>
      </c>
      <c r="W37" s="118">
        <v>26</v>
      </c>
      <c r="X37" s="120">
        <v>32</v>
      </c>
      <c r="Y37" s="116">
        <v>54</v>
      </c>
      <c r="Z37" s="117">
        <v>151</v>
      </c>
      <c r="AA37" s="118">
        <v>205</v>
      </c>
      <c r="AB37" s="119">
        <v>0</v>
      </c>
      <c r="AC37" s="117">
        <v>305</v>
      </c>
      <c r="AD37" s="117">
        <v>296</v>
      </c>
      <c r="AE37" s="117">
        <v>191</v>
      </c>
      <c r="AF37" s="117">
        <v>104</v>
      </c>
      <c r="AG37" s="117">
        <v>84</v>
      </c>
      <c r="AH37" s="118">
        <v>980</v>
      </c>
      <c r="AI37" s="120">
        <v>1185</v>
      </c>
    </row>
    <row r="38" spans="2:35" ht="21" customHeight="1" thickBot="1" x14ac:dyDescent="0.25">
      <c r="B38" s="94" t="s">
        <v>37</v>
      </c>
      <c r="C38" s="122">
        <v>11</v>
      </c>
      <c r="D38" s="123">
        <v>5</v>
      </c>
      <c r="E38" s="124">
        <v>16</v>
      </c>
      <c r="F38" s="125">
        <v>0</v>
      </c>
      <c r="G38" s="123">
        <v>26</v>
      </c>
      <c r="H38" s="123">
        <v>28</v>
      </c>
      <c r="I38" s="123">
        <v>18</v>
      </c>
      <c r="J38" s="123">
        <v>10</v>
      </c>
      <c r="K38" s="123">
        <v>8</v>
      </c>
      <c r="L38" s="124">
        <v>90</v>
      </c>
      <c r="M38" s="126">
        <v>106</v>
      </c>
      <c r="N38" s="127">
        <v>0</v>
      </c>
      <c r="O38" s="123">
        <v>0</v>
      </c>
      <c r="P38" s="124">
        <v>0</v>
      </c>
      <c r="Q38" s="125">
        <v>0</v>
      </c>
      <c r="R38" s="123">
        <v>0</v>
      </c>
      <c r="S38" s="123">
        <v>3</v>
      </c>
      <c r="T38" s="123">
        <v>0</v>
      </c>
      <c r="U38" s="123">
        <v>2</v>
      </c>
      <c r="V38" s="123">
        <v>0</v>
      </c>
      <c r="W38" s="124">
        <v>5</v>
      </c>
      <c r="X38" s="126">
        <v>5</v>
      </c>
      <c r="Y38" s="122">
        <v>11</v>
      </c>
      <c r="Z38" s="123">
        <v>5</v>
      </c>
      <c r="AA38" s="124">
        <v>16</v>
      </c>
      <c r="AB38" s="125">
        <v>0</v>
      </c>
      <c r="AC38" s="123">
        <v>26</v>
      </c>
      <c r="AD38" s="123">
        <v>31</v>
      </c>
      <c r="AE38" s="123">
        <v>18</v>
      </c>
      <c r="AF38" s="123">
        <v>12</v>
      </c>
      <c r="AG38" s="123">
        <v>8</v>
      </c>
      <c r="AH38" s="124">
        <v>95</v>
      </c>
      <c r="AI38" s="126">
        <v>111</v>
      </c>
    </row>
    <row r="39" spans="2:35" x14ac:dyDescent="0.2">
      <c r="AA39" s="8"/>
      <c r="AB39" s="8"/>
      <c r="AC39" s="8"/>
      <c r="AD39" s="8"/>
      <c r="AE39" s="8"/>
      <c r="AF39" s="8"/>
      <c r="AG39" s="8"/>
      <c r="AH39" s="8"/>
      <c r="AI39" s="8"/>
    </row>
  </sheetData>
  <mergeCells count="5">
    <mergeCell ref="C3:M3"/>
    <mergeCell ref="N3:X3"/>
    <mergeCell ref="Y3:AI3"/>
    <mergeCell ref="G1:H1"/>
    <mergeCell ref="J1:K1"/>
  </mergeCells>
  <phoneticPr fontId="4"/>
  <pageMargins left="0.43307086614173229" right="0.27559055118110237" top="0.35433070866141736" bottom="0.39370078740157483" header="0.19685039370078741" footer="0.19685039370078741"/>
  <pageSetup paperSize="9" scale="48" orientation="landscape" r:id="rId1"/>
  <headerFooter alignWithMargins="0">
    <oddFooter>&amp;L&amp;20&amp;A&amp;C&amp;P/&amp;N</oddFooter>
  </headerFooter>
  <colBreaks count="1" manualBreakCount="1">
    <brk id="24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B1:EZ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129" customWidth="1"/>
    <col min="2" max="2" width="9.77734375" style="129" customWidth="1"/>
    <col min="3" max="4" width="9" style="129"/>
    <col min="5" max="5" width="10.33203125" style="129" customWidth="1"/>
    <col min="6" max="6" width="7.6640625" style="129" customWidth="1"/>
    <col min="7" max="7" width="10.21875" style="129" customWidth="1"/>
    <col min="8" max="8" width="10.44140625" style="129" customWidth="1"/>
    <col min="9" max="16" width="9" style="129"/>
    <col min="17" max="17" width="7.21875" style="129" customWidth="1"/>
    <col min="18" max="27" width="9" style="129"/>
    <col min="28" max="28" width="7.6640625" style="129" customWidth="1"/>
    <col min="29" max="38" width="9" style="129"/>
    <col min="39" max="39" width="7.6640625" style="129" customWidth="1"/>
    <col min="40" max="49" width="9" style="129"/>
    <col min="50" max="50" width="7.21875" style="129" customWidth="1"/>
    <col min="51" max="60" width="9" style="129"/>
    <col min="61" max="61" width="7.21875" style="129" customWidth="1"/>
    <col min="62" max="71" width="9" style="129"/>
    <col min="72" max="72" width="7.33203125" style="129" customWidth="1"/>
    <col min="73" max="82" width="9" style="129"/>
    <col min="83" max="83" width="7.44140625" style="129" customWidth="1"/>
    <col min="84" max="93" width="9" style="129"/>
    <col min="94" max="94" width="7.6640625" style="129" customWidth="1"/>
    <col min="95" max="104" width="9" style="129"/>
    <col min="105" max="105" width="7.44140625" style="129" customWidth="1"/>
    <col min="106" max="115" width="9" style="129"/>
    <col min="116" max="116" width="7.44140625" style="129" customWidth="1"/>
    <col min="117" max="126" width="9" style="129"/>
    <col min="127" max="127" width="7.44140625" style="129" customWidth="1"/>
    <col min="128" max="137" width="9" style="129"/>
    <col min="138" max="138" width="7.33203125" style="129" customWidth="1"/>
    <col min="139" max="148" width="9" style="129"/>
    <col min="149" max="149" width="7.77734375" style="129" customWidth="1"/>
    <col min="150" max="16384" width="9" style="129"/>
  </cols>
  <sheetData>
    <row r="1" spans="2:156" ht="24" customHeight="1" x14ac:dyDescent="0.2">
      <c r="B1" s="128" t="s">
        <v>120</v>
      </c>
      <c r="I1" s="441">
        <f>第１表!F2</f>
        <v>7</v>
      </c>
      <c r="J1" s="441"/>
      <c r="K1" s="15">
        <f>第１表!G2</f>
        <v>1</v>
      </c>
      <c r="L1" s="458">
        <f>IF(K1&lt;3,K1+12-2,K1-2)</f>
        <v>11</v>
      </c>
      <c r="M1" s="458"/>
    </row>
    <row r="2" spans="2:156" ht="24" customHeight="1" thickBot="1" x14ac:dyDescent="0.25">
      <c r="B2" s="128" t="s">
        <v>134</v>
      </c>
      <c r="G2" s="14"/>
      <c r="H2" s="15"/>
      <c r="J2" s="54"/>
      <c r="K2" s="54"/>
    </row>
    <row r="3" spans="2:156" ht="21" customHeight="1" thickBot="1" x14ac:dyDescent="0.25">
      <c r="B3" s="459"/>
      <c r="C3" s="449" t="s">
        <v>70</v>
      </c>
      <c r="D3" s="450"/>
      <c r="E3" s="450"/>
      <c r="F3" s="450"/>
      <c r="G3" s="450"/>
      <c r="H3" s="450"/>
      <c r="I3" s="450"/>
      <c r="J3" s="450"/>
      <c r="K3" s="450"/>
      <c r="L3" s="450"/>
      <c r="M3" s="451"/>
      <c r="N3" s="449" t="s">
        <v>71</v>
      </c>
      <c r="O3" s="450"/>
      <c r="P3" s="450"/>
      <c r="Q3" s="450"/>
      <c r="R3" s="450"/>
      <c r="S3" s="450"/>
      <c r="T3" s="450"/>
      <c r="U3" s="450"/>
      <c r="V3" s="450"/>
      <c r="W3" s="450"/>
      <c r="X3" s="451"/>
      <c r="Y3" s="449" t="s">
        <v>72</v>
      </c>
      <c r="Z3" s="450"/>
      <c r="AA3" s="450"/>
      <c r="AB3" s="450"/>
      <c r="AC3" s="450"/>
      <c r="AD3" s="450"/>
      <c r="AE3" s="450"/>
      <c r="AF3" s="450"/>
      <c r="AG3" s="450"/>
      <c r="AH3" s="450"/>
      <c r="AI3" s="451"/>
      <c r="AJ3" s="449" t="s">
        <v>73</v>
      </c>
      <c r="AK3" s="450"/>
      <c r="AL3" s="450"/>
      <c r="AM3" s="450"/>
      <c r="AN3" s="450"/>
      <c r="AO3" s="450"/>
      <c r="AP3" s="450"/>
      <c r="AQ3" s="450"/>
      <c r="AR3" s="450"/>
      <c r="AS3" s="450"/>
      <c r="AT3" s="451"/>
      <c r="AU3" s="449" t="s">
        <v>74</v>
      </c>
      <c r="AV3" s="450"/>
      <c r="AW3" s="450"/>
      <c r="AX3" s="450"/>
      <c r="AY3" s="450"/>
      <c r="AZ3" s="450"/>
      <c r="BA3" s="450"/>
      <c r="BB3" s="450"/>
      <c r="BC3" s="450"/>
      <c r="BD3" s="450"/>
      <c r="BE3" s="451"/>
      <c r="BF3" s="449" t="s">
        <v>75</v>
      </c>
      <c r="BG3" s="450"/>
      <c r="BH3" s="450"/>
      <c r="BI3" s="450"/>
      <c r="BJ3" s="450"/>
      <c r="BK3" s="450"/>
      <c r="BL3" s="450"/>
      <c r="BM3" s="450"/>
      <c r="BN3" s="450"/>
      <c r="BO3" s="450"/>
      <c r="BP3" s="451"/>
      <c r="BQ3" s="449" t="s">
        <v>76</v>
      </c>
      <c r="BR3" s="450"/>
      <c r="BS3" s="450"/>
      <c r="BT3" s="450"/>
      <c r="BU3" s="450"/>
      <c r="BV3" s="450"/>
      <c r="BW3" s="450"/>
      <c r="BX3" s="450"/>
      <c r="BY3" s="450"/>
      <c r="BZ3" s="450"/>
      <c r="CA3" s="451"/>
      <c r="CB3" s="449" t="s">
        <v>77</v>
      </c>
      <c r="CC3" s="450"/>
      <c r="CD3" s="450"/>
      <c r="CE3" s="450"/>
      <c r="CF3" s="450"/>
      <c r="CG3" s="450"/>
      <c r="CH3" s="450"/>
      <c r="CI3" s="450"/>
      <c r="CJ3" s="450"/>
      <c r="CK3" s="450"/>
      <c r="CL3" s="451"/>
      <c r="CM3" s="449" t="s">
        <v>78</v>
      </c>
      <c r="CN3" s="450"/>
      <c r="CO3" s="450"/>
      <c r="CP3" s="450"/>
      <c r="CQ3" s="450"/>
      <c r="CR3" s="450"/>
      <c r="CS3" s="450"/>
      <c r="CT3" s="450"/>
      <c r="CU3" s="450"/>
      <c r="CV3" s="450"/>
      <c r="CW3" s="451"/>
      <c r="CX3" s="449" t="s">
        <v>79</v>
      </c>
      <c r="CY3" s="450"/>
      <c r="CZ3" s="450"/>
      <c r="DA3" s="450"/>
      <c r="DB3" s="450"/>
      <c r="DC3" s="450"/>
      <c r="DD3" s="450"/>
      <c r="DE3" s="450"/>
      <c r="DF3" s="450"/>
      <c r="DG3" s="450"/>
      <c r="DH3" s="451"/>
      <c r="DI3" s="449" t="s">
        <v>146</v>
      </c>
      <c r="DJ3" s="450"/>
      <c r="DK3" s="450"/>
      <c r="DL3" s="450"/>
      <c r="DM3" s="450"/>
      <c r="DN3" s="450"/>
      <c r="DO3" s="450"/>
      <c r="DP3" s="450"/>
      <c r="DQ3" s="450"/>
      <c r="DR3" s="450"/>
      <c r="DS3" s="451"/>
      <c r="DT3" s="449" t="s">
        <v>80</v>
      </c>
      <c r="DU3" s="450"/>
      <c r="DV3" s="450"/>
      <c r="DW3" s="450"/>
      <c r="DX3" s="450"/>
      <c r="DY3" s="450"/>
      <c r="DZ3" s="450"/>
      <c r="EA3" s="450"/>
      <c r="EB3" s="450"/>
      <c r="EC3" s="450"/>
      <c r="ED3" s="451"/>
      <c r="EE3" s="449" t="s">
        <v>68</v>
      </c>
      <c r="EF3" s="450"/>
      <c r="EG3" s="450"/>
      <c r="EH3" s="450"/>
      <c r="EI3" s="450"/>
      <c r="EJ3" s="450"/>
      <c r="EK3" s="450"/>
      <c r="EL3" s="450"/>
      <c r="EM3" s="450"/>
      <c r="EN3" s="450"/>
      <c r="EO3" s="451"/>
      <c r="EP3" s="446" t="s">
        <v>69</v>
      </c>
      <c r="EQ3" s="447"/>
      <c r="ER3" s="447"/>
      <c r="ES3" s="447"/>
      <c r="ET3" s="447"/>
      <c r="EU3" s="447"/>
      <c r="EV3" s="447"/>
      <c r="EW3" s="447"/>
      <c r="EX3" s="447"/>
      <c r="EY3" s="447"/>
      <c r="EZ3" s="448"/>
    </row>
    <row r="4" spans="2:156" ht="21" customHeight="1" x14ac:dyDescent="0.2">
      <c r="B4" s="460"/>
      <c r="C4" s="457" t="s">
        <v>61</v>
      </c>
      <c r="D4" s="453"/>
      <c r="E4" s="454"/>
      <c r="F4" s="452" t="s">
        <v>62</v>
      </c>
      <c r="G4" s="453"/>
      <c r="H4" s="453"/>
      <c r="I4" s="453"/>
      <c r="J4" s="453"/>
      <c r="K4" s="453"/>
      <c r="L4" s="462"/>
      <c r="M4" s="455" t="s">
        <v>52</v>
      </c>
      <c r="N4" s="457" t="s">
        <v>61</v>
      </c>
      <c r="O4" s="453"/>
      <c r="P4" s="454"/>
      <c r="Q4" s="452" t="s">
        <v>62</v>
      </c>
      <c r="R4" s="453"/>
      <c r="S4" s="453"/>
      <c r="T4" s="453"/>
      <c r="U4" s="453"/>
      <c r="V4" s="453"/>
      <c r="W4" s="454"/>
      <c r="X4" s="455" t="s">
        <v>52</v>
      </c>
      <c r="Y4" s="457" t="s">
        <v>61</v>
      </c>
      <c r="Z4" s="453"/>
      <c r="AA4" s="454"/>
      <c r="AB4" s="452" t="s">
        <v>62</v>
      </c>
      <c r="AC4" s="453"/>
      <c r="AD4" s="453"/>
      <c r="AE4" s="453"/>
      <c r="AF4" s="453"/>
      <c r="AG4" s="453"/>
      <c r="AH4" s="454"/>
      <c r="AI4" s="455" t="s">
        <v>52</v>
      </c>
      <c r="AJ4" s="457" t="s">
        <v>61</v>
      </c>
      <c r="AK4" s="453"/>
      <c r="AL4" s="454"/>
      <c r="AM4" s="452" t="s">
        <v>62</v>
      </c>
      <c r="AN4" s="453"/>
      <c r="AO4" s="453"/>
      <c r="AP4" s="453"/>
      <c r="AQ4" s="453"/>
      <c r="AR4" s="453"/>
      <c r="AS4" s="454"/>
      <c r="AT4" s="455" t="s">
        <v>52</v>
      </c>
      <c r="AU4" s="457" t="s">
        <v>61</v>
      </c>
      <c r="AV4" s="453"/>
      <c r="AW4" s="454"/>
      <c r="AX4" s="452" t="s">
        <v>62</v>
      </c>
      <c r="AY4" s="453"/>
      <c r="AZ4" s="453"/>
      <c r="BA4" s="453"/>
      <c r="BB4" s="453"/>
      <c r="BC4" s="453"/>
      <c r="BD4" s="462"/>
      <c r="BE4" s="455" t="s">
        <v>52</v>
      </c>
      <c r="BF4" s="457" t="s">
        <v>61</v>
      </c>
      <c r="BG4" s="453"/>
      <c r="BH4" s="454"/>
      <c r="BI4" s="452" t="s">
        <v>62</v>
      </c>
      <c r="BJ4" s="453"/>
      <c r="BK4" s="453"/>
      <c r="BL4" s="453"/>
      <c r="BM4" s="453"/>
      <c r="BN4" s="453"/>
      <c r="BO4" s="454"/>
      <c r="BP4" s="455" t="s">
        <v>52</v>
      </c>
      <c r="BQ4" s="457" t="s">
        <v>61</v>
      </c>
      <c r="BR4" s="453"/>
      <c r="BS4" s="454"/>
      <c r="BT4" s="452" t="s">
        <v>62</v>
      </c>
      <c r="BU4" s="453"/>
      <c r="BV4" s="453"/>
      <c r="BW4" s="453"/>
      <c r="BX4" s="453"/>
      <c r="BY4" s="453"/>
      <c r="BZ4" s="454"/>
      <c r="CA4" s="455" t="s">
        <v>52</v>
      </c>
      <c r="CB4" s="457" t="s">
        <v>61</v>
      </c>
      <c r="CC4" s="453"/>
      <c r="CD4" s="454"/>
      <c r="CE4" s="452" t="s">
        <v>62</v>
      </c>
      <c r="CF4" s="453"/>
      <c r="CG4" s="453"/>
      <c r="CH4" s="453"/>
      <c r="CI4" s="453"/>
      <c r="CJ4" s="453"/>
      <c r="CK4" s="454"/>
      <c r="CL4" s="455" t="s">
        <v>52</v>
      </c>
      <c r="CM4" s="457" t="s">
        <v>61</v>
      </c>
      <c r="CN4" s="453"/>
      <c r="CO4" s="454"/>
      <c r="CP4" s="452" t="s">
        <v>62</v>
      </c>
      <c r="CQ4" s="453"/>
      <c r="CR4" s="453"/>
      <c r="CS4" s="453"/>
      <c r="CT4" s="453"/>
      <c r="CU4" s="453"/>
      <c r="CV4" s="454"/>
      <c r="CW4" s="455" t="s">
        <v>52</v>
      </c>
      <c r="CX4" s="457" t="s">
        <v>61</v>
      </c>
      <c r="CY4" s="453"/>
      <c r="CZ4" s="454"/>
      <c r="DA4" s="452" t="s">
        <v>62</v>
      </c>
      <c r="DB4" s="453"/>
      <c r="DC4" s="453"/>
      <c r="DD4" s="453"/>
      <c r="DE4" s="453"/>
      <c r="DF4" s="453"/>
      <c r="DG4" s="454"/>
      <c r="DH4" s="455" t="s">
        <v>52</v>
      </c>
      <c r="DI4" s="457" t="s">
        <v>61</v>
      </c>
      <c r="DJ4" s="453"/>
      <c r="DK4" s="454"/>
      <c r="DL4" s="452" t="s">
        <v>62</v>
      </c>
      <c r="DM4" s="453"/>
      <c r="DN4" s="453"/>
      <c r="DO4" s="453"/>
      <c r="DP4" s="453"/>
      <c r="DQ4" s="453"/>
      <c r="DR4" s="454"/>
      <c r="DS4" s="455" t="s">
        <v>52</v>
      </c>
      <c r="DT4" s="457" t="s">
        <v>61</v>
      </c>
      <c r="DU4" s="453"/>
      <c r="DV4" s="454"/>
      <c r="DW4" s="452" t="s">
        <v>62</v>
      </c>
      <c r="DX4" s="453"/>
      <c r="DY4" s="453"/>
      <c r="DZ4" s="453"/>
      <c r="EA4" s="453"/>
      <c r="EB4" s="453"/>
      <c r="EC4" s="454"/>
      <c r="ED4" s="455" t="s">
        <v>52</v>
      </c>
      <c r="EE4" s="457" t="s">
        <v>61</v>
      </c>
      <c r="EF4" s="453"/>
      <c r="EG4" s="454"/>
      <c r="EH4" s="452" t="s">
        <v>62</v>
      </c>
      <c r="EI4" s="453"/>
      <c r="EJ4" s="453"/>
      <c r="EK4" s="453"/>
      <c r="EL4" s="453"/>
      <c r="EM4" s="453"/>
      <c r="EN4" s="454"/>
      <c r="EO4" s="455" t="s">
        <v>52</v>
      </c>
      <c r="EP4" s="457" t="s">
        <v>61</v>
      </c>
      <c r="EQ4" s="453"/>
      <c r="ER4" s="454"/>
      <c r="ES4" s="452" t="s">
        <v>62</v>
      </c>
      <c r="ET4" s="453"/>
      <c r="EU4" s="453"/>
      <c r="EV4" s="453"/>
      <c r="EW4" s="453"/>
      <c r="EX4" s="453"/>
      <c r="EY4" s="454"/>
      <c r="EZ4" s="455" t="s">
        <v>52</v>
      </c>
    </row>
    <row r="5" spans="2:156" ht="30" customHeight="1" thickBot="1" x14ac:dyDescent="0.25">
      <c r="B5" s="461"/>
      <c r="C5" s="130" t="s">
        <v>43</v>
      </c>
      <c r="D5" s="131" t="s">
        <v>44</v>
      </c>
      <c r="E5" s="132" t="s">
        <v>45</v>
      </c>
      <c r="F5" s="133" t="s">
        <v>83</v>
      </c>
      <c r="G5" s="131" t="s">
        <v>47</v>
      </c>
      <c r="H5" s="131" t="s">
        <v>48</v>
      </c>
      <c r="I5" s="131" t="s">
        <v>49</v>
      </c>
      <c r="J5" s="131" t="s">
        <v>50</v>
      </c>
      <c r="K5" s="131" t="s">
        <v>51</v>
      </c>
      <c r="L5" s="134" t="s">
        <v>45</v>
      </c>
      <c r="M5" s="456"/>
      <c r="N5" s="130" t="s">
        <v>43</v>
      </c>
      <c r="O5" s="131" t="s">
        <v>44</v>
      </c>
      <c r="P5" s="135" t="s">
        <v>45</v>
      </c>
      <c r="Q5" s="133" t="s">
        <v>83</v>
      </c>
      <c r="R5" s="131" t="s">
        <v>47</v>
      </c>
      <c r="S5" s="131" t="s">
        <v>48</v>
      </c>
      <c r="T5" s="131" t="s">
        <v>49</v>
      </c>
      <c r="U5" s="131" t="s">
        <v>50</v>
      </c>
      <c r="V5" s="131" t="s">
        <v>51</v>
      </c>
      <c r="W5" s="135" t="s">
        <v>45</v>
      </c>
      <c r="X5" s="456"/>
      <c r="Y5" s="130" t="s">
        <v>43</v>
      </c>
      <c r="Z5" s="131" t="s">
        <v>44</v>
      </c>
      <c r="AA5" s="135" t="s">
        <v>45</v>
      </c>
      <c r="AB5" s="133" t="s">
        <v>83</v>
      </c>
      <c r="AC5" s="131" t="s">
        <v>47</v>
      </c>
      <c r="AD5" s="131" t="s">
        <v>48</v>
      </c>
      <c r="AE5" s="131" t="s">
        <v>49</v>
      </c>
      <c r="AF5" s="131" t="s">
        <v>50</v>
      </c>
      <c r="AG5" s="131" t="s">
        <v>51</v>
      </c>
      <c r="AH5" s="135" t="s">
        <v>45</v>
      </c>
      <c r="AI5" s="456"/>
      <c r="AJ5" s="130" t="s">
        <v>43</v>
      </c>
      <c r="AK5" s="131" t="s">
        <v>44</v>
      </c>
      <c r="AL5" s="135" t="s">
        <v>45</v>
      </c>
      <c r="AM5" s="133" t="s">
        <v>83</v>
      </c>
      <c r="AN5" s="131" t="s">
        <v>47</v>
      </c>
      <c r="AO5" s="131" t="s">
        <v>48</v>
      </c>
      <c r="AP5" s="131" t="s">
        <v>49</v>
      </c>
      <c r="AQ5" s="131" t="s">
        <v>50</v>
      </c>
      <c r="AR5" s="131" t="s">
        <v>51</v>
      </c>
      <c r="AS5" s="135" t="s">
        <v>45</v>
      </c>
      <c r="AT5" s="456"/>
      <c r="AU5" s="130" t="s">
        <v>43</v>
      </c>
      <c r="AV5" s="131" t="s">
        <v>44</v>
      </c>
      <c r="AW5" s="135" t="s">
        <v>45</v>
      </c>
      <c r="AX5" s="133" t="s">
        <v>83</v>
      </c>
      <c r="AY5" s="131" t="s">
        <v>47</v>
      </c>
      <c r="AZ5" s="131" t="s">
        <v>48</v>
      </c>
      <c r="BA5" s="131" t="s">
        <v>49</v>
      </c>
      <c r="BB5" s="131" t="s">
        <v>50</v>
      </c>
      <c r="BC5" s="131" t="s">
        <v>51</v>
      </c>
      <c r="BD5" s="134" t="s">
        <v>45</v>
      </c>
      <c r="BE5" s="456"/>
      <c r="BF5" s="130" t="s">
        <v>43</v>
      </c>
      <c r="BG5" s="131" t="s">
        <v>44</v>
      </c>
      <c r="BH5" s="135" t="s">
        <v>45</v>
      </c>
      <c r="BI5" s="133" t="s">
        <v>83</v>
      </c>
      <c r="BJ5" s="131" t="s">
        <v>47</v>
      </c>
      <c r="BK5" s="131" t="s">
        <v>48</v>
      </c>
      <c r="BL5" s="131" t="s">
        <v>49</v>
      </c>
      <c r="BM5" s="131" t="s">
        <v>50</v>
      </c>
      <c r="BN5" s="131" t="s">
        <v>51</v>
      </c>
      <c r="BO5" s="135" t="s">
        <v>45</v>
      </c>
      <c r="BP5" s="456"/>
      <c r="BQ5" s="130" t="s">
        <v>43</v>
      </c>
      <c r="BR5" s="131" t="s">
        <v>44</v>
      </c>
      <c r="BS5" s="135" t="s">
        <v>45</v>
      </c>
      <c r="BT5" s="133" t="s">
        <v>83</v>
      </c>
      <c r="BU5" s="131" t="s">
        <v>47</v>
      </c>
      <c r="BV5" s="131" t="s">
        <v>48</v>
      </c>
      <c r="BW5" s="131" t="s">
        <v>49</v>
      </c>
      <c r="BX5" s="131" t="s">
        <v>50</v>
      </c>
      <c r="BY5" s="131" t="s">
        <v>51</v>
      </c>
      <c r="BZ5" s="135" t="s">
        <v>45</v>
      </c>
      <c r="CA5" s="456"/>
      <c r="CB5" s="130" t="s">
        <v>43</v>
      </c>
      <c r="CC5" s="131" t="s">
        <v>44</v>
      </c>
      <c r="CD5" s="135" t="s">
        <v>45</v>
      </c>
      <c r="CE5" s="133" t="s">
        <v>83</v>
      </c>
      <c r="CF5" s="131" t="s">
        <v>47</v>
      </c>
      <c r="CG5" s="131" t="s">
        <v>48</v>
      </c>
      <c r="CH5" s="131" t="s">
        <v>49</v>
      </c>
      <c r="CI5" s="131" t="s">
        <v>50</v>
      </c>
      <c r="CJ5" s="131" t="s">
        <v>51</v>
      </c>
      <c r="CK5" s="135" t="s">
        <v>45</v>
      </c>
      <c r="CL5" s="456"/>
      <c r="CM5" s="130" t="s">
        <v>43</v>
      </c>
      <c r="CN5" s="131" t="s">
        <v>44</v>
      </c>
      <c r="CO5" s="135" t="s">
        <v>45</v>
      </c>
      <c r="CP5" s="133" t="s">
        <v>83</v>
      </c>
      <c r="CQ5" s="131" t="s">
        <v>47</v>
      </c>
      <c r="CR5" s="131" t="s">
        <v>48</v>
      </c>
      <c r="CS5" s="131" t="s">
        <v>49</v>
      </c>
      <c r="CT5" s="131" t="s">
        <v>50</v>
      </c>
      <c r="CU5" s="131" t="s">
        <v>51</v>
      </c>
      <c r="CV5" s="135" t="s">
        <v>45</v>
      </c>
      <c r="CW5" s="456"/>
      <c r="CX5" s="130" t="s">
        <v>43</v>
      </c>
      <c r="CY5" s="131" t="s">
        <v>44</v>
      </c>
      <c r="CZ5" s="135" t="s">
        <v>45</v>
      </c>
      <c r="DA5" s="133" t="s">
        <v>83</v>
      </c>
      <c r="DB5" s="131" t="s">
        <v>47</v>
      </c>
      <c r="DC5" s="131" t="s">
        <v>48</v>
      </c>
      <c r="DD5" s="131" t="s">
        <v>49</v>
      </c>
      <c r="DE5" s="131" t="s">
        <v>50</v>
      </c>
      <c r="DF5" s="131" t="s">
        <v>51</v>
      </c>
      <c r="DG5" s="135" t="s">
        <v>45</v>
      </c>
      <c r="DH5" s="456"/>
      <c r="DI5" s="130" t="s">
        <v>43</v>
      </c>
      <c r="DJ5" s="131" t="s">
        <v>44</v>
      </c>
      <c r="DK5" s="135" t="s">
        <v>45</v>
      </c>
      <c r="DL5" s="133" t="s">
        <v>83</v>
      </c>
      <c r="DM5" s="131" t="s">
        <v>47</v>
      </c>
      <c r="DN5" s="131" t="s">
        <v>48</v>
      </c>
      <c r="DO5" s="131" t="s">
        <v>49</v>
      </c>
      <c r="DP5" s="131" t="s">
        <v>50</v>
      </c>
      <c r="DQ5" s="131" t="s">
        <v>51</v>
      </c>
      <c r="DR5" s="135" t="s">
        <v>45</v>
      </c>
      <c r="DS5" s="456"/>
      <c r="DT5" s="130" t="s">
        <v>43</v>
      </c>
      <c r="DU5" s="131" t="s">
        <v>44</v>
      </c>
      <c r="DV5" s="135" t="s">
        <v>45</v>
      </c>
      <c r="DW5" s="133" t="s">
        <v>83</v>
      </c>
      <c r="DX5" s="131" t="s">
        <v>47</v>
      </c>
      <c r="DY5" s="131" t="s">
        <v>48</v>
      </c>
      <c r="DZ5" s="131" t="s">
        <v>49</v>
      </c>
      <c r="EA5" s="131" t="s">
        <v>50</v>
      </c>
      <c r="EB5" s="131" t="s">
        <v>51</v>
      </c>
      <c r="EC5" s="135" t="s">
        <v>45</v>
      </c>
      <c r="ED5" s="456"/>
      <c r="EE5" s="130" t="s">
        <v>43</v>
      </c>
      <c r="EF5" s="131" t="s">
        <v>44</v>
      </c>
      <c r="EG5" s="135" t="s">
        <v>45</v>
      </c>
      <c r="EH5" s="133" t="s">
        <v>83</v>
      </c>
      <c r="EI5" s="131" t="s">
        <v>47</v>
      </c>
      <c r="EJ5" s="131" t="s">
        <v>48</v>
      </c>
      <c r="EK5" s="131" t="s">
        <v>49</v>
      </c>
      <c r="EL5" s="131" t="s">
        <v>50</v>
      </c>
      <c r="EM5" s="131" t="s">
        <v>51</v>
      </c>
      <c r="EN5" s="135" t="s">
        <v>45</v>
      </c>
      <c r="EO5" s="456"/>
      <c r="EP5" s="130" t="s">
        <v>43</v>
      </c>
      <c r="EQ5" s="131" t="s">
        <v>44</v>
      </c>
      <c r="ER5" s="135" t="s">
        <v>45</v>
      </c>
      <c r="ES5" s="133" t="s">
        <v>83</v>
      </c>
      <c r="ET5" s="131" t="s">
        <v>47</v>
      </c>
      <c r="EU5" s="131" t="s">
        <v>48</v>
      </c>
      <c r="EV5" s="131" t="s">
        <v>49</v>
      </c>
      <c r="EW5" s="131" t="s">
        <v>50</v>
      </c>
      <c r="EX5" s="131" t="s">
        <v>51</v>
      </c>
      <c r="EY5" s="135" t="s">
        <v>45</v>
      </c>
      <c r="EZ5" s="456"/>
    </row>
    <row r="6" spans="2:156" ht="21" customHeight="1" x14ac:dyDescent="0.2">
      <c r="B6" s="136" t="s">
        <v>4</v>
      </c>
      <c r="C6" s="137">
        <v>0</v>
      </c>
      <c r="D6" s="138">
        <v>0</v>
      </c>
      <c r="E6" s="139">
        <v>0</v>
      </c>
      <c r="F6" s="140">
        <v>0</v>
      </c>
      <c r="G6" s="138">
        <v>19514</v>
      </c>
      <c r="H6" s="138">
        <v>24017</v>
      </c>
      <c r="I6" s="138">
        <v>13063</v>
      </c>
      <c r="J6" s="138">
        <v>10536</v>
      </c>
      <c r="K6" s="138">
        <v>7809</v>
      </c>
      <c r="L6" s="141">
        <v>74939</v>
      </c>
      <c r="M6" s="142">
        <v>74939</v>
      </c>
      <c r="N6" s="137">
        <v>3</v>
      </c>
      <c r="O6" s="138">
        <v>18</v>
      </c>
      <c r="P6" s="143">
        <v>21</v>
      </c>
      <c r="Q6" s="140">
        <v>0</v>
      </c>
      <c r="R6" s="138">
        <v>98</v>
      </c>
      <c r="S6" s="138">
        <v>407</v>
      </c>
      <c r="T6" s="138">
        <v>744</v>
      </c>
      <c r="U6" s="138">
        <v>2027</v>
      </c>
      <c r="V6" s="138">
        <v>3508</v>
      </c>
      <c r="W6" s="143">
        <v>6784</v>
      </c>
      <c r="X6" s="142">
        <v>6805</v>
      </c>
      <c r="Y6" s="137">
        <v>2650</v>
      </c>
      <c r="Z6" s="138">
        <v>6832</v>
      </c>
      <c r="AA6" s="143">
        <v>9482</v>
      </c>
      <c r="AB6" s="140">
        <v>0</v>
      </c>
      <c r="AC6" s="138">
        <v>13515</v>
      </c>
      <c r="AD6" s="138">
        <v>19475</v>
      </c>
      <c r="AE6" s="138">
        <v>11081</v>
      </c>
      <c r="AF6" s="138">
        <v>9128</v>
      </c>
      <c r="AG6" s="138">
        <v>6838</v>
      </c>
      <c r="AH6" s="143">
        <v>60037</v>
      </c>
      <c r="AI6" s="142">
        <v>69519</v>
      </c>
      <c r="AJ6" s="137">
        <v>278</v>
      </c>
      <c r="AK6" s="138">
        <v>830</v>
      </c>
      <c r="AL6" s="143">
        <v>1108</v>
      </c>
      <c r="AM6" s="140">
        <v>0</v>
      </c>
      <c r="AN6" s="138">
        <v>1165</v>
      </c>
      <c r="AO6" s="138">
        <v>1772</v>
      </c>
      <c r="AP6" s="138">
        <v>1099</v>
      </c>
      <c r="AQ6" s="138">
        <v>865</v>
      </c>
      <c r="AR6" s="138">
        <v>621</v>
      </c>
      <c r="AS6" s="143">
        <v>5522</v>
      </c>
      <c r="AT6" s="142">
        <v>6630</v>
      </c>
      <c r="AU6" s="137">
        <v>3152</v>
      </c>
      <c r="AV6" s="138">
        <v>4684</v>
      </c>
      <c r="AW6" s="143">
        <v>7836</v>
      </c>
      <c r="AX6" s="140">
        <v>0</v>
      </c>
      <c r="AY6" s="138">
        <v>20616</v>
      </c>
      <c r="AZ6" s="138">
        <v>26249</v>
      </c>
      <c r="BA6" s="138">
        <v>21699</v>
      </c>
      <c r="BB6" s="138">
        <v>21051</v>
      </c>
      <c r="BC6" s="138">
        <v>15552</v>
      </c>
      <c r="BD6" s="141">
        <v>105167</v>
      </c>
      <c r="BE6" s="142">
        <v>113003</v>
      </c>
      <c r="BF6" s="137">
        <v>1</v>
      </c>
      <c r="BG6" s="138">
        <v>1</v>
      </c>
      <c r="BH6" s="143">
        <v>2</v>
      </c>
      <c r="BI6" s="140">
        <v>0</v>
      </c>
      <c r="BJ6" s="138">
        <v>23156</v>
      </c>
      <c r="BK6" s="138">
        <v>22095</v>
      </c>
      <c r="BL6" s="138">
        <v>11334</v>
      </c>
      <c r="BM6" s="138">
        <v>6541</v>
      </c>
      <c r="BN6" s="138">
        <v>3095</v>
      </c>
      <c r="BO6" s="143">
        <v>66221</v>
      </c>
      <c r="BP6" s="142">
        <v>66223</v>
      </c>
      <c r="BQ6" s="137">
        <v>1790</v>
      </c>
      <c r="BR6" s="138">
        <v>2840</v>
      </c>
      <c r="BS6" s="143">
        <v>4630</v>
      </c>
      <c r="BT6" s="140">
        <v>0</v>
      </c>
      <c r="BU6" s="138">
        <v>4635</v>
      </c>
      <c r="BV6" s="138">
        <v>6646</v>
      </c>
      <c r="BW6" s="138">
        <v>3742</v>
      </c>
      <c r="BX6" s="138">
        <v>2290</v>
      </c>
      <c r="BY6" s="138">
        <v>841</v>
      </c>
      <c r="BZ6" s="143">
        <v>18154</v>
      </c>
      <c r="CA6" s="142">
        <v>22784</v>
      </c>
      <c r="CB6" s="137">
        <v>76</v>
      </c>
      <c r="CC6" s="138">
        <v>238</v>
      </c>
      <c r="CD6" s="143">
        <v>314</v>
      </c>
      <c r="CE6" s="140">
        <v>0</v>
      </c>
      <c r="CF6" s="138">
        <v>2342</v>
      </c>
      <c r="CG6" s="138">
        <v>3874</v>
      </c>
      <c r="CH6" s="138">
        <v>4557</v>
      </c>
      <c r="CI6" s="138">
        <v>3161</v>
      </c>
      <c r="CJ6" s="138">
        <v>1811</v>
      </c>
      <c r="CK6" s="143">
        <v>15745</v>
      </c>
      <c r="CL6" s="142">
        <v>16059</v>
      </c>
      <c r="CM6" s="137">
        <v>8</v>
      </c>
      <c r="CN6" s="138">
        <v>19</v>
      </c>
      <c r="CO6" s="143">
        <v>27</v>
      </c>
      <c r="CP6" s="140">
        <v>0</v>
      </c>
      <c r="CQ6" s="138">
        <v>206</v>
      </c>
      <c r="CR6" s="138">
        <v>497</v>
      </c>
      <c r="CS6" s="138">
        <v>575</v>
      </c>
      <c r="CT6" s="138">
        <v>549</v>
      </c>
      <c r="CU6" s="138">
        <v>380</v>
      </c>
      <c r="CV6" s="143">
        <v>2207</v>
      </c>
      <c r="CW6" s="142">
        <v>2234</v>
      </c>
      <c r="CX6" s="137">
        <v>0</v>
      </c>
      <c r="CY6" s="138">
        <v>0</v>
      </c>
      <c r="CZ6" s="143">
        <v>0</v>
      </c>
      <c r="DA6" s="140">
        <v>0</v>
      </c>
      <c r="DB6" s="138">
        <v>0</v>
      </c>
      <c r="DC6" s="138">
        <v>0</v>
      </c>
      <c r="DD6" s="138">
        <v>0</v>
      </c>
      <c r="DE6" s="138">
        <v>0</v>
      </c>
      <c r="DF6" s="138">
        <v>0</v>
      </c>
      <c r="DG6" s="143">
        <v>0</v>
      </c>
      <c r="DH6" s="142">
        <v>0</v>
      </c>
      <c r="DI6" s="137">
        <v>0</v>
      </c>
      <c r="DJ6" s="138">
        <v>0</v>
      </c>
      <c r="DK6" s="143">
        <v>0</v>
      </c>
      <c r="DL6" s="140">
        <v>0</v>
      </c>
      <c r="DM6" s="138">
        <v>2</v>
      </c>
      <c r="DN6" s="138">
        <v>0</v>
      </c>
      <c r="DO6" s="138">
        <v>0</v>
      </c>
      <c r="DP6" s="138">
        <v>0</v>
      </c>
      <c r="DQ6" s="138">
        <v>0</v>
      </c>
      <c r="DR6" s="143">
        <v>2</v>
      </c>
      <c r="DS6" s="142">
        <v>2</v>
      </c>
      <c r="DT6" s="137">
        <v>11982</v>
      </c>
      <c r="DU6" s="138">
        <v>25611</v>
      </c>
      <c r="DV6" s="143">
        <v>37593</v>
      </c>
      <c r="DW6" s="140">
        <v>0</v>
      </c>
      <c r="DX6" s="138">
        <v>29063</v>
      </c>
      <c r="DY6" s="138">
        <v>49510</v>
      </c>
      <c r="DZ6" s="138">
        <v>27686</v>
      </c>
      <c r="EA6" s="138">
        <v>21195</v>
      </c>
      <c r="EB6" s="138">
        <v>13531</v>
      </c>
      <c r="EC6" s="143">
        <v>140985</v>
      </c>
      <c r="ED6" s="142">
        <v>178578</v>
      </c>
      <c r="EE6" s="137">
        <v>1630</v>
      </c>
      <c r="EF6" s="138">
        <v>1349</v>
      </c>
      <c r="EG6" s="143">
        <v>2979</v>
      </c>
      <c r="EH6" s="140">
        <v>0</v>
      </c>
      <c r="EI6" s="138">
        <v>6456</v>
      </c>
      <c r="EJ6" s="138">
        <v>6161</v>
      </c>
      <c r="EK6" s="138">
        <v>5114</v>
      </c>
      <c r="EL6" s="138">
        <v>5733</v>
      </c>
      <c r="EM6" s="138">
        <v>3251</v>
      </c>
      <c r="EN6" s="143">
        <v>26715</v>
      </c>
      <c r="EO6" s="142">
        <v>29694</v>
      </c>
      <c r="EP6" s="137">
        <v>15438</v>
      </c>
      <c r="EQ6" s="138">
        <v>30650</v>
      </c>
      <c r="ER6" s="143">
        <v>46088</v>
      </c>
      <c r="ES6" s="140">
        <v>0</v>
      </c>
      <c r="ET6" s="138">
        <v>60345</v>
      </c>
      <c r="EU6" s="138">
        <v>64968</v>
      </c>
      <c r="EV6" s="138">
        <v>32649</v>
      </c>
      <c r="EW6" s="138">
        <v>22562</v>
      </c>
      <c r="EX6" s="138">
        <v>13682</v>
      </c>
      <c r="EY6" s="143">
        <v>194206</v>
      </c>
      <c r="EZ6" s="142">
        <v>240294</v>
      </c>
    </row>
    <row r="7" spans="2:156" ht="21" customHeight="1" x14ac:dyDescent="0.2">
      <c r="B7" s="144" t="s">
        <v>5</v>
      </c>
      <c r="C7" s="145">
        <v>0</v>
      </c>
      <c r="D7" s="146">
        <v>0</v>
      </c>
      <c r="E7" s="147">
        <v>0</v>
      </c>
      <c r="F7" s="148">
        <v>0</v>
      </c>
      <c r="G7" s="146">
        <v>6841</v>
      </c>
      <c r="H7" s="146">
        <v>11744</v>
      </c>
      <c r="I7" s="146">
        <v>5656</v>
      </c>
      <c r="J7" s="146">
        <v>4252</v>
      </c>
      <c r="K7" s="146">
        <v>3139</v>
      </c>
      <c r="L7" s="149">
        <v>31632</v>
      </c>
      <c r="M7" s="150">
        <v>31632</v>
      </c>
      <c r="N7" s="145">
        <v>1</v>
      </c>
      <c r="O7" s="146">
        <v>12</v>
      </c>
      <c r="P7" s="151">
        <v>13</v>
      </c>
      <c r="Q7" s="148">
        <v>0</v>
      </c>
      <c r="R7" s="146">
        <v>23</v>
      </c>
      <c r="S7" s="146">
        <v>151</v>
      </c>
      <c r="T7" s="146">
        <v>279</v>
      </c>
      <c r="U7" s="146">
        <v>820</v>
      </c>
      <c r="V7" s="146">
        <v>1517</v>
      </c>
      <c r="W7" s="151">
        <v>2790</v>
      </c>
      <c r="X7" s="150">
        <v>2803</v>
      </c>
      <c r="Y7" s="145">
        <v>1108</v>
      </c>
      <c r="Z7" s="146">
        <v>3644</v>
      </c>
      <c r="AA7" s="151">
        <v>4752</v>
      </c>
      <c r="AB7" s="148">
        <v>0</v>
      </c>
      <c r="AC7" s="146">
        <v>4827</v>
      </c>
      <c r="AD7" s="146">
        <v>9842</v>
      </c>
      <c r="AE7" s="146">
        <v>5244</v>
      </c>
      <c r="AF7" s="146">
        <v>4035</v>
      </c>
      <c r="AG7" s="146">
        <v>2894</v>
      </c>
      <c r="AH7" s="151">
        <v>26842</v>
      </c>
      <c r="AI7" s="150">
        <v>31594</v>
      </c>
      <c r="AJ7" s="145">
        <v>109</v>
      </c>
      <c r="AK7" s="146">
        <v>397</v>
      </c>
      <c r="AL7" s="151">
        <v>506</v>
      </c>
      <c r="AM7" s="148">
        <v>0</v>
      </c>
      <c r="AN7" s="146">
        <v>295</v>
      </c>
      <c r="AO7" s="146">
        <v>759</v>
      </c>
      <c r="AP7" s="146">
        <v>471</v>
      </c>
      <c r="AQ7" s="146">
        <v>356</v>
      </c>
      <c r="AR7" s="146">
        <v>253</v>
      </c>
      <c r="AS7" s="151">
        <v>2134</v>
      </c>
      <c r="AT7" s="150">
        <v>2640</v>
      </c>
      <c r="AU7" s="145">
        <v>1212</v>
      </c>
      <c r="AV7" s="146">
        <v>2322</v>
      </c>
      <c r="AW7" s="151">
        <v>3534</v>
      </c>
      <c r="AX7" s="148">
        <v>0</v>
      </c>
      <c r="AY7" s="146">
        <v>7391</v>
      </c>
      <c r="AZ7" s="146">
        <v>11540</v>
      </c>
      <c r="BA7" s="146">
        <v>8822</v>
      </c>
      <c r="BB7" s="146">
        <v>8455</v>
      </c>
      <c r="BC7" s="146">
        <v>6264</v>
      </c>
      <c r="BD7" s="149">
        <v>42472</v>
      </c>
      <c r="BE7" s="150">
        <v>46006</v>
      </c>
      <c r="BF7" s="145">
        <v>0</v>
      </c>
      <c r="BG7" s="146">
        <v>1</v>
      </c>
      <c r="BH7" s="151">
        <v>1</v>
      </c>
      <c r="BI7" s="148">
        <v>0</v>
      </c>
      <c r="BJ7" s="146">
        <v>7288</v>
      </c>
      <c r="BK7" s="146">
        <v>9099</v>
      </c>
      <c r="BL7" s="146">
        <v>4194</v>
      </c>
      <c r="BM7" s="146">
        <v>2323</v>
      </c>
      <c r="BN7" s="146">
        <v>1101</v>
      </c>
      <c r="BO7" s="151">
        <v>24005</v>
      </c>
      <c r="BP7" s="150">
        <v>24006</v>
      </c>
      <c r="BQ7" s="145">
        <v>758</v>
      </c>
      <c r="BR7" s="146">
        <v>1300</v>
      </c>
      <c r="BS7" s="151">
        <v>2058</v>
      </c>
      <c r="BT7" s="148">
        <v>0</v>
      </c>
      <c r="BU7" s="146">
        <v>1376</v>
      </c>
      <c r="BV7" s="146">
        <v>3010</v>
      </c>
      <c r="BW7" s="146">
        <v>1674</v>
      </c>
      <c r="BX7" s="146">
        <v>997</v>
      </c>
      <c r="BY7" s="146">
        <v>353</v>
      </c>
      <c r="BZ7" s="151">
        <v>7410</v>
      </c>
      <c r="CA7" s="150">
        <v>9468</v>
      </c>
      <c r="CB7" s="145">
        <v>20</v>
      </c>
      <c r="CC7" s="146">
        <v>96</v>
      </c>
      <c r="CD7" s="151">
        <v>116</v>
      </c>
      <c r="CE7" s="148">
        <v>0</v>
      </c>
      <c r="CF7" s="146">
        <v>678</v>
      </c>
      <c r="CG7" s="146">
        <v>1446</v>
      </c>
      <c r="CH7" s="146">
        <v>1698</v>
      </c>
      <c r="CI7" s="146">
        <v>1116</v>
      </c>
      <c r="CJ7" s="146">
        <v>657</v>
      </c>
      <c r="CK7" s="151">
        <v>5595</v>
      </c>
      <c r="CL7" s="150">
        <v>5711</v>
      </c>
      <c r="CM7" s="145">
        <v>6</v>
      </c>
      <c r="CN7" s="146">
        <v>12</v>
      </c>
      <c r="CO7" s="151">
        <v>18</v>
      </c>
      <c r="CP7" s="148">
        <v>0</v>
      </c>
      <c r="CQ7" s="146">
        <v>84</v>
      </c>
      <c r="CR7" s="146">
        <v>287</v>
      </c>
      <c r="CS7" s="146">
        <v>335</v>
      </c>
      <c r="CT7" s="146">
        <v>317</v>
      </c>
      <c r="CU7" s="146">
        <v>211</v>
      </c>
      <c r="CV7" s="151">
        <v>1234</v>
      </c>
      <c r="CW7" s="150">
        <v>1252</v>
      </c>
      <c r="CX7" s="145">
        <v>0</v>
      </c>
      <c r="CY7" s="146">
        <v>0</v>
      </c>
      <c r="CZ7" s="151">
        <v>0</v>
      </c>
      <c r="DA7" s="148">
        <v>0</v>
      </c>
      <c r="DB7" s="146">
        <v>0</v>
      </c>
      <c r="DC7" s="146">
        <v>0</v>
      </c>
      <c r="DD7" s="146">
        <v>0</v>
      </c>
      <c r="DE7" s="146">
        <v>0</v>
      </c>
      <c r="DF7" s="146">
        <v>0</v>
      </c>
      <c r="DG7" s="151">
        <v>0</v>
      </c>
      <c r="DH7" s="150">
        <v>0</v>
      </c>
      <c r="DI7" s="145">
        <v>0</v>
      </c>
      <c r="DJ7" s="146">
        <v>0</v>
      </c>
      <c r="DK7" s="151">
        <v>0</v>
      </c>
      <c r="DL7" s="148">
        <v>0</v>
      </c>
      <c r="DM7" s="146">
        <v>0</v>
      </c>
      <c r="DN7" s="146">
        <v>0</v>
      </c>
      <c r="DO7" s="146">
        <v>0</v>
      </c>
      <c r="DP7" s="146">
        <v>0</v>
      </c>
      <c r="DQ7" s="146">
        <v>0</v>
      </c>
      <c r="DR7" s="151">
        <v>0</v>
      </c>
      <c r="DS7" s="150">
        <v>0</v>
      </c>
      <c r="DT7" s="145">
        <v>3892</v>
      </c>
      <c r="DU7" s="146">
        <v>10982</v>
      </c>
      <c r="DV7" s="151">
        <v>14874</v>
      </c>
      <c r="DW7" s="148">
        <v>0</v>
      </c>
      <c r="DX7" s="146">
        <v>8269</v>
      </c>
      <c r="DY7" s="146">
        <v>22093</v>
      </c>
      <c r="DZ7" s="146">
        <v>11310</v>
      </c>
      <c r="EA7" s="146">
        <v>8406</v>
      </c>
      <c r="EB7" s="146">
        <v>5462</v>
      </c>
      <c r="EC7" s="151">
        <v>55540</v>
      </c>
      <c r="ED7" s="150">
        <v>70414</v>
      </c>
      <c r="EE7" s="145">
        <v>644</v>
      </c>
      <c r="EF7" s="146">
        <v>648</v>
      </c>
      <c r="EG7" s="151">
        <v>1292</v>
      </c>
      <c r="EH7" s="148">
        <v>0</v>
      </c>
      <c r="EI7" s="146">
        <v>2586</v>
      </c>
      <c r="EJ7" s="146">
        <v>2929</v>
      </c>
      <c r="EK7" s="146">
        <v>2241</v>
      </c>
      <c r="EL7" s="146">
        <v>2526</v>
      </c>
      <c r="EM7" s="146">
        <v>1345</v>
      </c>
      <c r="EN7" s="151">
        <v>11627</v>
      </c>
      <c r="EO7" s="150">
        <v>12919</v>
      </c>
      <c r="EP7" s="145">
        <v>5405</v>
      </c>
      <c r="EQ7" s="146">
        <v>13661</v>
      </c>
      <c r="ER7" s="151">
        <v>19066</v>
      </c>
      <c r="ES7" s="148">
        <v>0</v>
      </c>
      <c r="ET7" s="146">
        <v>19712</v>
      </c>
      <c r="EU7" s="146">
        <v>29524</v>
      </c>
      <c r="EV7" s="146">
        <v>13596</v>
      </c>
      <c r="EW7" s="146">
        <v>9046</v>
      </c>
      <c r="EX7" s="146">
        <v>5579</v>
      </c>
      <c r="EY7" s="151">
        <v>77457</v>
      </c>
      <c r="EZ7" s="150">
        <v>96523</v>
      </c>
    </row>
    <row r="8" spans="2:156" ht="21" customHeight="1" x14ac:dyDescent="0.2">
      <c r="B8" s="152" t="s">
        <v>6</v>
      </c>
      <c r="C8" s="145">
        <v>0</v>
      </c>
      <c r="D8" s="146">
        <v>0</v>
      </c>
      <c r="E8" s="147">
        <v>0</v>
      </c>
      <c r="F8" s="148">
        <v>0</v>
      </c>
      <c r="G8" s="146">
        <v>3401</v>
      </c>
      <c r="H8" s="146">
        <v>3272</v>
      </c>
      <c r="I8" s="146">
        <v>1816</v>
      </c>
      <c r="J8" s="146">
        <v>1603</v>
      </c>
      <c r="K8" s="146">
        <v>1212</v>
      </c>
      <c r="L8" s="149">
        <v>11304</v>
      </c>
      <c r="M8" s="150">
        <v>11304</v>
      </c>
      <c r="N8" s="145">
        <v>2</v>
      </c>
      <c r="O8" s="146">
        <v>0</v>
      </c>
      <c r="P8" s="151">
        <v>2</v>
      </c>
      <c r="Q8" s="148">
        <v>0</v>
      </c>
      <c r="R8" s="146">
        <v>13</v>
      </c>
      <c r="S8" s="146">
        <v>39</v>
      </c>
      <c r="T8" s="146">
        <v>106</v>
      </c>
      <c r="U8" s="146">
        <v>287</v>
      </c>
      <c r="V8" s="146">
        <v>509</v>
      </c>
      <c r="W8" s="151">
        <v>954</v>
      </c>
      <c r="X8" s="150">
        <v>956</v>
      </c>
      <c r="Y8" s="145">
        <v>430</v>
      </c>
      <c r="Z8" s="146">
        <v>823</v>
      </c>
      <c r="AA8" s="151">
        <v>1253</v>
      </c>
      <c r="AB8" s="148">
        <v>0</v>
      </c>
      <c r="AC8" s="146">
        <v>2507</v>
      </c>
      <c r="AD8" s="146">
        <v>2618</v>
      </c>
      <c r="AE8" s="146">
        <v>1444</v>
      </c>
      <c r="AF8" s="146">
        <v>1239</v>
      </c>
      <c r="AG8" s="146">
        <v>969</v>
      </c>
      <c r="AH8" s="151">
        <v>8777</v>
      </c>
      <c r="AI8" s="150">
        <v>10030</v>
      </c>
      <c r="AJ8" s="145">
        <v>25</v>
      </c>
      <c r="AK8" s="146">
        <v>68</v>
      </c>
      <c r="AL8" s="151">
        <v>93</v>
      </c>
      <c r="AM8" s="148">
        <v>0</v>
      </c>
      <c r="AN8" s="146">
        <v>177</v>
      </c>
      <c r="AO8" s="146">
        <v>201</v>
      </c>
      <c r="AP8" s="146">
        <v>104</v>
      </c>
      <c r="AQ8" s="146">
        <v>116</v>
      </c>
      <c r="AR8" s="146">
        <v>70</v>
      </c>
      <c r="AS8" s="151">
        <v>668</v>
      </c>
      <c r="AT8" s="150">
        <v>761</v>
      </c>
      <c r="AU8" s="145">
        <v>550</v>
      </c>
      <c r="AV8" s="146">
        <v>631</v>
      </c>
      <c r="AW8" s="151">
        <v>1181</v>
      </c>
      <c r="AX8" s="148">
        <v>0</v>
      </c>
      <c r="AY8" s="146">
        <v>3836</v>
      </c>
      <c r="AZ8" s="146">
        <v>4267</v>
      </c>
      <c r="BA8" s="146">
        <v>3457</v>
      </c>
      <c r="BB8" s="146">
        <v>3379</v>
      </c>
      <c r="BC8" s="146">
        <v>2598</v>
      </c>
      <c r="BD8" s="149">
        <v>17537</v>
      </c>
      <c r="BE8" s="150">
        <v>18718</v>
      </c>
      <c r="BF8" s="145">
        <v>0</v>
      </c>
      <c r="BG8" s="146">
        <v>0</v>
      </c>
      <c r="BH8" s="151">
        <v>0</v>
      </c>
      <c r="BI8" s="148">
        <v>0</v>
      </c>
      <c r="BJ8" s="146">
        <v>3817</v>
      </c>
      <c r="BK8" s="146">
        <v>3072</v>
      </c>
      <c r="BL8" s="146">
        <v>1558</v>
      </c>
      <c r="BM8" s="146">
        <v>962</v>
      </c>
      <c r="BN8" s="146">
        <v>444</v>
      </c>
      <c r="BO8" s="151">
        <v>9853</v>
      </c>
      <c r="BP8" s="150">
        <v>9853</v>
      </c>
      <c r="BQ8" s="145">
        <v>122</v>
      </c>
      <c r="BR8" s="146">
        <v>203</v>
      </c>
      <c r="BS8" s="151">
        <v>325</v>
      </c>
      <c r="BT8" s="148">
        <v>0</v>
      </c>
      <c r="BU8" s="146">
        <v>615</v>
      </c>
      <c r="BV8" s="146">
        <v>716</v>
      </c>
      <c r="BW8" s="146">
        <v>436</v>
      </c>
      <c r="BX8" s="146">
        <v>282</v>
      </c>
      <c r="BY8" s="146">
        <v>123</v>
      </c>
      <c r="BZ8" s="151">
        <v>2172</v>
      </c>
      <c r="CA8" s="150">
        <v>2497</v>
      </c>
      <c r="CB8" s="145">
        <v>4</v>
      </c>
      <c r="CC8" s="146">
        <v>22</v>
      </c>
      <c r="CD8" s="151">
        <v>26</v>
      </c>
      <c r="CE8" s="148">
        <v>0</v>
      </c>
      <c r="CF8" s="146">
        <v>288</v>
      </c>
      <c r="CG8" s="146">
        <v>480</v>
      </c>
      <c r="CH8" s="146">
        <v>557</v>
      </c>
      <c r="CI8" s="146">
        <v>391</v>
      </c>
      <c r="CJ8" s="146">
        <v>233</v>
      </c>
      <c r="CK8" s="151">
        <v>1949</v>
      </c>
      <c r="CL8" s="150">
        <v>1975</v>
      </c>
      <c r="CM8" s="145">
        <v>0</v>
      </c>
      <c r="CN8" s="146">
        <v>1</v>
      </c>
      <c r="CO8" s="151">
        <v>1</v>
      </c>
      <c r="CP8" s="148">
        <v>0</v>
      </c>
      <c r="CQ8" s="146">
        <v>30</v>
      </c>
      <c r="CR8" s="146">
        <v>72</v>
      </c>
      <c r="CS8" s="146">
        <v>77</v>
      </c>
      <c r="CT8" s="146">
        <v>78</v>
      </c>
      <c r="CU8" s="146">
        <v>59</v>
      </c>
      <c r="CV8" s="151">
        <v>316</v>
      </c>
      <c r="CW8" s="150">
        <v>317</v>
      </c>
      <c r="CX8" s="145">
        <v>0</v>
      </c>
      <c r="CY8" s="146">
        <v>0</v>
      </c>
      <c r="CZ8" s="151">
        <v>0</v>
      </c>
      <c r="DA8" s="148">
        <v>0</v>
      </c>
      <c r="DB8" s="146">
        <v>0</v>
      </c>
      <c r="DC8" s="146">
        <v>0</v>
      </c>
      <c r="DD8" s="146">
        <v>0</v>
      </c>
      <c r="DE8" s="146">
        <v>0</v>
      </c>
      <c r="DF8" s="146">
        <v>0</v>
      </c>
      <c r="DG8" s="151">
        <v>0</v>
      </c>
      <c r="DH8" s="150">
        <v>0</v>
      </c>
      <c r="DI8" s="145">
        <v>0</v>
      </c>
      <c r="DJ8" s="146">
        <v>0</v>
      </c>
      <c r="DK8" s="151">
        <v>0</v>
      </c>
      <c r="DL8" s="148">
        <v>0</v>
      </c>
      <c r="DM8" s="146">
        <v>0</v>
      </c>
      <c r="DN8" s="146">
        <v>0</v>
      </c>
      <c r="DO8" s="146">
        <v>0</v>
      </c>
      <c r="DP8" s="146">
        <v>0</v>
      </c>
      <c r="DQ8" s="146">
        <v>0</v>
      </c>
      <c r="DR8" s="151">
        <v>0</v>
      </c>
      <c r="DS8" s="150">
        <v>0</v>
      </c>
      <c r="DT8" s="145">
        <v>1753</v>
      </c>
      <c r="DU8" s="146">
        <v>3059</v>
      </c>
      <c r="DV8" s="151">
        <v>4812</v>
      </c>
      <c r="DW8" s="148">
        <v>0</v>
      </c>
      <c r="DX8" s="146">
        <v>5160</v>
      </c>
      <c r="DY8" s="146">
        <v>6482</v>
      </c>
      <c r="DZ8" s="146">
        <v>3783</v>
      </c>
      <c r="EA8" s="146">
        <v>3090</v>
      </c>
      <c r="EB8" s="146">
        <v>2018</v>
      </c>
      <c r="EC8" s="151">
        <v>20533</v>
      </c>
      <c r="ED8" s="150">
        <v>25345</v>
      </c>
      <c r="EE8" s="145">
        <v>251</v>
      </c>
      <c r="EF8" s="146">
        <v>163</v>
      </c>
      <c r="EG8" s="151">
        <v>414</v>
      </c>
      <c r="EH8" s="148">
        <v>0</v>
      </c>
      <c r="EI8" s="146">
        <v>970</v>
      </c>
      <c r="EJ8" s="146">
        <v>835</v>
      </c>
      <c r="EK8" s="146">
        <v>725</v>
      </c>
      <c r="EL8" s="146">
        <v>818</v>
      </c>
      <c r="EM8" s="146">
        <v>530</v>
      </c>
      <c r="EN8" s="151">
        <v>3878</v>
      </c>
      <c r="EO8" s="150">
        <v>4292</v>
      </c>
      <c r="EP8" s="145">
        <v>2155</v>
      </c>
      <c r="EQ8" s="146">
        <v>3564</v>
      </c>
      <c r="ER8" s="151">
        <v>5719</v>
      </c>
      <c r="ES8" s="148">
        <v>0</v>
      </c>
      <c r="ET8" s="146">
        <v>9742</v>
      </c>
      <c r="EU8" s="146">
        <v>8341</v>
      </c>
      <c r="EV8" s="146">
        <v>4277</v>
      </c>
      <c r="EW8" s="146">
        <v>3209</v>
      </c>
      <c r="EX8" s="146">
        <v>2030</v>
      </c>
      <c r="EY8" s="151">
        <v>27599</v>
      </c>
      <c r="EZ8" s="150">
        <v>33318</v>
      </c>
    </row>
    <row r="9" spans="2:156" ht="21" customHeight="1" x14ac:dyDescent="0.2">
      <c r="B9" s="152" t="s">
        <v>14</v>
      </c>
      <c r="C9" s="145">
        <v>0</v>
      </c>
      <c r="D9" s="146">
        <v>0</v>
      </c>
      <c r="E9" s="147">
        <v>0</v>
      </c>
      <c r="F9" s="148">
        <v>0</v>
      </c>
      <c r="G9" s="146">
        <v>1211</v>
      </c>
      <c r="H9" s="146">
        <v>1796</v>
      </c>
      <c r="I9" s="146">
        <v>1111</v>
      </c>
      <c r="J9" s="146">
        <v>807</v>
      </c>
      <c r="K9" s="146">
        <v>572</v>
      </c>
      <c r="L9" s="149">
        <v>5497</v>
      </c>
      <c r="M9" s="150">
        <v>5497</v>
      </c>
      <c r="N9" s="145">
        <v>0</v>
      </c>
      <c r="O9" s="146">
        <v>1</v>
      </c>
      <c r="P9" s="151">
        <v>1</v>
      </c>
      <c r="Q9" s="148">
        <v>0</v>
      </c>
      <c r="R9" s="146">
        <v>1</v>
      </c>
      <c r="S9" s="146">
        <v>23</v>
      </c>
      <c r="T9" s="146">
        <v>46</v>
      </c>
      <c r="U9" s="146">
        <v>152</v>
      </c>
      <c r="V9" s="146">
        <v>226</v>
      </c>
      <c r="W9" s="151">
        <v>448</v>
      </c>
      <c r="X9" s="150">
        <v>449</v>
      </c>
      <c r="Y9" s="145">
        <v>126</v>
      </c>
      <c r="Z9" s="146">
        <v>457</v>
      </c>
      <c r="AA9" s="151">
        <v>583</v>
      </c>
      <c r="AB9" s="148">
        <v>0</v>
      </c>
      <c r="AC9" s="146">
        <v>812</v>
      </c>
      <c r="AD9" s="146">
        <v>1372</v>
      </c>
      <c r="AE9" s="146">
        <v>912</v>
      </c>
      <c r="AF9" s="146">
        <v>682</v>
      </c>
      <c r="AG9" s="146">
        <v>500</v>
      </c>
      <c r="AH9" s="151">
        <v>4278</v>
      </c>
      <c r="AI9" s="150">
        <v>4861</v>
      </c>
      <c r="AJ9" s="145">
        <v>9</v>
      </c>
      <c r="AK9" s="146">
        <v>33</v>
      </c>
      <c r="AL9" s="151">
        <v>42</v>
      </c>
      <c r="AM9" s="148">
        <v>0</v>
      </c>
      <c r="AN9" s="146">
        <v>15</v>
      </c>
      <c r="AO9" s="146">
        <v>64</v>
      </c>
      <c r="AP9" s="146">
        <v>43</v>
      </c>
      <c r="AQ9" s="146">
        <v>37</v>
      </c>
      <c r="AR9" s="146">
        <v>18</v>
      </c>
      <c r="AS9" s="151">
        <v>177</v>
      </c>
      <c r="AT9" s="150">
        <v>219</v>
      </c>
      <c r="AU9" s="145">
        <v>246</v>
      </c>
      <c r="AV9" s="146">
        <v>414</v>
      </c>
      <c r="AW9" s="151">
        <v>660</v>
      </c>
      <c r="AX9" s="148">
        <v>0</v>
      </c>
      <c r="AY9" s="146">
        <v>1465</v>
      </c>
      <c r="AZ9" s="146">
        <v>2081</v>
      </c>
      <c r="BA9" s="146">
        <v>1977</v>
      </c>
      <c r="BB9" s="146">
        <v>1668</v>
      </c>
      <c r="BC9" s="146">
        <v>1164</v>
      </c>
      <c r="BD9" s="149">
        <v>8355</v>
      </c>
      <c r="BE9" s="150">
        <v>9015</v>
      </c>
      <c r="BF9" s="145">
        <v>0</v>
      </c>
      <c r="BG9" s="146">
        <v>0</v>
      </c>
      <c r="BH9" s="151">
        <v>0</v>
      </c>
      <c r="BI9" s="148">
        <v>0</v>
      </c>
      <c r="BJ9" s="146">
        <v>1695</v>
      </c>
      <c r="BK9" s="146">
        <v>1972</v>
      </c>
      <c r="BL9" s="146">
        <v>1146</v>
      </c>
      <c r="BM9" s="146">
        <v>603</v>
      </c>
      <c r="BN9" s="146">
        <v>267</v>
      </c>
      <c r="BO9" s="151">
        <v>5683</v>
      </c>
      <c r="BP9" s="150">
        <v>5683</v>
      </c>
      <c r="BQ9" s="145">
        <v>92</v>
      </c>
      <c r="BR9" s="146">
        <v>160</v>
      </c>
      <c r="BS9" s="151">
        <v>252</v>
      </c>
      <c r="BT9" s="148">
        <v>0</v>
      </c>
      <c r="BU9" s="146">
        <v>147</v>
      </c>
      <c r="BV9" s="146">
        <v>393</v>
      </c>
      <c r="BW9" s="146">
        <v>262</v>
      </c>
      <c r="BX9" s="146">
        <v>134</v>
      </c>
      <c r="BY9" s="146">
        <v>53</v>
      </c>
      <c r="BZ9" s="151">
        <v>989</v>
      </c>
      <c r="CA9" s="150">
        <v>1241</v>
      </c>
      <c r="CB9" s="145">
        <v>2</v>
      </c>
      <c r="CC9" s="146">
        <v>16</v>
      </c>
      <c r="CD9" s="151">
        <v>18</v>
      </c>
      <c r="CE9" s="148">
        <v>0</v>
      </c>
      <c r="CF9" s="146">
        <v>124</v>
      </c>
      <c r="CG9" s="146">
        <v>289</v>
      </c>
      <c r="CH9" s="146">
        <v>398</v>
      </c>
      <c r="CI9" s="146">
        <v>292</v>
      </c>
      <c r="CJ9" s="146">
        <v>152</v>
      </c>
      <c r="CK9" s="151">
        <v>1255</v>
      </c>
      <c r="CL9" s="150">
        <v>1273</v>
      </c>
      <c r="CM9" s="145">
        <v>0</v>
      </c>
      <c r="CN9" s="146">
        <v>2</v>
      </c>
      <c r="CO9" s="151">
        <v>2</v>
      </c>
      <c r="CP9" s="148">
        <v>0</v>
      </c>
      <c r="CQ9" s="146">
        <v>1</v>
      </c>
      <c r="CR9" s="146">
        <v>6</v>
      </c>
      <c r="CS9" s="146">
        <v>9</v>
      </c>
      <c r="CT9" s="146">
        <v>8</v>
      </c>
      <c r="CU9" s="146">
        <v>9</v>
      </c>
      <c r="CV9" s="151">
        <v>33</v>
      </c>
      <c r="CW9" s="150">
        <v>35</v>
      </c>
      <c r="CX9" s="145">
        <v>0</v>
      </c>
      <c r="CY9" s="146">
        <v>0</v>
      </c>
      <c r="CZ9" s="151">
        <v>0</v>
      </c>
      <c r="DA9" s="148">
        <v>0</v>
      </c>
      <c r="DB9" s="146">
        <v>0</v>
      </c>
      <c r="DC9" s="146">
        <v>0</v>
      </c>
      <c r="DD9" s="146">
        <v>0</v>
      </c>
      <c r="DE9" s="146">
        <v>0</v>
      </c>
      <c r="DF9" s="146">
        <v>0</v>
      </c>
      <c r="DG9" s="151">
        <v>0</v>
      </c>
      <c r="DH9" s="150">
        <v>0</v>
      </c>
      <c r="DI9" s="145">
        <v>0</v>
      </c>
      <c r="DJ9" s="146">
        <v>0</v>
      </c>
      <c r="DK9" s="151">
        <v>0</v>
      </c>
      <c r="DL9" s="148">
        <v>0</v>
      </c>
      <c r="DM9" s="146">
        <v>0</v>
      </c>
      <c r="DN9" s="146">
        <v>0</v>
      </c>
      <c r="DO9" s="146">
        <v>0</v>
      </c>
      <c r="DP9" s="146">
        <v>0</v>
      </c>
      <c r="DQ9" s="146">
        <v>0</v>
      </c>
      <c r="DR9" s="151">
        <v>0</v>
      </c>
      <c r="DS9" s="150">
        <v>0</v>
      </c>
      <c r="DT9" s="145">
        <v>926</v>
      </c>
      <c r="DU9" s="146">
        <v>2507</v>
      </c>
      <c r="DV9" s="151">
        <v>3433</v>
      </c>
      <c r="DW9" s="148">
        <v>0</v>
      </c>
      <c r="DX9" s="146">
        <v>2080</v>
      </c>
      <c r="DY9" s="146">
        <v>4208</v>
      </c>
      <c r="DZ9" s="146">
        <v>2523</v>
      </c>
      <c r="EA9" s="146">
        <v>1816</v>
      </c>
      <c r="EB9" s="146">
        <v>1051</v>
      </c>
      <c r="EC9" s="151">
        <v>11678</v>
      </c>
      <c r="ED9" s="150">
        <v>15111</v>
      </c>
      <c r="EE9" s="145">
        <v>115</v>
      </c>
      <c r="EF9" s="146">
        <v>107</v>
      </c>
      <c r="EG9" s="151">
        <v>222</v>
      </c>
      <c r="EH9" s="148">
        <v>0</v>
      </c>
      <c r="EI9" s="146">
        <v>339</v>
      </c>
      <c r="EJ9" s="146">
        <v>329</v>
      </c>
      <c r="EK9" s="146">
        <v>298</v>
      </c>
      <c r="EL9" s="146">
        <v>292</v>
      </c>
      <c r="EM9" s="146">
        <v>176</v>
      </c>
      <c r="EN9" s="151">
        <v>1434</v>
      </c>
      <c r="EO9" s="150">
        <v>1656</v>
      </c>
      <c r="EP9" s="145">
        <v>1091</v>
      </c>
      <c r="EQ9" s="146">
        <v>2785</v>
      </c>
      <c r="ER9" s="151">
        <v>3876</v>
      </c>
      <c r="ES9" s="148">
        <v>0</v>
      </c>
      <c r="ET9" s="146">
        <v>4224</v>
      </c>
      <c r="EU9" s="146">
        <v>5414</v>
      </c>
      <c r="EV9" s="146">
        <v>2984</v>
      </c>
      <c r="EW9" s="146">
        <v>1925</v>
      </c>
      <c r="EX9" s="146">
        <v>1072</v>
      </c>
      <c r="EY9" s="151">
        <v>15619</v>
      </c>
      <c r="EZ9" s="150">
        <v>19495</v>
      </c>
    </row>
    <row r="10" spans="2:156" ht="21" customHeight="1" x14ac:dyDescent="0.2">
      <c r="B10" s="152" t="s">
        <v>7</v>
      </c>
      <c r="C10" s="145">
        <v>0</v>
      </c>
      <c r="D10" s="146">
        <v>0</v>
      </c>
      <c r="E10" s="147">
        <v>0</v>
      </c>
      <c r="F10" s="148">
        <v>0</v>
      </c>
      <c r="G10" s="146">
        <v>1585</v>
      </c>
      <c r="H10" s="146">
        <v>1072</v>
      </c>
      <c r="I10" s="146">
        <v>601</v>
      </c>
      <c r="J10" s="146">
        <v>584</v>
      </c>
      <c r="K10" s="146">
        <v>373</v>
      </c>
      <c r="L10" s="149">
        <v>4215</v>
      </c>
      <c r="M10" s="150">
        <v>4215</v>
      </c>
      <c r="N10" s="145">
        <v>0</v>
      </c>
      <c r="O10" s="146">
        <v>0</v>
      </c>
      <c r="P10" s="151">
        <v>0</v>
      </c>
      <c r="Q10" s="148">
        <v>0</v>
      </c>
      <c r="R10" s="146">
        <v>10</v>
      </c>
      <c r="S10" s="146">
        <v>39</v>
      </c>
      <c r="T10" s="146">
        <v>48</v>
      </c>
      <c r="U10" s="146">
        <v>159</v>
      </c>
      <c r="V10" s="146">
        <v>222</v>
      </c>
      <c r="W10" s="151">
        <v>478</v>
      </c>
      <c r="X10" s="150">
        <v>478</v>
      </c>
      <c r="Y10" s="145">
        <v>20</v>
      </c>
      <c r="Z10" s="146">
        <v>37</v>
      </c>
      <c r="AA10" s="151">
        <v>57</v>
      </c>
      <c r="AB10" s="148">
        <v>0</v>
      </c>
      <c r="AC10" s="146">
        <v>635</v>
      </c>
      <c r="AD10" s="146">
        <v>555</v>
      </c>
      <c r="AE10" s="146">
        <v>316</v>
      </c>
      <c r="AF10" s="146">
        <v>371</v>
      </c>
      <c r="AG10" s="146">
        <v>318</v>
      </c>
      <c r="AH10" s="151">
        <v>2195</v>
      </c>
      <c r="AI10" s="150">
        <v>2252</v>
      </c>
      <c r="AJ10" s="145">
        <v>3</v>
      </c>
      <c r="AK10" s="146">
        <v>12</v>
      </c>
      <c r="AL10" s="151">
        <v>15</v>
      </c>
      <c r="AM10" s="148">
        <v>0</v>
      </c>
      <c r="AN10" s="146">
        <v>68</v>
      </c>
      <c r="AO10" s="146">
        <v>70</v>
      </c>
      <c r="AP10" s="146">
        <v>44</v>
      </c>
      <c r="AQ10" s="146">
        <v>45</v>
      </c>
      <c r="AR10" s="146">
        <v>25</v>
      </c>
      <c r="AS10" s="151">
        <v>252</v>
      </c>
      <c r="AT10" s="150">
        <v>267</v>
      </c>
      <c r="AU10" s="145">
        <v>176</v>
      </c>
      <c r="AV10" s="146">
        <v>129</v>
      </c>
      <c r="AW10" s="151">
        <v>305</v>
      </c>
      <c r="AX10" s="148">
        <v>0</v>
      </c>
      <c r="AY10" s="146">
        <v>1397</v>
      </c>
      <c r="AZ10" s="146">
        <v>1231</v>
      </c>
      <c r="BA10" s="146">
        <v>1017</v>
      </c>
      <c r="BB10" s="146">
        <v>1108</v>
      </c>
      <c r="BC10" s="146">
        <v>745</v>
      </c>
      <c r="BD10" s="149">
        <v>5498</v>
      </c>
      <c r="BE10" s="150">
        <v>5803</v>
      </c>
      <c r="BF10" s="145">
        <v>1</v>
      </c>
      <c r="BG10" s="146">
        <v>0</v>
      </c>
      <c r="BH10" s="151">
        <v>1</v>
      </c>
      <c r="BI10" s="148">
        <v>0</v>
      </c>
      <c r="BJ10" s="146">
        <v>1815</v>
      </c>
      <c r="BK10" s="146">
        <v>1073</v>
      </c>
      <c r="BL10" s="146">
        <v>536</v>
      </c>
      <c r="BM10" s="146">
        <v>303</v>
      </c>
      <c r="BN10" s="146">
        <v>150</v>
      </c>
      <c r="BO10" s="151">
        <v>3877</v>
      </c>
      <c r="BP10" s="150">
        <v>3878</v>
      </c>
      <c r="BQ10" s="145">
        <v>63</v>
      </c>
      <c r="BR10" s="146">
        <v>73</v>
      </c>
      <c r="BS10" s="151">
        <v>136</v>
      </c>
      <c r="BT10" s="148">
        <v>0</v>
      </c>
      <c r="BU10" s="146">
        <v>299</v>
      </c>
      <c r="BV10" s="146">
        <v>219</v>
      </c>
      <c r="BW10" s="146">
        <v>118</v>
      </c>
      <c r="BX10" s="146">
        <v>84</v>
      </c>
      <c r="BY10" s="146">
        <v>31</v>
      </c>
      <c r="BZ10" s="151">
        <v>751</v>
      </c>
      <c r="CA10" s="150">
        <v>887</v>
      </c>
      <c r="CB10" s="145">
        <v>5</v>
      </c>
      <c r="CC10" s="146">
        <v>6</v>
      </c>
      <c r="CD10" s="151">
        <v>11</v>
      </c>
      <c r="CE10" s="148">
        <v>0</v>
      </c>
      <c r="CF10" s="146">
        <v>274</v>
      </c>
      <c r="CG10" s="146">
        <v>290</v>
      </c>
      <c r="CH10" s="146">
        <v>303</v>
      </c>
      <c r="CI10" s="146">
        <v>197</v>
      </c>
      <c r="CJ10" s="146">
        <v>134</v>
      </c>
      <c r="CK10" s="151">
        <v>1198</v>
      </c>
      <c r="CL10" s="150">
        <v>1209</v>
      </c>
      <c r="CM10" s="145">
        <v>0</v>
      </c>
      <c r="CN10" s="146">
        <v>0</v>
      </c>
      <c r="CO10" s="151">
        <v>0</v>
      </c>
      <c r="CP10" s="148">
        <v>0</v>
      </c>
      <c r="CQ10" s="146">
        <v>8</v>
      </c>
      <c r="CR10" s="146">
        <v>12</v>
      </c>
      <c r="CS10" s="146">
        <v>17</v>
      </c>
      <c r="CT10" s="146">
        <v>12</v>
      </c>
      <c r="CU10" s="146">
        <v>7</v>
      </c>
      <c r="CV10" s="151">
        <v>56</v>
      </c>
      <c r="CW10" s="150">
        <v>56</v>
      </c>
      <c r="CX10" s="145">
        <v>0</v>
      </c>
      <c r="CY10" s="146">
        <v>0</v>
      </c>
      <c r="CZ10" s="151">
        <v>0</v>
      </c>
      <c r="DA10" s="148">
        <v>0</v>
      </c>
      <c r="DB10" s="146">
        <v>0</v>
      </c>
      <c r="DC10" s="146">
        <v>0</v>
      </c>
      <c r="DD10" s="146">
        <v>0</v>
      </c>
      <c r="DE10" s="146">
        <v>0</v>
      </c>
      <c r="DF10" s="146">
        <v>0</v>
      </c>
      <c r="DG10" s="151">
        <v>0</v>
      </c>
      <c r="DH10" s="150">
        <v>0</v>
      </c>
      <c r="DI10" s="145">
        <v>0</v>
      </c>
      <c r="DJ10" s="146">
        <v>0</v>
      </c>
      <c r="DK10" s="151">
        <v>0</v>
      </c>
      <c r="DL10" s="148">
        <v>0</v>
      </c>
      <c r="DM10" s="146">
        <v>0</v>
      </c>
      <c r="DN10" s="146">
        <v>0</v>
      </c>
      <c r="DO10" s="146">
        <v>0</v>
      </c>
      <c r="DP10" s="146">
        <v>0</v>
      </c>
      <c r="DQ10" s="146">
        <v>0</v>
      </c>
      <c r="DR10" s="151">
        <v>0</v>
      </c>
      <c r="DS10" s="150">
        <v>0</v>
      </c>
      <c r="DT10" s="145">
        <v>458</v>
      </c>
      <c r="DU10" s="146">
        <v>840</v>
      </c>
      <c r="DV10" s="151">
        <v>1298</v>
      </c>
      <c r="DW10" s="148">
        <v>0</v>
      </c>
      <c r="DX10" s="146">
        <v>2318</v>
      </c>
      <c r="DY10" s="146">
        <v>2271</v>
      </c>
      <c r="DZ10" s="146">
        <v>1244</v>
      </c>
      <c r="EA10" s="146">
        <v>1018</v>
      </c>
      <c r="EB10" s="146">
        <v>649</v>
      </c>
      <c r="EC10" s="151">
        <v>7500</v>
      </c>
      <c r="ED10" s="150">
        <v>8798</v>
      </c>
      <c r="EE10" s="145">
        <v>105</v>
      </c>
      <c r="EF10" s="146">
        <v>53</v>
      </c>
      <c r="EG10" s="151">
        <v>158</v>
      </c>
      <c r="EH10" s="148">
        <v>0</v>
      </c>
      <c r="EI10" s="146">
        <v>460</v>
      </c>
      <c r="EJ10" s="146">
        <v>305</v>
      </c>
      <c r="EK10" s="146">
        <v>268</v>
      </c>
      <c r="EL10" s="146">
        <v>316</v>
      </c>
      <c r="EM10" s="146">
        <v>157</v>
      </c>
      <c r="EN10" s="151">
        <v>1506</v>
      </c>
      <c r="EO10" s="150">
        <v>1664</v>
      </c>
      <c r="EP10" s="145">
        <v>532</v>
      </c>
      <c r="EQ10" s="146">
        <v>923</v>
      </c>
      <c r="ER10" s="151">
        <v>1455</v>
      </c>
      <c r="ES10" s="148">
        <v>0</v>
      </c>
      <c r="ET10" s="146">
        <v>4765</v>
      </c>
      <c r="EU10" s="146">
        <v>3052</v>
      </c>
      <c r="EV10" s="146">
        <v>1506</v>
      </c>
      <c r="EW10" s="146">
        <v>1116</v>
      </c>
      <c r="EX10" s="146">
        <v>668</v>
      </c>
      <c r="EY10" s="151">
        <v>11107</v>
      </c>
      <c r="EZ10" s="150">
        <v>12562</v>
      </c>
    </row>
    <row r="11" spans="2:156" ht="21" customHeight="1" x14ac:dyDescent="0.2">
      <c r="B11" s="152" t="s">
        <v>8</v>
      </c>
      <c r="C11" s="145">
        <v>0</v>
      </c>
      <c r="D11" s="146">
        <v>0</v>
      </c>
      <c r="E11" s="147">
        <v>0</v>
      </c>
      <c r="F11" s="148">
        <v>0</v>
      </c>
      <c r="G11" s="146">
        <v>510</v>
      </c>
      <c r="H11" s="146">
        <v>649</v>
      </c>
      <c r="I11" s="146">
        <v>391</v>
      </c>
      <c r="J11" s="146">
        <v>320</v>
      </c>
      <c r="K11" s="146">
        <v>265</v>
      </c>
      <c r="L11" s="149">
        <v>2135</v>
      </c>
      <c r="M11" s="150">
        <v>2135</v>
      </c>
      <c r="N11" s="145">
        <v>0</v>
      </c>
      <c r="O11" s="146">
        <v>0</v>
      </c>
      <c r="P11" s="151">
        <v>0</v>
      </c>
      <c r="Q11" s="148">
        <v>0</v>
      </c>
      <c r="R11" s="146">
        <v>6</v>
      </c>
      <c r="S11" s="146">
        <v>16</v>
      </c>
      <c r="T11" s="146">
        <v>23</v>
      </c>
      <c r="U11" s="146">
        <v>52</v>
      </c>
      <c r="V11" s="146">
        <v>97</v>
      </c>
      <c r="W11" s="151">
        <v>194</v>
      </c>
      <c r="X11" s="150">
        <v>194</v>
      </c>
      <c r="Y11" s="145">
        <v>59</v>
      </c>
      <c r="Z11" s="146">
        <v>96</v>
      </c>
      <c r="AA11" s="151">
        <v>155</v>
      </c>
      <c r="AB11" s="148">
        <v>0</v>
      </c>
      <c r="AC11" s="146">
        <v>362</v>
      </c>
      <c r="AD11" s="146">
        <v>478</v>
      </c>
      <c r="AE11" s="146">
        <v>283</v>
      </c>
      <c r="AF11" s="146">
        <v>272</v>
      </c>
      <c r="AG11" s="146">
        <v>233</v>
      </c>
      <c r="AH11" s="151">
        <v>1628</v>
      </c>
      <c r="AI11" s="150">
        <v>1783</v>
      </c>
      <c r="AJ11" s="145">
        <v>12</v>
      </c>
      <c r="AK11" s="146">
        <v>22</v>
      </c>
      <c r="AL11" s="151">
        <v>34</v>
      </c>
      <c r="AM11" s="148">
        <v>0</v>
      </c>
      <c r="AN11" s="146">
        <v>79</v>
      </c>
      <c r="AO11" s="146">
        <v>102</v>
      </c>
      <c r="AP11" s="146">
        <v>37</v>
      </c>
      <c r="AQ11" s="146">
        <v>44</v>
      </c>
      <c r="AR11" s="146">
        <v>27</v>
      </c>
      <c r="AS11" s="151">
        <v>289</v>
      </c>
      <c r="AT11" s="150">
        <v>323</v>
      </c>
      <c r="AU11" s="145">
        <v>89</v>
      </c>
      <c r="AV11" s="146">
        <v>70</v>
      </c>
      <c r="AW11" s="151">
        <v>159</v>
      </c>
      <c r="AX11" s="148">
        <v>0</v>
      </c>
      <c r="AY11" s="146">
        <v>551</v>
      </c>
      <c r="AZ11" s="146">
        <v>662</v>
      </c>
      <c r="BA11" s="146">
        <v>623</v>
      </c>
      <c r="BB11" s="146">
        <v>569</v>
      </c>
      <c r="BC11" s="146">
        <v>480</v>
      </c>
      <c r="BD11" s="149">
        <v>2885</v>
      </c>
      <c r="BE11" s="150">
        <v>3044</v>
      </c>
      <c r="BF11" s="145">
        <v>0</v>
      </c>
      <c r="BG11" s="146">
        <v>0</v>
      </c>
      <c r="BH11" s="151">
        <v>0</v>
      </c>
      <c r="BI11" s="148">
        <v>0</v>
      </c>
      <c r="BJ11" s="146">
        <v>665</v>
      </c>
      <c r="BK11" s="146">
        <v>658</v>
      </c>
      <c r="BL11" s="146">
        <v>349</v>
      </c>
      <c r="BM11" s="146">
        <v>232</v>
      </c>
      <c r="BN11" s="146">
        <v>122</v>
      </c>
      <c r="BO11" s="151">
        <v>2026</v>
      </c>
      <c r="BP11" s="150">
        <v>2026</v>
      </c>
      <c r="BQ11" s="145">
        <v>77</v>
      </c>
      <c r="BR11" s="146">
        <v>65</v>
      </c>
      <c r="BS11" s="151">
        <v>142</v>
      </c>
      <c r="BT11" s="148">
        <v>0</v>
      </c>
      <c r="BU11" s="146">
        <v>152</v>
      </c>
      <c r="BV11" s="146">
        <v>184</v>
      </c>
      <c r="BW11" s="146">
        <v>112</v>
      </c>
      <c r="BX11" s="146">
        <v>58</v>
      </c>
      <c r="BY11" s="146">
        <v>18</v>
      </c>
      <c r="BZ11" s="151">
        <v>524</v>
      </c>
      <c r="CA11" s="150">
        <v>666</v>
      </c>
      <c r="CB11" s="145">
        <v>7</v>
      </c>
      <c r="CC11" s="146">
        <v>7</v>
      </c>
      <c r="CD11" s="151">
        <v>14</v>
      </c>
      <c r="CE11" s="148">
        <v>0</v>
      </c>
      <c r="CF11" s="146">
        <v>98</v>
      </c>
      <c r="CG11" s="146">
        <v>156</v>
      </c>
      <c r="CH11" s="146">
        <v>200</v>
      </c>
      <c r="CI11" s="146">
        <v>131</v>
      </c>
      <c r="CJ11" s="146">
        <v>69</v>
      </c>
      <c r="CK11" s="151">
        <v>654</v>
      </c>
      <c r="CL11" s="150">
        <v>668</v>
      </c>
      <c r="CM11" s="145">
        <v>1</v>
      </c>
      <c r="CN11" s="146">
        <v>0</v>
      </c>
      <c r="CO11" s="151">
        <v>1</v>
      </c>
      <c r="CP11" s="148">
        <v>0</v>
      </c>
      <c r="CQ11" s="146">
        <v>3</v>
      </c>
      <c r="CR11" s="146">
        <v>4</v>
      </c>
      <c r="CS11" s="146">
        <v>5</v>
      </c>
      <c r="CT11" s="146">
        <v>8</v>
      </c>
      <c r="CU11" s="146">
        <v>7</v>
      </c>
      <c r="CV11" s="151">
        <v>27</v>
      </c>
      <c r="CW11" s="150">
        <v>28</v>
      </c>
      <c r="CX11" s="145">
        <v>0</v>
      </c>
      <c r="CY11" s="146">
        <v>0</v>
      </c>
      <c r="CZ11" s="151">
        <v>0</v>
      </c>
      <c r="DA11" s="148">
        <v>0</v>
      </c>
      <c r="DB11" s="146">
        <v>0</v>
      </c>
      <c r="DC11" s="146">
        <v>0</v>
      </c>
      <c r="DD11" s="146">
        <v>0</v>
      </c>
      <c r="DE11" s="146">
        <v>0</v>
      </c>
      <c r="DF11" s="146">
        <v>0</v>
      </c>
      <c r="DG11" s="151">
        <v>0</v>
      </c>
      <c r="DH11" s="150">
        <v>0</v>
      </c>
      <c r="DI11" s="145">
        <v>0</v>
      </c>
      <c r="DJ11" s="146">
        <v>0</v>
      </c>
      <c r="DK11" s="151">
        <v>0</v>
      </c>
      <c r="DL11" s="148">
        <v>0</v>
      </c>
      <c r="DM11" s="146">
        <v>0</v>
      </c>
      <c r="DN11" s="146">
        <v>0</v>
      </c>
      <c r="DO11" s="146">
        <v>0</v>
      </c>
      <c r="DP11" s="146">
        <v>0</v>
      </c>
      <c r="DQ11" s="146">
        <v>0</v>
      </c>
      <c r="DR11" s="151">
        <v>0</v>
      </c>
      <c r="DS11" s="150">
        <v>0</v>
      </c>
      <c r="DT11" s="145">
        <v>518</v>
      </c>
      <c r="DU11" s="146">
        <v>632</v>
      </c>
      <c r="DV11" s="151">
        <v>1150</v>
      </c>
      <c r="DW11" s="148">
        <v>0</v>
      </c>
      <c r="DX11" s="146">
        <v>1121</v>
      </c>
      <c r="DY11" s="146">
        <v>1646</v>
      </c>
      <c r="DZ11" s="146">
        <v>900</v>
      </c>
      <c r="EA11" s="146">
        <v>668</v>
      </c>
      <c r="EB11" s="146">
        <v>445</v>
      </c>
      <c r="EC11" s="151">
        <v>4780</v>
      </c>
      <c r="ED11" s="150">
        <v>5930</v>
      </c>
      <c r="EE11" s="145">
        <v>51</v>
      </c>
      <c r="EF11" s="146">
        <v>17</v>
      </c>
      <c r="EG11" s="151">
        <v>68</v>
      </c>
      <c r="EH11" s="148">
        <v>0</v>
      </c>
      <c r="EI11" s="146">
        <v>168</v>
      </c>
      <c r="EJ11" s="146">
        <v>136</v>
      </c>
      <c r="EK11" s="146">
        <v>125</v>
      </c>
      <c r="EL11" s="146">
        <v>121</v>
      </c>
      <c r="EM11" s="146">
        <v>84</v>
      </c>
      <c r="EN11" s="151">
        <v>634</v>
      </c>
      <c r="EO11" s="150">
        <v>702</v>
      </c>
      <c r="EP11" s="145">
        <v>624</v>
      </c>
      <c r="EQ11" s="146">
        <v>709</v>
      </c>
      <c r="ER11" s="151">
        <v>1333</v>
      </c>
      <c r="ES11" s="148">
        <v>0</v>
      </c>
      <c r="ET11" s="146">
        <v>2011</v>
      </c>
      <c r="EU11" s="146">
        <v>2029</v>
      </c>
      <c r="EV11" s="146">
        <v>1052</v>
      </c>
      <c r="EW11" s="146">
        <v>733</v>
      </c>
      <c r="EX11" s="146">
        <v>453</v>
      </c>
      <c r="EY11" s="151">
        <v>6278</v>
      </c>
      <c r="EZ11" s="150">
        <v>7611</v>
      </c>
    </row>
    <row r="12" spans="2:156" ht="21" customHeight="1" x14ac:dyDescent="0.2">
      <c r="B12" s="152" t="s">
        <v>9</v>
      </c>
      <c r="C12" s="145">
        <v>0</v>
      </c>
      <c r="D12" s="146">
        <v>0</v>
      </c>
      <c r="E12" s="147">
        <v>0</v>
      </c>
      <c r="F12" s="148">
        <v>0</v>
      </c>
      <c r="G12" s="146">
        <v>644</v>
      </c>
      <c r="H12" s="146">
        <v>524</v>
      </c>
      <c r="I12" s="146">
        <v>385</v>
      </c>
      <c r="J12" s="146">
        <v>341</v>
      </c>
      <c r="K12" s="146">
        <v>242</v>
      </c>
      <c r="L12" s="149">
        <v>2136</v>
      </c>
      <c r="M12" s="150">
        <v>2136</v>
      </c>
      <c r="N12" s="145">
        <v>0</v>
      </c>
      <c r="O12" s="146">
        <v>0</v>
      </c>
      <c r="P12" s="151">
        <v>0</v>
      </c>
      <c r="Q12" s="148">
        <v>0</v>
      </c>
      <c r="R12" s="146">
        <v>2</v>
      </c>
      <c r="S12" s="146">
        <v>5</v>
      </c>
      <c r="T12" s="146">
        <v>22</v>
      </c>
      <c r="U12" s="146">
        <v>46</v>
      </c>
      <c r="V12" s="146">
        <v>97</v>
      </c>
      <c r="W12" s="151">
        <v>172</v>
      </c>
      <c r="X12" s="150">
        <v>172</v>
      </c>
      <c r="Y12" s="145">
        <v>72</v>
      </c>
      <c r="Z12" s="146">
        <v>108</v>
      </c>
      <c r="AA12" s="151">
        <v>180</v>
      </c>
      <c r="AB12" s="148">
        <v>0</v>
      </c>
      <c r="AC12" s="146">
        <v>397</v>
      </c>
      <c r="AD12" s="146">
        <v>374</v>
      </c>
      <c r="AE12" s="146">
        <v>273</v>
      </c>
      <c r="AF12" s="146">
        <v>280</v>
      </c>
      <c r="AG12" s="146">
        <v>222</v>
      </c>
      <c r="AH12" s="151">
        <v>1546</v>
      </c>
      <c r="AI12" s="150">
        <v>1726</v>
      </c>
      <c r="AJ12" s="145">
        <v>3</v>
      </c>
      <c r="AK12" s="146">
        <v>10</v>
      </c>
      <c r="AL12" s="151">
        <v>13</v>
      </c>
      <c r="AM12" s="148">
        <v>0</v>
      </c>
      <c r="AN12" s="146">
        <v>37</v>
      </c>
      <c r="AO12" s="146">
        <v>46</v>
      </c>
      <c r="AP12" s="146">
        <v>32</v>
      </c>
      <c r="AQ12" s="146">
        <v>29</v>
      </c>
      <c r="AR12" s="146">
        <v>28</v>
      </c>
      <c r="AS12" s="151">
        <v>172</v>
      </c>
      <c r="AT12" s="150">
        <v>185</v>
      </c>
      <c r="AU12" s="145">
        <v>84</v>
      </c>
      <c r="AV12" s="146">
        <v>79</v>
      </c>
      <c r="AW12" s="151">
        <v>163</v>
      </c>
      <c r="AX12" s="148">
        <v>0</v>
      </c>
      <c r="AY12" s="146">
        <v>589</v>
      </c>
      <c r="AZ12" s="146">
        <v>596</v>
      </c>
      <c r="BA12" s="146">
        <v>619</v>
      </c>
      <c r="BB12" s="146">
        <v>625</v>
      </c>
      <c r="BC12" s="146">
        <v>457</v>
      </c>
      <c r="BD12" s="149">
        <v>2886</v>
      </c>
      <c r="BE12" s="150">
        <v>3049</v>
      </c>
      <c r="BF12" s="145">
        <v>0</v>
      </c>
      <c r="BG12" s="146">
        <v>0</v>
      </c>
      <c r="BH12" s="151">
        <v>0</v>
      </c>
      <c r="BI12" s="148">
        <v>0</v>
      </c>
      <c r="BJ12" s="146">
        <v>612</v>
      </c>
      <c r="BK12" s="146">
        <v>446</v>
      </c>
      <c r="BL12" s="146">
        <v>287</v>
      </c>
      <c r="BM12" s="146">
        <v>174</v>
      </c>
      <c r="BN12" s="146">
        <v>75</v>
      </c>
      <c r="BO12" s="151">
        <v>1594</v>
      </c>
      <c r="BP12" s="150">
        <v>1594</v>
      </c>
      <c r="BQ12" s="145">
        <v>55</v>
      </c>
      <c r="BR12" s="146">
        <v>75</v>
      </c>
      <c r="BS12" s="151">
        <v>130</v>
      </c>
      <c r="BT12" s="148">
        <v>0</v>
      </c>
      <c r="BU12" s="146">
        <v>168</v>
      </c>
      <c r="BV12" s="146">
        <v>123</v>
      </c>
      <c r="BW12" s="146">
        <v>87</v>
      </c>
      <c r="BX12" s="146">
        <v>81</v>
      </c>
      <c r="BY12" s="146">
        <v>24</v>
      </c>
      <c r="BZ12" s="151">
        <v>483</v>
      </c>
      <c r="CA12" s="150">
        <v>613</v>
      </c>
      <c r="CB12" s="145">
        <v>2</v>
      </c>
      <c r="CC12" s="146">
        <v>3</v>
      </c>
      <c r="CD12" s="151">
        <v>5</v>
      </c>
      <c r="CE12" s="148">
        <v>0</v>
      </c>
      <c r="CF12" s="146">
        <v>57</v>
      </c>
      <c r="CG12" s="146">
        <v>98</v>
      </c>
      <c r="CH12" s="146">
        <v>115</v>
      </c>
      <c r="CI12" s="146">
        <v>103</v>
      </c>
      <c r="CJ12" s="146">
        <v>60</v>
      </c>
      <c r="CK12" s="151">
        <v>433</v>
      </c>
      <c r="CL12" s="150">
        <v>438</v>
      </c>
      <c r="CM12" s="145">
        <v>0</v>
      </c>
      <c r="CN12" s="146">
        <v>0</v>
      </c>
      <c r="CO12" s="151">
        <v>0</v>
      </c>
      <c r="CP12" s="148">
        <v>0</v>
      </c>
      <c r="CQ12" s="146">
        <v>11</v>
      </c>
      <c r="CR12" s="146">
        <v>11</v>
      </c>
      <c r="CS12" s="146">
        <v>16</v>
      </c>
      <c r="CT12" s="146">
        <v>15</v>
      </c>
      <c r="CU12" s="146">
        <v>20</v>
      </c>
      <c r="CV12" s="151">
        <v>73</v>
      </c>
      <c r="CW12" s="150">
        <v>73</v>
      </c>
      <c r="CX12" s="145">
        <v>0</v>
      </c>
      <c r="CY12" s="146">
        <v>0</v>
      </c>
      <c r="CZ12" s="151">
        <v>0</v>
      </c>
      <c r="DA12" s="148">
        <v>0</v>
      </c>
      <c r="DB12" s="146">
        <v>0</v>
      </c>
      <c r="DC12" s="146">
        <v>0</v>
      </c>
      <c r="DD12" s="146">
        <v>0</v>
      </c>
      <c r="DE12" s="146">
        <v>0</v>
      </c>
      <c r="DF12" s="146">
        <v>0</v>
      </c>
      <c r="DG12" s="151">
        <v>0</v>
      </c>
      <c r="DH12" s="150">
        <v>0</v>
      </c>
      <c r="DI12" s="145">
        <v>0</v>
      </c>
      <c r="DJ12" s="146">
        <v>0</v>
      </c>
      <c r="DK12" s="151">
        <v>0</v>
      </c>
      <c r="DL12" s="148">
        <v>0</v>
      </c>
      <c r="DM12" s="146">
        <v>0</v>
      </c>
      <c r="DN12" s="146">
        <v>0</v>
      </c>
      <c r="DO12" s="146">
        <v>0</v>
      </c>
      <c r="DP12" s="146">
        <v>0</v>
      </c>
      <c r="DQ12" s="146">
        <v>0</v>
      </c>
      <c r="DR12" s="151">
        <v>0</v>
      </c>
      <c r="DS12" s="150">
        <v>0</v>
      </c>
      <c r="DT12" s="145">
        <v>383</v>
      </c>
      <c r="DU12" s="146">
        <v>486</v>
      </c>
      <c r="DV12" s="151">
        <v>869</v>
      </c>
      <c r="DW12" s="148">
        <v>0</v>
      </c>
      <c r="DX12" s="146">
        <v>928</v>
      </c>
      <c r="DY12" s="146">
        <v>1014</v>
      </c>
      <c r="DZ12" s="146">
        <v>687</v>
      </c>
      <c r="EA12" s="146">
        <v>583</v>
      </c>
      <c r="EB12" s="146">
        <v>388</v>
      </c>
      <c r="EC12" s="151">
        <v>3600</v>
      </c>
      <c r="ED12" s="150">
        <v>4469</v>
      </c>
      <c r="EE12" s="145">
        <v>51</v>
      </c>
      <c r="EF12" s="146">
        <v>24</v>
      </c>
      <c r="EG12" s="151">
        <v>75</v>
      </c>
      <c r="EH12" s="148">
        <v>0</v>
      </c>
      <c r="EI12" s="146">
        <v>224</v>
      </c>
      <c r="EJ12" s="146">
        <v>164</v>
      </c>
      <c r="EK12" s="146">
        <v>160</v>
      </c>
      <c r="EL12" s="146">
        <v>169</v>
      </c>
      <c r="EM12" s="146">
        <v>115</v>
      </c>
      <c r="EN12" s="151">
        <v>832</v>
      </c>
      <c r="EO12" s="150">
        <v>907</v>
      </c>
      <c r="EP12" s="145">
        <v>473</v>
      </c>
      <c r="EQ12" s="146">
        <v>574</v>
      </c>
      <c r="ER12" s="151">
        <v>1047</v>
      </c>
      <c r="ES12" s="148">
        <v>0</v>
      </c>
      <c r="ET12" s="146">
        <v>1779</v>
      </c>
      <c r="EU12" s="146">
        <v>1315</v>
      </c>
      <c r="EV12" s="146">
        <v>809</v>
      </c>
      <c r="EW12" s="146">
        <v>619</v>
      </c>
      <c r="EX12" s="146">
        <v>377</v>
      </c>
      <c r="EY12" s="151">
        <v>4899</v>
      </c>
      <c r="EZ12" s="150">
        <v>5946</v>
      </c>
    </row>
    <row r="13" spans="2:156" ht="21" customHeight="1" x14ac:dyDescent="0.2">
      <c r="B13" s="152" t="s">
        <v>10</v>
      </c>
      <c r="C13" s="145">
        <v>0</v>
      </c>
      <c r="D13" s="146">
        <v>0</v>
      </c>
      <c r="E13" s="147">
        <v>0</v>
      </c>
      <c r="F13" s="148">
        <v>0</v>
      </c>
      <c r="G13" s="146">
        <v>1341</v>
      </c>
      <c r="H13" s="146">
        <v>752</v>
      </c>
      <c r="I13" s="146">
        <v>521</v>
      </c>
      <c r="J13" s="146">
        <v>509</v>
      </c>
      <c r="K13" s="146">
        <v>384</v>
      </c>
      <c r="L13" s="149">
        <v>3507</v>
      </c>
      <c r="M13" s="150">
        <v>3507</v>
      </c>
      <c r="N13" s="145">
        <v>0</v>
      </c>
      <c r="O13" s="146">
        <v>0</v>
      </c>
      <c r="P13" s="151">
        <v>0</v>
      </c>
      <c r="Q13" s="148">
        <v>0</v>
      </c>
      <c r="R13" s="146">
        <v>8</v>
      </c>
      <c r="S13" s="146">
        <v>21</v>
      </c>
      <c r="T13" s="146">
        <v>35</v>
      </c>
      <c r="U13" s="146">
        <v>74</v>
      </c>
      <c r="V13" s="146">
        <v>161</v>
      </c>
      <c r="W13" s="151">
        <v>299</v>
      </c>
      <c r="X13" s="150">
        <v>299</v>
      </c>
      <c r="Y13" s="145">
        <v>171</v>
      </c>
      <c r="Z13" s="146">
        <v>311</v>
      </c>
      <c r="AA13" s="151">
        <v>482</v>
      </c>
      <c r="AB13" s="148">
        <v>0</v>
      </c>
      <c r="AC13" s="146">
        <v>914</v>
      </c>
      <c r="AD13" s="146">
        <v>601</v>
      </c>
      <c r="AE13" s="146">
        <v>384</v>
      </c>
      <c r="AF13" s="146">
        <v>354</v>
      </c>
      <c r="AG13" s="146">
        <v>290</v>
      </c>
      <c r="AH13" s="151">
        <v>2543</v>
      </c>
      <c r="AI13" s="150">
        <v>3025</v>
      </c>
      <c r="AJ13" s="145">
        <v>22</v>
      </c>
      <c r="AK13" s="146">
        <v>58</v>
      </c>
      <c r="AL13" s="151">
        <v>80</v>
      </c>
      <c r="AM13" s="148">
        <v>0</v>
      </c>
      <c r="AN13" s="146">
        <v>120</v>
      </c>
      <c r="AO13" s="146">
        <v>90</v>
      </c>
      <c r="AP13" s="146">
        <v>70</v>
      </c>
      <c r="AQ13" s="146">
        <v>39</v>
      </c>
      <c r="AR13" s="146">
        <v>59</v>
      </c>
      <c r="AS13" s="151">
        <v>378</v>
      </c>
      <c r="AT13" s="150">
        <v>458</v>
      </c>
      <c r="AU13" s="145">
        <v>211</v>
      </c>
      <c r="AV13" s="146">
        <v>300</v>
      </c>
      <c r="AW13" s="151">
        <v>511</v>
      </c>
      <c r="AX13" s="148">
        <v>0</v>
      </c>
      <c r="AY13" s="146">
        <v>1447</v>
      </c>
      <c r="AZ13" s="146">
        <v>1149</v>
      </c>
      <c r="BA13" s="146">
        <v>1015</v>
      </c>
      <c r="BB13" s="146">
        <v>1042</v>
      </c>
      <c r="BC13" s="146">
        <v>824</v>
      </c>
      <c r="BD13" s="149">
        <v>5477</v>
      </c>
      <c r="BE13" s="150">
        <v>5988</v>
      </c>
      <c r="BF13" s="145">
        <v>0</v>
      </c>
      <c r="BG13" s="146">
        <v>0</v>
      </c>
      <c r="BH13" s="151">
        <v>0</v>
      </c>
      <c r="BI13" s="148">
        <v>0</v>
      </c>
      <c r="BJ13" s="146">
        <v>1769</v>
      </c>
      <c r="BK13" s="146">
        <v>871</v>
      </c>
      <c r="BL13" s="146">
        <v>459</v>
      </c>
      <c r="BM13" s="146">
        <v>282</v>
      </c>
      <c r="BN13" s="146">
        <v>144</v>
      </c>
      <c r="BO13" s="151">
        <v>3525</v>
      </c>
      <c r="BP13" s="150">
        <v>3525</v>
      </c>
      <c r="BQ13" s="145">
        <v>46</v>
      </c>
      <c r="BR13" s="146">
        <v>88</v>
      </c>
      <c r="BS13" s="151">
        <v>134</v>
      </c>
      <c r="BT13" s="148">
        <v>0</v>
      </c>
      <c r="BU13" s="146">
        <v>230</v>
      </c>
      <c r="BV13" s="146">
        <v>205</v>
      </c>
      <c r="BW13" s="146">
        <v>118</v>
      </c>
      <c r="BX13" s="146">
        <v>61</v>
      </c>
      <c r="BY13" s="146">
        <v>31</v>
      </c>
      <c r="BZ13" s="151">
        <v>645</v>
      </c>
      <c r="CA13" s="150">
        <v>779</v>
      </c>
      <c r="CB13" s="145">
        <v>5</v>
      </c>
      <c r="CC13" s="146">
        <v>22</v>
      </c>
      <c r="CD13" s="151">
        <v>27</v>
      </c>
      <c r="CE13" s="148">
        <v>0</v>
      </c>
      <c r="CF13" s="146">
        <v>205</v>
      </c>
      <c r="CG13" s="146">
        <v>170</v>
      </c>
      <c r="CH13" s="146">
        <v>171</v>
      </c>
      <c r="CI13" s="146">
        <v>146</v>
      </c>
      <c r="CJ13" s="146">
        <v>84</v>
      </c>
      <c r="CK13" s="151">
        <v>776</v>
      </c>
      <c r="CL13" s="150">
        <v>803</v>
      </c>
      <c r="CM13" s="145">
        <v>0</v>
      </c>
      <c r="CN13" s="146">
        <v>0</v>
      </c>
      <c r="CO13" s="151">
        <v>0</v>
      </c>
      <c r="CP13" s="148">
        <v>0</v>
      </c>
      <c r="CQ13" s="146">
        <v>6</v>
      </c>
      <c r="CR13" s="146">
        <v>14</v>
      </c>
      <c r="CS13" s="146">
        <v>25</v>
      </c>
      <c r="CT13" s="146">
        <v>9</v>
      </c>
      <c r="CU13" s="146">
        <v>9</v>
      </c>
      <c r="CV13" s="151">
        <v>63</v>
      </c>
      <c r="CW13" s="150">
        <v>63</v>
      </c>
      <c r="CX13" s="145">
        <v>0</v>
      </c>
      <c r="CY13" s="146">
        <v>0</v>
      </c>
      <c r="CZ13" s="151">
        <v>0</v>
      </c>
      <c r="DA13" s="148">
        <v>0</v>
      </c>
      <c r="DB13" s="146">
        <v>0</v>
      </c>
      <c r="DC13" s="146">
        <v>0</v>
      </c>
      <c r="DD13" s="146">
        <v>0</v>
      </c>
      <c r="DE13" s="146">
        <v>0</v>
      </c>
      <c r="DF13" s="146">
        <v>0</v>
      </c>
      <c r="DG13" s="151">
        <v>0</v>
      </c>
      <c r="DH13" s="150">
        <v>0</v>
      </c>
      <c r="DI13" s="145">
        <v>0</v>
      </c>
      <c r="DJ13" s="146">
        <v>0</v>
      </c>
      <c r="DK13" s="151">
        <v>0</v>
      </c>
      <c r="DL13" s="148">
        <v>0</v>
      </c>
      <c r="DM13" s="146">
        <v>0</v>
      </c>
      <c r="DN13" s="146">
        <v>0</v>
      </c>
      <c r="DO13" s="146">
        <v>0</v>
      </c>
      <c r="DP13" s="146">
        <v>0</v>
      </c>
      <c r="DQ13" s="146">
        <v>0</v>
      </c>
      <c r="DR13" s="151">
        <v>0</v>
      </c>
      <c r="DS13" s="150">
        <v>0</v>
      </c>
      <c r="DT13" s="145">
        <v>1024</v>
      </c>
      <c r="DU13" s="146">
        <v>1307</v>
      </c>
      <c r="DV13" s="151">
        <v>2331</v>
      </c>
      <c r="DW13" s="148">
        <v>0</v>
      </c>
      <c r="DX13" s="146">
        <v>2073</v>
      </c>
      <c r="DY13" s="146">
        <v>1653</v>
      </c>
      <c r="DZ13" s="146">
        <v>1035</v>
      </c>
      <c r="EA13" s="146">
        <v>925</v>
      </c>
      <c r="EB13" s="146">
        <v>637</v>
      </c>
      <c r="EC13" s="151">
        <v>6323</v>
      </c>
      <c r="ED13" s="150">
        <v>8654</v>
      </c>
      <c r="EE13" s="145">
        <v>74</v>
      </c>
      <c r="EF13" s="146">
        <v>70</v>
      </c>
      <c r="EG13" s="151">
        <v>144</v>
      </c>
      <c r="EH13" s="148">
        <v>0</v>
      </c>
      <c r="EI13" s="146">
        <v>311</v>
      </c>
      <c r="EJ13" s="146">
        <v>265</v>
      </c>
      <c r="EK13" s="146">
        <v>226</v>
      </c>
      <c r="EL13" s="146">
        <v>235</v>
      </c>
      <c r="EM13" s="146">
        <v>158</v>
      </c>
      <c r="EN13" s="151">
        <v>1195</v>
      </c>
      <c r="EO13" s="150">
        <v>1339</v>
      </c>
      <c r="EP13" s="145">
        <v>1191</v>
      </c>
      <c r="EQ13" s="146">
        <v>1512</v>
      </c>
      <c r="ER13" s="151">
        <v>2703</v>
      </c>
      <c r="ES13" s="148">
        <v>0</v>
      </c>
      <c r="ET13" s="146">
        <v>3727</v>
      </c>
      <c r="EU13" s="146">
        <v>1992</v>
      </c>
      <c r="EV13" s="146">
        <v>1141</v>
      </c>
      <c r="EW13" s="146">
        <v>902</v>
      </c>
      <c r="EX13" s="146">
        <v>599</v>
      </c>
      <c r="EY13" s="151">
        <v>8361</v>
      </c>
      <c r="EZ13" s="150">
        <v>11064</v>
      </c>
    </row>
    <row r="14" spans="2:156" ht="21" customHeight="1" x14ac:dyDescent="0.2">
      <c r="B14" s="152" t="s">
        <v>11</v>
      </c>
      <c r="C14" s="145">
        <v>0</v>
      </c>
      <c r="D14" s="146">
        <v>0</v>
      </c>
      <c r="E14" s="147">
        <v>0</v>
      </c>
      <c r="F14" s="148">
        <v>0</v>
      </c>
      <c r="G14" s="146">
        <v>496</v>
      </c>
      <c r="H14" s="146">
        <v>365</v>
      </c>
      <c r="I14" s="146">
        <v>271</v>
      </c>
      <c r="J14" s="146">
        <v>227</v>
      </c>
      <c r="K14" s="146">
        <v>177</v>
      </c>
      <c r="L14" s="149">
        <v>1536</v>
      </c>
      <c r="M14" s="150">
        <v>1536</v>
      </c>
      <c r="N14" s="145">
        <v>0</v>
      </c>
      <c r="O14" s="146">
        <v>0</v>
      </c>
      <c r="P14" s="151">
        <v>0</v>
      </c>
      <c r="Q14" s="148">
        <v>0</v>
      </c>
      <c r="R14" s="146">
        <v>5</v>
      </c>
      <c r="S14" s="146">
        <v>10</v>
      </c>
      <c r="T14" s="146">
        <v>19</v>
      </c>
      <c r="U14" s="146">
        <v>47</v>
      </c>
      <c r="V14" s="146">
        <v>78</v>
      </c>
      <c r="W14" s="151">
        <v>159</v>
      </c>
      <c r="X14" s="150">
        <v>159</v>
      </c>
      <c r="Y14" s="145">
        <v>45</v>
      </c>
      <c r="Z14" s="146">
        <v>90</v>
      </c>
      <c r="AA14" s="151">
        <v>135</v>
      </c>
      <c r="AB14" s="148">
        <v>0</v>
      </c>
      <c r="AC14" s="146">
        <v>353</v>
      </c>
      <c r="AD14" s="146">
        <v>273</v>
      </c>
      <c r="AE14" s="146">
        <v>225</v>
      </c>
      <c r="AF14" s="146">
        <v>199</v>
      </c>
      <c r="AG14" s="146">
        <v>173</v>
      </c>
      <c r="AH14" s="151">
        <v>1223</v>
      </c>
      <c r="AI14" s="150">
        <v>1358</v>
      </c>
      <c r="AJ14" s="145">
        <v>3</v>
      </c>
      <c r="AK14" s="146">
        <v>6</v>
      </c>
      <c r="AL14" s="151">
        <v>9</v>
      </c>
      <c r="AM14" s="148">
        <v>0</v>
      </c>
      <c r="AN14" s="146">
        <v>26</v>
      </c>
      <c r="AO14" s="146">
        <v>22</v>
      </c>
      <c r="AP14" s="146">
        <v>28</v>
      </c>
      <c r="AQ14" s="146">
        <v>14</v>
      </c>
      <c r="AR14" s="146">
        <v>9</v>
      </c>
      <c r="AS14" s="151">
        <v>99</v>
      </c>
      <c r="AT14" s="150">
        <v>108</v>
      </c>
      <c r="AU14" s="145">
        <v>52</v>
      </c>
      <c r="AV14" s="146">
        <v>67</v>
      </c>
      <c r="AW14" s="151">
        <v>119</v>
      </c>
      <c r="AX14" s="148">
        <v>0</v>
      </c>
      <c r="AY14" s="146">
        <v>463</v>
      </c>
      <c r="AZ14" s="146">
        <v>508</v>
      </c>
      <c r="BA14" s="146">
        <v>462</v>
      </c>
      <c r="BB14" s="146">
        <v>462</v>
      </c>
      <c r="BC14" s="146">
        <v>324</v>
      </c>
      <c r="BD14" s="149">
        <v>2219</v>
      </c>
      <c r="BE14" s="150">
        <v>2338</v>
      </c>
      <c r="BF14" s="145">
        <v>0</v>
      </c>
      <c r="BG14" s="146">
        <v>0</v>
      </c>
      <c r="BH14" s="151">
        <v>0</v>
      </c>
      <c r="BI14" s="148">
        <v>0</v>
      </c>
      <c r="BJ14" s="146">
        <v>632</v>
      </c>
      <c r="BK14" s="146">
        <v>430</v>
      </c>
      <c r="BL14" s="146">
        <v>274</v>
      </c>
      <c r="BM14" s="146">
        <v>184</v>
      </c>
      <c r="BN14" s="146">
        <v>90</v>
      </c>
      <c r="BO14" s="151">
        <v>1610</v>
      </c>
      <c r="BP14" s="150">
        <v>1610</v>
      </c>
      <c r="BQ14" s="145">
        <v>121</v>
      </c>
      <c r="BR14" s="146">
        <v>100</v>
      </c>
      <c r="BS14" s="151">
        <v>221</v>
      </c>
      <c r="BT14" s="148">
        <v>0</v>
      </c>
      <c r="BU14" s="146">
        <v>249</v>
      </c>
      <c r="BV14" s="146">
        <v>152</v>
      </c>
      <c r="BW14" s="146">
        <v>89</v>
      </c>
      <c r="BX14" s="146">
        <v>76</v>
      </c>
      <c r="BY14" s="146">
        <v>29</v>
      </c>
      <c r="BZ14" s="151">
        <v>595</v>
      </c>
      <c r="CA14" s="150">
        <v>816</v>
      </c>
      <c r="CB14" s="145">
        <v>8</v>
      </c>
      <c r="CC14" s="146">
        <v>11</v>
      </c>
      <c r="CD14" s="151">
        <v>19</v>
      </c>
      <c r="CE14" s="148">
        <v>0</v>
      </c>
      <c r="CF14" s="146">
        <v>85</v>
      </c>
      <c r="CG14" s="146">
        <v>94</v>
      </c>
      <c r="CH14" s="146">
        <v>114</v>
      </c>
      <c r="CI14" s="146">
        <v>88</v>
      </c>
      <c r="CJ14" s="146">
        <v>51</v>
      </c>
      <c r="CK14" s="151">
        <v>432</v>
      </c>
      <c r="CL14" s="150">
        <v>451</v>
      </c>
      <c r="CM14" s="145">
        <v>0</v>
      </c>
      <c r="CN14" s="146">
        <v>0</v>
      </c>
      <c r="CO14" s="151">
        <v>0</v>
      </c>
      <c r="CP14" s="148">
        <v>0</v>
      </c>
      <c r="CQ14" s="146">
        <v>6</v>
      </c>
      <c r="CR14" s="146">
        <v>8</v>
      </c>
      <c r="CS14" s="146">
        <v>6</v>
      </c>
      <c r="CT14" s="146">
        <v>10</v>
      </c>
      <c r="CU14" s="146">
        <v>8</v>
      </c>
      <c r="CV14" s="151">
        <v>38</v>
      </c>
      <c r="CW14" s="150">
        <v>38</v>
      </c>
      <c r="CX14" s="145">
        <v>0</v>
      </c>
      <c r="CY14" s="146">
        <v>0</v>
      </c>
      <c r="CZ14" s="151">
        <v>0</v>
      </c>
      <c r="DA14" s="148">
        <v>0</v>
      </c>
      <c r="DB14" s="146">
        <v>0</v>
      </c>
      <c r="DC14" s="146">
        <v>0</v>
      </c>
      <c r="DD14" s="146">
        <v>0</v>
      </c>
      <c r="DE14" s="146">
        <v>0</v>
      </c>
      <c r="DF14" s="146">
        <v>0</v>
      </c>
      <c r="DG14" s="151">
        <v>0</v>
      </c>
      <c r="DH14" s="150">
        <v>0</v>
      </c>
      <c r="DI14" s="145">
        <v>0</v>
      </c>
      <c r="DJ14" s="146">
        <v>0</v>
      </c>
      <c r="DK14" s="151">
        <v>0</v>
      </c>
      <c r="DL14" s="148">
        <v>0</v>
      </c>
      <c r="DM14" s="146">
        <v>0</v>
      </c>
      <c r="DN14" s="146">
        <v>0</v>
      </c>
      <c r="DO14" s="146">
        <v>0</v>
      </c>
      <c r="DP14" s="146">
        <v>0</v>
      </c>
      <c r="DQ14" s="146">
        <v>0</v>
      </c>
      <c r="DR14" s="151">
        <v>0</v>
      </c>
      <c r="DS14" s="150">
        <v>0</v>
      </c>
      <c r="DT14" s="145">
        <v>397</v>
      </c>
      <c r="DU14" s="146">
        <v>523</v>
      </c>
      <c r="DV14" s="151">
        <v>920</v>
      </c>
      <c r="DW14" s="148">
        <v>0</v>
      </c>
      <c r="DX14" s="146">
        <v>989</v>
      </c>
      <c r="DY14" s="146">
        <v>903</v>
      </c>
      <c r="DZ14" s="146">
        <v>673</v>
      </c>
      <c r="EA14" s="146">
        <v>505</v>
      </c>
      <c r="EB14" s="146">
        <v>311</v>
      </c>
      <c r="EC14" s="151">
        <v>3381</v>
      </c>
      <c r="ED14" s="150">
        <v>4301</v>
      </c>
      <c r="EE14" s="145">
        <v>38</v>
      </c>
      <c r="EF14" s="146">
        <v>31</v>
      </c>
      <c r="EG14" s="151">
        <v>69</v>
      </c>
      <c r="EH14" s="148">
        <v>0</v>
      </c>
      <c r="EI14" s="146">
        <v>187</v>
      </c>
      <c r="EJ14" s="146">
        <v>157</v>
      </c>
      <c r="EK14" s="146">
        <v>120</v>
      </c>
      <c r="EL14" s="146">
        <v>156</v>
      </c>
      <c r="EM14" s="146">
        <v>81</v>
      </c>
      <c r="EN14" s="151">
        <v>701</v>
      </c>
      <c r="EO14" s="150">
        <v>770</v>
      </c>
      <c r="EP14" s="145">
        <v>509</v>
      </c>
      <c r="EQ14" s="146">
        <v>613</v>
      </c>
      <c r="ER14" s="151">
        <v>1122</v>
      </c>
      <c r="ES14" s="148">
        <v>0</v>
      </c>
      <c r="ET14" s="146">
        <v>1815</v>
      </c>
      <c r="EU14" s="146">
        <v>1170</v>
      </c>
      <c r="EV14" s="146">
        <v>780</v>
      </c>
      <c r="EW14" s="146">
        <v>537</v>
      </c>
      <c r="EX14" s="146">
        <v>312</v>
      </c>
      <c r="EY14" s="151">
        <v>4614</v>
      </c>
      <c r="EZ14" s="150">
        <v>5736</v>
      </c>
    </row>
    <row r="15" spans="2:156" ht="21" customHeight="1" x14ac:dyDescent="0.2">
      <c r="B15" s="152" t="s">
        <v>12</v>
      </c>
      <c r="C15" s="145">
        <v>0</v>
      </c>
      <c r="D15" s="146">
        <v>0</v>
      </c>
      <c r="E15" s="147">
        <v>0</v>
      </c>
      <c r="F15" s="148">
        <v>0</v>
      </c>
      <c r="G15" s="146">
        <v>535</v>
      </c>
      <c r="H15" s="146">
        <v>523</v>
      </c>
      <c r="I15" s="146">
        <v>338</v>
      </c>
      <c r="J15" s="146">
        <v>303</v>
      </c>
      <c r="K15" s="146">
        <v>198</v>
      </c>
      <c r="L15" s="149">
        <v>1897</v>
      </c>
      <c r="M15" s="150">
        <v>1897</v>
      </c>
      <c r="N15" s="145">
        <v>0</v>
      </c>
      <c r="O15" s="146">
        <v>3</v>
      </c>
      <c r="P15" s="151">
        <v>3</v>
      </c>
      <c r="Q15" s="148">
        <v>0</v>
      </c>
      <c r="R15" s="146">
        <v>2</v>
      </c>
      <c r="S15" s="146">
        <v>22</v>
      </c>
      <c r="T15" s="146">
        <v>19</v>
      </c>
      <c r="U15" s="146">
        <v>59</v>
      </c>
      <c r="V15" s="146">
        <v>64</v>
      </c>
      <c r="W15" s="151">
        <v>166</v>
      </c>
      <c r="X15" s="150">
        <v>169</v>
      </c>
      <c r="Y15" s="145">
        <v>125</v>
      </c>
      <c r="Z15" s="146">
        <v>317</v>
      </c>
      <c r="AA15" s="151">
        <v>442</v>
      </c>
      <c r="AB15" s="148">
        <v>0</v>
      </c>
      <c r="AC15" s="146">
        <v>382</v>
      </c>
      <c r="AD15" s="146">
        <v>464</v>
      </c>
      <c r="AE15" s="146">
        <v>264</v>
      </c>
      <c r="AF15" s="146">
        <v>248</v>
      </c>
      <c r="AG15" s="146">
        <v>159</v>
      </c>
      <c r="AH15" s="151">
        <v>1517</v>
      </c>
      <c r="AI15" s="150">
        <v>1959</v>
      </c>
      <c r="AJ15" s="145">
        <v>8</v>
      </c>
      <c r="AK15" s="146">
        <v>27</v>
      </c>
      <c r="AL15" s="151">
        <v>35</v>
      </c>
      <c r="AM15" s="148">
        <v>0</v>
      </c>
      <c r="AN15" s="146">
        <v>17</v>
      </c>
      <c r="AO15" s="146">
        <v>49</v>
      </c>
      <c r="AP15" s="146">
        <v>22</v>
      </c>
      <c r="AQ15" s="146">
        <v>20</v>
      </c>
      <c r="AR15" s="146">
        <v>13</v>
      </c>
      <c r="AS15" s="151">
        <v>121</v>
      </c>
      <c r="AT15" s="150">
        <v>156</v>
      </c>
      <c r="AU15" s="145">
        <v>79</v>
      </c>
      <c r="AV15" s="146">
        <v>143</v>
      </c>
      <c r="AW15" s="151">
        <v>222</v>
      </c>
      <c r="AX15" s="148">
        <v>0</v>
      </c>
      <c r="AY15" s="146">
        <v>385</v>
      </c>
      <c r="AZ15" s="146">
        <v>458</v>
      </c>
      <c r="BA15" s="146">
        <v>413</v>
      </c>
      <c r="BB15" s="146">
        <v>524</v>
      </c>
      <c r="BC15" s="146">
        <v>330</v>
      </c>
      <c r="BD15" s="149">
        <v>2110</v>
      </c>
      <c r="BE15" s="150">
        <v>2332</v>
      </c>
      <c r="BF15" s="145">
        <v>0</v>
      </c>
      <c r="BG15" s="146">
        <v>0</v>
      </c>
      <c r="BH15" s="151">
        <v>0</v>
      </c>
      <c r="BI15" s="148">
        <v>0</v>
      </c>
      <c r="BJ15" s="146">
        <v>692</v>
      </c>
      <c r="BK15" s="146">
        <v>499</v>
      </c>
      <c r="BL15" s="146">
        <v>278</v>
      </c>
      <c r="BM15" s="146">
        <v>194</v>
      </c>
      <c r="BN15" s="146">
        <v>79</v>
      </c>
      <c r="BO15" s="151">
        <v>1742</v>
      </c>
      <c r="BP15" s="150">
        <v>1742</v>
      </c>
      <c r="BQ15" s="145">
        <v>110</v>
      </c>
      <c r="BR15" s="146">
        <v>141</v>
      </c>
      <c r="BS15" s="151">
        <v>251</v>
      </c>
      <c r="BT15" s="148">
        <v>0</v>
      </c>
      <c r="BU15" s="146">
        <v>125</v>
      </c>
      <c r="BV15" s="146">
        <v>212</v>
      </c>
      <c r="BW15" s="146">
        <v>108</v>
      </c>
      <c r="BX15" s="146">
        <v>68</v>
      </c>
      <c r="BY15" s="146">
        <v>20</v>
      </c>
      <c r="BZ15" s="151">
        <v>533</v>
      </c>
      <c r="CA15" s="150">
        <v>784</v>
      </c>
      <c r="CB15" s="145">
        <v>7</v>
      </c>
      <c r="CC15" s="146">
        <v>14</v>
      </c>
      <c r="CD15" s="151">
        <v>21</v>
      </c>
      <c r="CE15" s="148">
        <v>0</v>
      </c>
      <c r="CF15" s="146">
        <v>91</v>
      </c>
      <c r="CG15" s="146">
        <v>114</v>
      </c>
      <c r="CH15" s="146">
        <v>126</v>
      </c>
      <c r="CI15" s="146">
        <v>96</v>
      </c>
      <c r="CJ15" s="146">
        <v>40</v>
      </c>
      <c r="CK15" s="151">
        <v>467</v>
      </c>
      <c r="CL15" s="150">
        <v>488</v>
      </c>
      <c r="CM15" s="145">
        <v>0</v>
      </c>
      <c r="CN15" s="146">
        <v>0</v>
      </c>
      <c r="CO15" s="151">
        <v>0</v>
      </c>
      <c r="CP15" s="148">
        <v>0</v>
      </c>
      <c r="CQ15" s="146">
        <v>5</v>
      </c>
      <c r="CR15" s="146">
        <v>4</v>
      </c>
      <c r="CS15" s="146">
        <v>7</v>
      </c>
      <c r="CT15" s="146">
        <v>4</v>
      </c>
      <c r="CU15" s="146">
        <v>5</v>
      </c>
      <c r="CV15" s="151">
        <v>25</v>
      </c>
      <c r="CW15" s="150">
        <v>25</v>
      </c>
      <c r="CX15" s="145">
        <v>0</v>
      </c>
      <c r="CY15" s="146">
        <v>0</v>
      </c>
      <c r="CZ15" s="151">
        <v>0</v>
      </c>
      <c r="DA15" s="148">
        <v>0</v>
      </c>
      <c r="DB15" s="146">
        <v>0</v>
      </c>
      <c r="DC15" s="146">
        <v>0</v>
      </c>
      <c r="DD15" s="146">
        <v>0</v>
      </c>
      <c r="DE15" s="146">
        <v>0</v>
      </c>
      <c r="DF15" s="146">
        <v>0</v>
      </c>
      <c r="DG15" s="151">
        <v>0</v>
      </c>
      <c r="DH15" s="150">
        <v>0</v>
      </c>
      <c r="DI15" s="145">
        <v>0</v>
      </c>
      <c r="DJ15" s="146">
        <v>0</v>
      </c>
      <c r="DK15" s="151">
        <v>0</v>
      </c>
      <c r="DL15" s="148">
        <v>0</v>
      </c>
      <c r="DM15" s="146">
        <v>0</v>
      </c>
      <c r="DN15" s="146">
        <v>0</v>
      </c>
      <c r="DO15" s="146">
        <v>0</v>
      </c>
      <c r="DP15" s="146">
        <v>0</v>
      </c>
      <c r="DQ15" s="146">
        <v>0</v>
      </c>
      <c r="DR15" s="151">
        <v>0</v>
      </c>
      <c r="DS15" s="150">
        <v>0</v>
      </c>
      <c r="DT15" s="145">
        <v>509</v>
      </c>
      <c r="DU15" s="146">
        <v>992</v>
      </c>
      <c r="DV15" s="151">
        <v>1501</v>
      </c>
      <c r="DW15" s="148">
        <v>0</v>
      </c>
      <c r="DX15" s="146">
        <v>627</v>
      </c>
      <c r="DY15" s="146">
        <v>1097</v>
      </c>
      <c r="DZ15" s="146">
        <v>716</v>
      </c>
      <c r="EA15" s="146">
        <v>646</v>
      </c>
      <c r="EB15" s="146">
        <v>345</v>
      </c>
      <c r="EC15" s="151">
        <v>3431</v>
      </c>
      <c r="ED15" s="150">
        <v>4932</v>
      </c>
      <c r="EE15" s="145">
        <v>44</v>
      </c>
      <c r="EF15" s="146">
        <v>46</v>
      </c>
      <c r="EG15" s="151">
        <v>90</v>
      </c>
      <c r="EH15" s="148">
        <v>0</v>
      </c>
      <c r="EI15" s="146">
        <v>126</v>
      </c>
      <c r="EJ15" s="146">
        <v>113</v>
      </c>
      <c r="EK15" s="146">
        <v>124</v>
      </c>
      <c r="EL15" s="146">
        <v>153</v>
      </c>
      <c r="EM15" s="146">
        <v>75</v>
      </c>
      <c r="EN15" s="151">
        <v>591</v>
      </c>
      <c r="EO15" s="150">
        <v>681</v>
      </c>
      <c r="EP15" s="145">
        <v>692</v>
      </c>
      <c r="EQ15" s="146">
        <v>1198</v>
      </c>
      <c r="ER15" s="151">
        <v>1890</v>
      </c>
      <c r="ES15" s="148">
        <v>0</v>
      </c>
      <c r="ET15" s="146">
        <v>1579</v>
      </c>
      <c r="EU15" s="146">
        <v>1405</v>
      </c>
      <c r="EV15" s="146">
        <v>788</v>
      </c>
      <c r="EW15" s="146">
        <v>632</v>
      </c>
      <c r="EX15" s="146">
        <v>319</v>
      </c>
      <c r="EY15" s="151">
        <v>4723</v>
      </c>
      <c r="EZ15" s="150">
        <v>6613</v>
      </c>
    </row>
    <row r="16" spans="2:156" ht="21" customHeight="1" x14ac:dyDescent="0.2">
      <c r="B16" s="152" t="s">
        <v>13</v>
      </c>
      <c r="C16" s="145">
        <v>0</v>
      </c>
      <c r="D16" s="146">
        <v>0</v>
      </c>
      <c r="E16" s="147">
        <v>0</v>
      </c>
      <c r="F16" s="148">
        <v>0</v>
      </c>
      <c r="G16" s="146">
        <v>246</v>
      </c>
      <c r="H16" s="146">
        <v>261</v>
      </c>
      <c r="I16" s="146">
        <v>147</v>
      </c>
      <c r="J16" s="146">
        <v>122</v>
      </c>
      <c r="K16" s="146">
        <v>120</v>
      </c>
      <c r="L16" s="149">
        <v>896</v>
      </c>
      <c r="M16" s="150">
        <v>896</v>
      </c>
      <c r="N16" s="145">
        <v>0</v>
      </c>
      <c r="O16" s="146">
        <v>0</v>
      </c>
      <c r="P16" s="151">
        <v>0</v>
      </c>
      <c r="Q16" s="148">
        <v>0</v>
      </c>
      <c r="R16" s="146">
        <v>1</v>
      </c>
      <c r="S16" s="146">
        <v>4</v>
      </c>
      <c r="T16" s="146">
        <v>4</v>
      </c>
      <c r="U16" s="146">
        <v>15</v>
      </c>
      <c r="V16" s="146">
        <v>48</v>
      </c>
      <c r="W16" s="151">
        <v>72</v>
      </c>
      <c r="X16" s="150">
        <v>72</v>
      </c>
      <c r="Y16" s="145">
        <v>20</v>
      </c>
      <c r="Z16" s="146">
        <v>28</v>
      </c>
      <c r="AA16" s="151">
        <v>48</v>
      </c>
      <c r="AB16" s="148">
        <v>0</v>
      </c>
      <c r="AC16" s="146">
        <v>100</v>
      </c>
      <c r="AD16" s="146">
        <v>177</v>
      </c>
      <c r="AE16" s="146">
        <v>87</v>
      </c>
      <c r="AF16" s="146">
        <v>74</v>
      </c>
      <c r="AG16" s="146">
        <v>78</v>
      </c>
      <c r="AH16" s="151">
        <v>516</v>
      </c>
      <c r="AI16" s="150">
        <v>564</v>
      </c>
      <c r="AJ16" s="145">
        <v>2</v>
      </c>
      <c r="AK16" s="146">
        <v>3</v>
      </c>
      <c r="AL16" s="151">
        <v>5</v>
      </c>
      <c r="AM16" s="148">
        <v>0</v>
      </c>
      <c r="AN16" s="146">
        <v>15</v>
      </c>
      <c r="AO16" s="146">
        <v>18</v>
      </c>
      <c r="AP16" s="146">
        <v>17</v>
      </c>
      <c r="AQ16" s="146">
        <v>4</v>
      </c>
      <c r="AR16" s="146">
        <v>10</v>
      </c>
      <c r="AS16" s="151">
        <v>64</v>
      </c>
      <c r="AT16" s="150">
        <v>69</v>
      </c>
      <c r="AU16" s="145">
        <v>33</v>
      </c>
      <c r="AV16" s="146">
        <v>31</v>
      </c>
      <c r="AW16" s="151">
        <v>64</v>
      </c>
      <c r="AX16" s="148">
        <v>0</v>
      </c>
      <c r="AY16" s="146">
        <v>200</v>
      </c>
      <c r="AZ16" s="146">
        <v>264</v>
      </c>
      <c r="BA16" s="146">
        <v>201</v>
      </c>
      <c r="BB16" s="146">
        <v>202</v>
      </c>
      <c r="BC16" s="146">
        <v>187</v>
      </c>
      <c r="BD16" s="149">
        <v>1054</v>
      </c>
      <c r="BE16" s="150">
        <v>1118</v>
      </c>
      <c r="BF16" s="145">
        <v>0</v>
      </c>
      <c r="BG16" s="146">
        <v>0</v>
      </c>
      <c r="BH16" s="151">
        <v>0</v>
      </c>
      <c r="BI16" s="148">
        <v>0</v>
      </c>
      <c r="BJ16" s="146">
        <v>210</v>
      </c>
      <c r="BK16" s="146">
        <v>208</v>
      </c>
      <c r="BL16" s="146">
        <v>92</v>
      </c>
      <c r="BM16" s="146">
        <v>80</v>
      </c>
      <c r="BN16" s="146">
        <v>37</v>
      </c>
      <c r="BO16" s="151">
        <v>627</v>
      </c>
      <c r="BP16" s="150">
        <v>627</v>
      </c>
      <c r="BQ16" s="145">
        <v>12</v>
      </c>
      <c r="BR16" s="146">
        <v>18</v>
      </c>
      <c r="BS16" s="151">
        <v>30</v>
      </c>
      <c r="BT16" s="148">
        <v>0</v>
      </c>
      <c r="BU16" s="146">
        <v>39</v>
      </c>
      <c r="BV16" s="146">
        <v>42</v>
      </c>
      <c r="BW16" s="146">
        <v>22</v>
      </c>
      <c r="BX16" s="146">
        <v>22</v>
      </c>
      <c r="BY16" s="146">
        <v>11</v>
      </c>
      <c r="BZ16" s="151">
        <v>136</v>
      </c>
      <c r="CA16" s="150">
        <v>166</v>
      </c>
      <c r="CB16" s="145">
        <v>1</v>
      </c>
      <c r="CC16" s="146">
        <v>0</v>
      </c>
      <c r="CD16" s="151">
        <v>1</v>
      </c>
      <c r="CE16" s="148">
        <v>0</v>
      </c>
      <c r="CF16" s="146">
        <v>15</v>
      </c>
      <c r="CG16" s="146">
        <v>37</v>
      </c>
      <c r="CH16" s="146">
        <v>47</v>
      </c>
      <c r="CI16" s="146">
        <v>30</v>
      </c>
      <c r="CJ16" s="146">
        <v>30</v>
      </c>
      <c r="CK16" s="151">
        <v>159</v>
      </c>
      <c r="CL16" s="150">
        <v>160</v>
      </c>
      <c r="CM16" s="145">
        <v>0</v>
      </c>
      <c r="CN16" s="146">
        <v>0</v>
      </c>
      <c r="CO16" s="151">
        <v>0</v>
      </c>
      <c r="CP16" s="148">
        <v>0</v>
      </c>
      <c r="CQ16" s="146">
        <v>1</v>
      </c>
      <c r="CR16" s="146">
        <v>1</v>
      </c>
      <c r="CS16" s="146">
        <v>5</v>
      </c>
      <c r="CT16" s="146">
        <v>7</v>
      </c>
      <c r="CU16" s="146">
        <v>2</v>
      </c>
      <c r="CV16" s="151">
        <v>16</v>
      </c>
      <c r="CW16" s="150">
        <v>16</v>
      </c>
      <c r="CX16" s="145">
        <v>0</v>
      </c>
      <c r="CY16" s="146">
        <v>0</v>
      </c>
      <c r="CZ16" s="151">
        <v>0</v>
      </c>
      <c r="DA16" s="148">
        <v>0</v>
      </c>
      <c r="DB16" s="146">
        <v>0</v>
      </c>
      <c r="DC16" s="146">
        <v>0</v>
      </c>
      <c r="DD16" s="146">
        <v>0</v>
      </c>
      <c r="DE16" s="146">
        <v>0</v>
      </c>
      <c r="DF16" s="146">
        <v>0</v>
      </c>
      <c r="DG16" s="151">
        <v>0</v>
      </c>
      <c r="DH16" s="150">
        <v>0</v>
      </c>
      <c r="DI16" s="145">
        <v>0</v>
      </c>
      <c r="DJ16" s="146">
        <v>0</v>
      </c>
      <c r="DK16" s="151">
        <v>0</v>
      </c>
      <c r="DL16" s="148">
        <v>0</v>
      </c>
      <c r="DM16" s="146">
        <v>0</v>
      </c>
      <c r="DN16" s="146">
        <v>0</v>
      </c>
      <c r="DO16" s="146">
        <v>0</v>
      </c>
      <c r="DP16" s="146">
        <v>0</v>
      </c>
      <c r="DQ16" s="146">
        <v>0</v>
      </c>
      <c r="DR16" s="151">
        <v>0</v>
      </c>
      <c r="DS16" s="150">
        <v>0</v>
      </c>
      <c r="DT16" s="145">
        <v>76</v>
      </c>
      <c r="DU16" s="146">
        <v>168</v>
      </c>
      <c r="DV16" s="151">
        <v>244</v>
      </c>
      <c r="DW16" s="148">
        <v>0</v>
      </c>
      <c r="DX16" s="146">
        <v>282</v>
      </c>
      <c r="DY16" s="146">
        <v>466</v>
      </c>
      <c r="DZ16" s="146">
        <v>246</v>
      </c>
      <c r="EA16" s="146">
        <v>197</v>
      </c>
      <c r="EB16" s="146">
        <v>158</v>
      </c>
      <c r="EC16" s="151">
        <v>1349</v>
      </c>
      <c r="ED16" s="150">
        <v>1593</v>
      </c>
      <c r="EE16" s="145">
        <v>20</v>
      </c>
      <c r="EF16" s="146">
        <v>13</v>
      </c>
      <c r="EG16" s="151">
        <v>33</v>
      </c>
      <c r="EH16" s="148">
        <v>0</v>
      </c>
      <c r="EI16" s="146">
        <v>83</v>
      </c>
      <c r="EJ16" s="146">
        <v>78</v>
      </c>
      <c r="EK16" s="146">
        <v>73</v>
      </c>
      <c r="EL16" s="146">
        <v>75</v>
      </c>
      <c r="EM16" s="146">
        <v>43</v>
      </c>
      <c r="EN16" s="151">
        <v>352</v>
      </c>
      <c r="EO16" s="150">
        <v>385</v>
      </c>
      <c r="EP16" s="145">
        <v>103</v>
      </c>
      <c r="EQ16" s="146">
        <v>189</v>
      </c>
      <c r="ER16" s="151">
        <v>292</v>
      </c>
      <c r="ES16" s="148">
        <v>0</v>
      </c>
      <c r="ET16" s="146">
        <v>614</v>
      </c>
      <c r="EU16" s="146">
        <v>639</v>
      </c>
      <c r="EV16" s="146">
        <v>290</v>
      </c>
      <c r="EW16" s="146">
        <v>224</v>
      </c>
      <c r="EX16" s="146">
        <v>171</v>
      </c>
      <c r="EY16" s="151">
        <v>1938</v>
      </c>
      <c r="EZ16" s="150">
        <v>2230</v>
      </c>
    </row>
    <row r="17" spans="2:156" ht="21" customHeight="1" x14ac:dyDescent="0.2">
      <c r="B17" s="152" t="s">
        <v>15</v>
      </c>
      <c r="C17" s="145">
        <v>0</v>
      </c>
      <c r="D17" s="146">
        <v>0</v>
      </c>
      <c r="E17" s="147">
        <v>0</v>
      </c>
      <c r="F17" s="148">
        <v>0</v>
      </c>
      <c r="G17" s="146">
        <v>144</v>
      </c>
      <c r="H17" s="146">
        <v>174</v>
      </c>
      <c r="I17" s="146">
        <v>73</v>
      </c>
      <c r="J17" s="146">
        <v>71</v>
      </c>
      <c r="K17" s="146">
        <v>43</v>
      </c>
      <c r="L17" s="149">
        <v>505</v>
      </c>
      <c r="M17" s="150">
        <v>505</v>
      </c>
      <c r="N17" s="145">
        <v>0</v>
      </c>
      <c r="O17" s="146">
        <v>0</v>
      </c>
      <c r="P17" s="151">
        <v>0</v>
      </c>
      <c r="Q17" s="148">
        <v>0</v>
      </c>
      <c r="R17" s="146">
        <v>1</v>
      </c>
      <c r="S17" s="146">
        <v>2</v>
      </c>
      <c r="T17" s="146">
        <v>5</v>
      </c>
      <c r="U17" s="146">
        <v>17</v>
      </c>
      <c r="V17" s="146">
        <v>21</v>
      </c>
      <c r="W17" s="151">
        <v>46</v>
      </c>
      <c r="X17" s="150">
        <v>46</v>
      </c>
      <c r="Y17" s="145">
        <v>6</v>
      </c>
      <c r="Z17" s="146">
        <v>17</v>
      </c>
      <c r="AA17" s="151">
        <v>23</v>
      </c>
      <c r="AB17" s="148">
        <v>0</v>
      </c>
      <c r="AC17" s="146">
        <v>71</v>
      </c>
      <c r="AD17" s="146">
        <v>93</v>
      </c>
      <c r="AE17" s="146">
        <v>50</v>
      </c>
      <c r="AF17" s="146">
        <v>57</v>
      </c>
      <c r="AG17" s="146">
        <v>44</v>
      </c>
      <c r="AH17" s="151">
        <v>315</v>
      </c>
      <c r="AI17" s="150">
        <v>338</v>
      </c>
      <c r="AJ17" s="145">
        <v>0</v>
      </c>
      <c r="AK17" s="146">
        <v>2</v>
      </c>
      <c r="AL17" s="151">
        <v>2</v>
      </c>
      <c r="AM17" s="148">
        <v>0</v>
      </c>
      <c r="AN17" s="146">
        <v>13</v>
      </c>
      <c r="AO17" s="146">
        <v>14</v>
      </c>
      <c r="AP17" s="146">
        <v>4</v>
      </c>
      <c r="AQ17" s="146">
        <v>4</v>
      </c>
      <c r="AR17" s="146">
        <v>6</v>
      </c>
      <c r="AS17" s="151">
        <v>41</v>
      </c>
      <c r="AT17" s="150">
        <v>43</v>
      </c>
      <c r="AU17" s="145">
        <v>10</v>
      </c>
      <c r="AV17" s="146">
        <v>11</v>
      </c>
      <c r="AW17" s="151">
        <v>21</v>
      </c>
      <c r="AX17" s="148">
        <v>0</v>
      </c>
      <c r="AY17" s="146">
        <v>125</v>
      </c>
      <c r="AZ17" s="146">
        <v>117</v>
      </c>
      <c r="BA17" s="146">
        <v>93</v>
      </c>
      <c r="BB17" s="146">
        <v>114</v>
      </c>
      <c r="BC17" s="146">
        <v>77</v>
      </c>
      <c r="BD17" s="149">
        <v>526</v>
      </c>
      <c r="BE17" s="150">
        <v>547</v>
      </c>
      <c r="BF17" s="145">
        <v>0</v>
      </c>
      <c r="BG17" s="146">
        <v>0</v>
      </c>
      <c r="BH17" s="151">
        <v>0</v>
      </c>
      <c r="BI17" s="148">
        <v>0</v>
      </c>
      <c r="BJ17" s="146">
        <v>91</v>
      </c>
      <c r="BK17" s="146">
        <v>110</v>
      </c>
      <c r="BL17" s="146">
        <v>50</v>
      </c>
      <c r="BM17" s="146">
        <v>34</v>
      </c>
      <c r="BN17" s="146">
        <v>12</v>
      </c>
      <c r="BO17" s="151">
        <v>297</v>
      </c>
      <c r="BP17" s="150">
        <v>297</v>
      </c>
      <c r="BQ17" s="145">
        <v>3</v>
      </c>
      <c r="BR17" s="146">
        <v>6</v>
      </c>
      <c r="BS17" s="151">
        <v>9</v>
      </c>
      <c r="BT17" s="148">
        <v>0</v>
      </c>
      <c r="BU17" s="146">
        <v>30</v>
      </c>
      <c r="BV17" s="146">
        <v>38</v>
      </c>
      <c r="BW17" s="146">
        <v>28</v>
      </c>
      <c r="BX17" s="146">
        <v>10</v>
      </c>
      <c r="BY17" s="146">
        <v>7</v>
      </c>
      <c r="BZ17" s="151">
        <v>113</v>
      </c>
      <c r="CA17" s="150">
        <v>122</v>
      </c>
      <c r="CB17" s="145">
        <v>0</v>
      </c>
      <c r="CC17" s="146">
        <v>1</v>
      </c>
      <c r="CD17" s="151">
        <v>1</v>
      </c>
      <c r="CE17" s="148">
        <v>0</v>
      </c>
      <c r="CF17" s="146">
        <v>12</v>
      </c>
      <c r="CG17" s="146">
        <v>32</v>
      </c>
      <c r="CH17" s="146">
        <v>47</v>
      </c>
      <c r="CI17" s="146">
        <v>45</v>
      </c>
      <c r="CJ17" s="146">
        <v>24</v>
      </c>
      <c r="CK17" s="151">
        <v>160</v>
      </c>
      <c r="CL17" s="150">
        <v>161</v>
      </c>
      <c r="CM17" s="145">
        <v>0</v>
      </c>
      <c r="CN17" s="146">
        <v>0</v>
      </c>
      <c r="CO17" s="151">
        <v>0</v>
      </c>
      <c r="CP17" s="148">
        <v>0</v>
      </c>
      <c r="CQ17" s="146">
        <v>3</v>
      </c>
      <c r="CR17" s="146">
        <v>6</v>
      </c>
      <c r="CS17" s="146">
        <v>1</v>
      </c>
      <c r="CT17" s="146">
        <v>3</v>
      </c>
      <c r="CU17" s="146">
        <v>0</v>
      </c>
      <c r="CV17" s="151">
        <v>13</v>
      </c>
      <c r="CW17" s="150">
        <v>13</v>
      </c>
      <c r="CX17" s="145">
        <v>0</v>
      </c>
      <c r="CY17" s="146">
        <v>0</v>
      </c>
      <c r="CZ17" s="151">
        <v>0</v>
      </c>
      <c r="DA17" s="148">
        <v>0</v>
      </c>
      <c r="DB17" s="146">
        <v>0</v>
      </c>
      <c r="DC17" s="146">
        <v>0</v>
      </c>
      <c r="DD17" s="146">
        <v>0</v>
      </c>
      <c r="DE17" s="146">
        <v>0</v>
      </c>
      <c r="DF17" s="146">
        <v>0</v>
      </c>
      <c r="DG17" s="151">
        <v>0</v>
      </c>
      <c r="DH17" s="150">
        <v>0</v>
      </c>
      <c r="DI17" s="145">
        <v>0</v>
      </c>
      <c r="DJ17" s="146">
        <v>0</v>
      </c>
      <c r="DK17" s="151">
        <v>0</v>
      </c>
      <c r="DL17" s="148">
        <v>0</v>
      </c>
      <c r="DM17" s="146">
        <v>0</v>
      </c>
      <c r="DN17" s="146">
        <v>0</v>
      </c>
      <c r="DO17" s="146">
        <v>0</v>
      </c>
      <c r="DP17" s="146">
        <v>0</v>
      </c>
      <c r="DQ17" s="146">
        <v>0</v>
      </c>
      <c r="DR17" s="151">
        <v>0</v>
      </c>
      <c r="DS17" s="150">
        <v>0</v>
      </c>
      <c r="DT17" s="145">
        <v>71</v>
      </c>
      <c r="DU17" s="146">
        <v>183</v>
      </c>
      <c r="DV17" s="151">
        <v>254</v>
      </c>
      <c r="DW17" s="148">
        <v>0</v>
      </c>
      <c r="DX17" s="146">
        <v>249</v>
      </c>
      <c r="DY17" s="146">
        <v>374</v>
      </c>
      <c r="DZ17" s="146">
        <v>164</v>
      </c>
      <c r="EA17" s="146">
        <v>138</v>
      </c>
      <c r="EB17" s="146">
        <v>85</v>
      </c>
      <c r="EC17" s="151">
        <v>1010</v>
      </c>
      <c r="ED17" s="150">
        <v>1264</v>
      </c>
      <c r="EE17" s="145">
        <v>17</v>
      </c>
      <c r="EF17" s="146">
        <v>12</v>
      </c>
      <c r="EG17" s="151">
        <v>29</v>
      </c>
      <c r="EH17" s="148">
        <v>0</v>
      </c>
      <c r="EI17" s="146">
        <v>57</v>
      </c>
      <c r="EJ17" s="146">
        <v>26</v>
      </c>
      <c r="EK17" s="146">
        <v>23</v>
      </c>
      <c r="EL17" s="146">
        <v>42</v>
      </c>
      <c r="EM17" s="146">
        <v>16</v>
      </c>
      <c r="EN17" s="151">
        <v>164</v>
      </c>
      <c r="EO17" s="150">
        <v>193</v>
      </c>
      <c r="EP17" s="145">
        <v>76</v>
      </c>
      <c r="EQ17" s="146">
        <v>190</v>
      </c>
      <c r="ER17" s="151">
        <v>266</v>
      </c>
      <c r="ES17" s="148">
        <v>0</v>
      </c>
      <c r="ET17" s="146">
        <v>463</v>
      </c>
      <c r="EU17" s="146">
        <v>493</v>
      </c>
      <c r="EV17" s="146">
        <v>216</v>
      </c>
      <c r="EW17" s="146">
        <v>165</v>
      </c>
      <c r="EX17" s="146">
        <v>93</v>
      </c>
      <c r="EY17" s="151">
        <v>1430</v>
      </c>
      <c r="EZ17" s="150">
        <v>1696</v>
      </c>
    </row>
    <row r="18" spans="2:156" ht="21" customHeight="1" x14ac:dyDescent="0.2">
      <c r="B18" s="152" t="s">
        <v>16</v>
      </c>
      <c r="C18" s="145">
        <v>0</v>
      </c>
      <c r="D18" s="146">
        <v>0</v>
      </c>
      <c r="E18" s="147">
        <v>0</v>
      </c>
      <c r="F18" s="148">
        <v>0</v>
      </c>
      <c r="G18" s="146">
        <v>223</v>
      </c>
      <c r="H18" s="146">
        <v>297</v>
      </c>
      <c r="I18" s="146">
        <v>167</v>
      </c>
      <c r="J18" s="146">
        <v>132</v>
      </c>
      <c r="K18" s="146">
        <v>94</v>
      </c>
      <c r="L18" s="149">
        <v>913</v>
      </c>
      <c r="M18" s="150">
        <v>913</v>
      </c>
      <c r="N18" s="145">
        <v>0</v>
      </c>
      <c r="O18" s="146">
        <v>0</v>
      </c>
      <c r="P18" s="151">
        <v>0</v>
      </c>
      <c r="Q18" s="148">
        <v>0</v>
      </c>
      <c r="R18" s="146">
        <v>3</v>
      </c>
      <c r="S18" s="146">
        <v>3</v>
      </c>
      <c r="T18" s="146">
        <v>11</v>
      </c>
      <c r="U18" s="146">
        <v>26</v>
      </c>
      <c r="V18" s="146">
        <v>48</v>
      </c>
      <c r="W18" s="151">
        <v>91</v>
      </c>
      <c r="X18" s="150">
        <v>91</v>
      </c>
      <c r="Y18" s="145">
        <v>34</v>
      </c>
      <c r="Z18" s="146">
        <v>74</v>
      </c>
      <c r="AA18" s="151">
        <v>108</v>
      </c>
      <c r="AB18" s="148">
        <v>0</v>
      </c>
      <c r="AC18" s="146">
        <v>167</v>
      </c>
      <c r="AD18" s="146">
        <v>313</v>
      </c>
      <c r="AE18" s="146">
        <v>170</v>
      </c>
      <c r="AF18" s="146">
        <v>173</v>
      </c>
      <c r="AG18" s="146">
        <v>121</v>
      </c>
      <c r="AH18" s="151">
        <v>944</v>
      </c>
      <c r="AI18" s="150">
        <v>1052</v>
      </c>
      <c r="AJ18" s="145">
        <v>5</v>
      </c>
      <c r="AK18" s="146">
        <v>12</v>
      </c>
      <c r="AL18" s="151">
        <v>17</v>
      </c>
      <c r="AM18" s="148">
        <v>0</v>
      </c>
      <c r="AN18" s="146">
        <v>7</v>
      </c>
      <c r="AO18" s="146">
        <v>30</v>
      </c>
      <c r="AP18" s="146">
        <v>15</v>
      </c>
      <c r="AQ18" s="146">
        <v>9</v>
      </c>
      <c r="AR18" s="146">
        <v>15</v>
      </c>
      <c r="AS18" s="151">
        <v>76</v>
      </c>
      <c r="AT18" s="150">
        <v>93</v>
      </c>
      <c r="AU18" s="145">
        <v>34</v>
      </c>
      <c r="AV18" s="146">
        <v>47</v>
      </c>
      <c r="AW18" s="151">
        <v>81</v>
      </c>
      <c r="AX18" s="148">
        <v>0</v>
      </c>
      <c r="AY18" s="146">
        <v>259</v>
      </c>
      <c r="AZ18" s="146">
        <v>369</v>
      </c>
      <c r="BA18" s="146">
        <v>282</v>
      </c>
      <c r="BB18" s="146">
        <v>322</v>
      </c>
      <c r="BC18" s="146">
        <v>228</v>
      </c>
      <c r="BD18" s="149">
        <v>1460</v>
      </c>
      <c r="BE18" s="150">
        <v>1541</v>
      </c>
      <c r="BF18" s="145">
        <v>0</v>
      </c>
      <c r="BG18" s="146">
        <v>0</v>
      </c>
      <c r="BH18" s="151">
        <v>0</v>
      </c>
      <c r="BI18" s="148">
        <v>0</v>
      </c>
      <c r="BJ18" s="146">
        <v>355</v>
      </c>
      <c r="BK18" s="146">
        <v>435</v>
      </c>
      <c r="BL18" s="146">
        <v>234</v>
      </c>
      <c r="BM18" s="146">
        <v>158</v>
      </c>
      <c r="BN18" s="146">
        <v>89</v>
      </c>
      <c r="BO18" s="151">
        <v>1271</v>
      </c>
      <c r="BP18" s="150">
        <v>1271</v>
      </c>
      <c r="BQ18" s="145">
        <v>55</v>
      </c>
      <c r="BR18" s="146">
        <v>113</v>
      </c>
      <c r="BS18" s="151">
        <v>168</v>
      </c>
      <c r="BT18" s="148">
        <v>0</v>
      </c>
      <c r="BU18" s="146">
        <v>181</v>
      </c>
      <c r="BV18" s="146">
        <v>250</v>
      </c>
      <c r="BW18" s="146">
        <v>99</v>
      </c>
      <c r="BX18" s="146">
        <v>72</v>
      </c>
      <c r="BY18" s="146">
        <v>18</v>
      </c>
      <c r="BZ18" s="151">
        <v>620</v>
      </c>
      <c r="CA18" s="150">
        <v>788</v>
      </c>
      <c r="CB18" s="145">
        <v>2</v>
      </c>
      <c r="CC18" s="146">
        <v>3</v>
      </c>
      <c r="CD18" s="151">
        <v>5</v>
      </c>
      <c r="CE18" s="148">
        <v>0</v>
      </c>
      <c r="CF18" s="146">
        <v>40</v>
      </c>
      <c r="CG18" s="146">
        <v>67</v>
      </c>
      <c r="CH18" s="146">
        <v>70</v>
      </c>
      <c r="CI18" s="146">
        <v>42</v>
      </c>
      <c r="CJ18" s="146">
        <v>24</v>
      </c>
      <c r="CK18" s="151">
        <v>243</v>
      </c>
      <c r="CL18" s="150">
        <v>248</v>
      </c>
      <c r="CM18" s="145">
        <v>0</v>
      </c>
      <c r="CN18" s="146">
        <v>0</v>
      </c>
      <c r="CO18" s="151">
        <v>0</v>
      </c>
      <c r="CP18" s="148">
        <v>0</v>
      </c>
      <c r="CQ18" s="146">
        <v>5</v>
      </c>
      <c r="CR18" s="146">
        <v>11</v>
      </c>
      <c r="CS18" s="146">
        <v>8</v>
      </c>
      <c r="CT18" s="146">
        <v>10</v>
      </c>
      <c r="CU18" s="146">
        <v>5</v>
      </c>
      <c r="CV18" s="151">
        <v>39</v>
      </c>
      <c r="CW18" s="150">
        <v>39</v>
      </c>
      <c r="CX18" s="145">
        <v>0</v>
      </c>
      <c r="CY18" s="146">
        <v>0</v>
      </c>
      <c r="CZ18" s="151">
        <v>0</v>
      </c>
      <c r="DA18" s="148">
        <v>0</v>
      </c>
      <c r="DB18" s="146">
        <v>0</v>
      </c>
      <c r="DC18" s="146">
        <v>0</v>
      </c>
      <c r="DD18" s="146">
        <v>0</v>
      </c>
      <c r="DE18" s="146">
        <v>0</v>
      </c>
      <c r="DF18" s="146">
        <v>0</v>
      </c>
      <c r="DG18" s="151">
        <v>0</v>
      </c>
      <c r="DH18" s="150">
        <v>0</v>
      </c>
      <c r="DI18" s="145">
        <v>0</v>
      </c>
      <c r="DJ18" s="146">
        <v>0</v>
      </c>
      <c r="DK18" s="151">
        <v>0</v>
      </c>
      <c r="DL18" s="148">
        <v>0</v>
      </c>
      <c r="DM18" s="146">
        <v>0</v>
      </c>
      <c r="DN18" s="146">
        <v>0</v>
      </c>
      <c r="DO18" s="146">
        <v>0</v>
      </c>
      <c r="DP18" s="146">
        <v>0</v>
      </c>
      <c r="DQ18" s="146">
        <v>0</v>
      </c>
      <c r="DR18" s="151">
        <v>0</v>
      </c>
      <c r="DS18" s="150">
        <v>0</v>
      </c>
      <c r="DT18" s="145">
        <v>177</v>
      </c>
      <c r="DU18" s="146">
        <v>416</v>
      </c>
      <c r="DV18" s="151">
        <v>593</v>
      </c>
      <c r="DW18" s="148">
        <v>0</v>
      </c>
      <c r="DX18" s="146">
        <v>432</v>
      </c>
      <c r="DY18" s="146">
        <v>906</v>
      </c>
      <c r="DZ18" s="146">
        <v>477</v>
      </c>
      <c r="EA18" s="146">
        <v>362</v>
      </c>
      <c r="EB18" s="146">
        <v>234</v>
      </c>
      <c r="EC18" s="151">
        <v>2411</v>
      </c>
      <c r="ED18" s="150">
        <v>3004</v>
      </c>
      <c r="EE18" s="145">
        <v>24</v>
      </c>
      <c r="EF18" s="146">
        <v>17</v>
      </c>
      <c r="EG18" s="151">
        <v>41</v>
      </c>
      <c r="EH18" s="148">
        <v>0</v>
      </c>
      <c r="EI18" s="146">
        <v>110</v>
      </c>
      <c r="EJ18" s="146">
        <v>114</v>
      </c>
      <c r="EK18" s="146">
        <v>93</v>
      </c>
      <c r="EL18" s="146">
        <v>130</v>
      </c>
      <c r="EM18" s="146">
        <v>70</v>
      </c>
      <c r="EN18" s="151">
        <v>517</v>
      </c>
      <c r="EO18" s="150">
        <v>558</v>
      </c>
      <c r="EP18" s="145">
        <v>241</v>
      </c>
      <c r="EQ18" s="146">
        <v>506</v>
      </c>
      <c r="ER18" s="151">
        <v>747</v>
      </c>
      <c r="ES18" s="148">
        <v>0</v>
      </c>
      <c r="ET18" s="146">
        <v>894</v>
      </c>
      <c r="EU18" s="146">
        <v>1182</v>
      </c>
      <c r="EV18" s="146">
        <v>576</v>
      </c>
      <c r="EW18" s="146">
        <v>395</v>
      </c>
      <c r="EX18" s="146">
        <v>224</v>
      </c>
      <c r="EY18" s="151">
        <v>3271</v>
      </c>
      <c r="EZ18" s="150">
        <v>4018</v>
      </c>
    </row>
    <row r="19" spans="2:156" ht="21" customHeight="1" x14ac:dyDescent="0.2">
      <c r="B19" s="152" t="s">
        <v>17</v>
      </c>
      <c r="C19" s="145">
        <v>0</v>
      </c>
      <c r="D19" s="146">
        <v>0</v>
      </c>
      <c r="E19" s="147">
        <v>0</v>
      </c>
      <c r="F19" s="148">
        <v>0</v>
      </c>
      <c r="G19" s="146">
        <v>226</v>
      </c>
      <c r="H19" s="146">
        <v>494</v>
      </c>
      <c r="I19" s="146">
        <v>295</v>
      </c>
      <c r="J19" s="146">
        <v>272</v>
      </c>
      <c r="K19" s="146">
        <v>143</v>
      </c>
      <c r="L19" s="149">
        <v>1430</v>
      </c>
      <c r="M19" s="150">
        <v>1430</v>
      </c>
      <c r="N19" s="145">
        <v>0</v>
      </c>
      <c r="O19" s="146">
        <v>1</v>
      </c>
      <c r="P19" s="151">
        <v>1</v>
      </c>
      <c r="Q19" s="148">
        <v>0</v>
      </c>
      <c r="R19" s="146">
        <v>0</v>
      </c>
      <c r="S19" s="146">
        <v>10</v>
      </c>
      <c r="T19" s="146">
        <v>19</v>
      </c>
      <c r="U19" s="146">
        <v>46</v>
      </c>
      <c r="V19" s="146">
        <v>65</v>
      </c>
      <c r="W19" s="151">
        <v>140</v>
      </c>
      <c r="X19" s="150">
        <v>141</v>
      </c>
      <c r="Y19" s="145">
        <v>43</v>
      </c>
      <c r="Z19" s="146">
        <v>117</v>
      </c>
      <c r="AA19" s="151">
        <v>160</v>
      </c>
      <c r="AB19" s="148">
        <v>0</v>
      </c>
      <c r="AC19" s="146">
        <v>196</v>
      </c>
      <c r="AD19" s="146">
        <v>418</v>
      </c>
      <c r="AE19" s="146">
        <v>239</v>
      </c>
      <c r="AF19" s="146">
        <v>222</v>
      </c>
      <c r="AG19" s="146">
        <v>122</v>
      </c>
      <c r="AH19" s="151">
        <v>1197</v>
      </c>
      <c r="AI19" s="150">
        <v>1357</v>
      </c>
      <c r="AJ19" s="145">
        <v>9</v>
      </c>
      <c r="AK19" s="146">
        <v>11</v>
      </c>
      <c r="AL19" s="151">
        <v>20</v>
      </c>
      <c r="AM19" s="148">
        <v>0</v>
      </c>
      <c r="AN19" s="146">
        <v>11</v>
      </c>
      <c r="AO19" s="146">
        <v>41</v>
      </c>
      <c r="AP19" s="146">
        <v>28</v>
      </c>
      <c r="AQ19" s="146">
        <v>23</v>
      </c>
      <c r="AR19" s="146">
        <v>16</v>
      </c>
      <c r="AS19" s="151">
        <v>119</v>
      </c>
      <c r="AT19" s="150">
        <v>139</v>
      </c>
      <c r="AU19" s="145">
        <v>49</v>
      </c>
      <c r="AV19" s="146">
        <v>68</v>
      </c>
      <c r="AW19" s="151">
        <v>117</v>
      </c>
      <c r="AX19" s="148">
        <v>0</v>
      </c>
      <c r="AY19" s="146">
        <v>262</v>
      </c>
      <c r="AZ19" s="146">
        <v>531</v>
      </c>
      <c r="BA19" s="146">
        <v>501</v>
      </c>
      <c r="BB19" s="146">
        <v>498</v>
      </c>
      <c r="BC19" s="146">
        <v>320</v>
      </c>
      <c r="BD19" s="149">
        <v>2112</v>
      </c>
      <c r="BE19" s="150">
        <v>2229</v>
      </c>
      <c r="BF19" s="145">
        <v>0</v>
      </c>
      <c r="BG19" s="146">
        <v>0</v>
      </c>
      <c r="BH19" s="151">
        <v>0</v>
      </c>
      <c r="BI19" s="148">
        <v>0</v>
      </c>
      <c r="BJ19" s="146">
        <v>312</v>
      </c>
      <c r="BK19" s="146">
        <v>513</v>
      </c>
      <c r="BL19" s="146">
        <v>321</v>
      </c>
      <c r="BM19" s="146">
        <v>177</v>
      </c>
      <c r="BN19" s="146">
        <v>85</v>
      </c>
      <c r="BO19" s="151">
        <v>1408</v>
      </c>
      <c r="BP19" s="150">
        <v>1408</v>
      </c>
      <c r="BQ19" s="145">
        <v>38</v>
      </c>
      <c r="BR19" s="146">
        <v>79</v>
      </c>
      <c r="BS19" s="151">
        <v>117</v>
      </c>
      <c r="BT19" s="148">
        <v>0</v>
      </c>
      <c r="BU19" s="146">
        <v>75</v>
      </c>
      <c r="BV19" s="146">
        <v>227</v>
      </c>
      <c r="BW19" s="146">
        <v>119</v>
      </c>
      <c r="BX19" s="146">
        <v>49</v>
      </c>
      <c r="BY19" s="146">
        <v>19</v>
      </c>
      <c r="BZ19" s="151">
        <v>489</v>
      </c>
      <c r="CA19" s="150">
        <v>606</v>
      </c>
      <c r="CB19" s="145">
        <v>1</v>
      </c>
      <c r="CC19" s="146">
        <v>6</v>
      </c>
      <c r="CD19" s="151">
        <v>7</v>
      </c>
      <c r="CE19" s="148">
        <v>0</v>
      </c>
      <c r="CF19" s="146">
        <v>32</v>
      </c>
      <c r="CG19" s="146">
        <v>105</v>
      </c>
      <c r="CH19" s="146">
        <v>107</v>
      </c>
      <c r="CI19" s="146">
        <v>79</v>
      </c>
      <c r="CJ19" s="146">
        <v>41</v>
      </c>
      <c r="CK19" s="151">
        <v>364</v>
      </c>
      <c r="CL19" s="150">
        <v>371</v>
      </c>
      <c r="CM19" s="145">
        <v>0</v>
      </c>
      <c r="CN19" s="146">
        <v>1</v>
      </c>
      <c r="CO19" s="151">
        <v>1</v>
      </c>
      <c r="CP19" s="148">
        <v>0</v>
      </c>
      <c r="CQ19" s="146">
        <v>4</v>
      </c>
      <c r="CR19" s="146">
        <v>16</v>
      </c>
      <c r="CS19" s="146">
        <v>18</v>
      </c>
      <c r="CT19" s="146">
        <v>17</v>
      </c>
      <c r="CU19" s="146">
        <v>5</v>
      </c>
      <c r="CV19" s="151">
        <v>60</v>
      </c>
      <c r="CW19" s="150">
        <v>61</v>
      </c>
      <c r="CX19" s="145">
        <v>0</v>
      </c>
      <c r="CY19" s="146">
        <v>0</v>
      </c>
      <c r="CZ19" s="151">
        <v>0</v>
      </c>
      <c r="DA19" s="148">
        <v>0</v>
      </c>
      <c r="DB19" s="146">
        <v>0</v>
      </c>
      <c r="DC19" s="146">
        <v>0</v>
      </c>
      <c r="DD19" s="146">
        <v>0</v>
      </c>
      <c r="DE19" s="146">
        <v>0</v>
      </c>
      <c r="DF19" s="146">
        <v>0</v>
      </c>
      <c r="DG19" s="151">
        <v>0</v>
      </c>
      <c r="DH19" s="150">
        <v>0</v>
      </c>
      <c r="DI19" s="145">
        <v>0</v>
      </c>
      <c r="DJ19" s="146">
        <v>0</v>
      </c>
      <c r="DK19" s="151">
        <v>0</v>
      </c>
      <c r="DL19" s="148">
        <v>0</v>
      </c>
      <c r="DM19" s="146">
        <v>0</v>
      </c>
      <c r="DN19" s="146">
        <v>0</v>
      </c>
      <c r="DO19" s="146">
        <v>0</v>
      </c>
      <c r="DP19" s="146">
        <v>0</v>
      </c>
      <c r="DQ19" s="146">
        <v>0</v>
      </c>
      <c r="DR19" s="151">
        <v>0</v>
      </c>
      <c r="DS19" s="150">
        <v>0</v>
      </c>
      <c r="DT19" s="145">
        <v>238</v>
      </c>
      <c r="DU19" s="146">
        <v>551</v>
      </c>
      <c r="DV19" s="151">
        <v>789</v>
      </c>
      <c r="DW19" s="148">
        <v>0</v>
      </c>
      <c r="DX19" s="146">
        <v>405</v>
      </c>
      <c r="DY19" s="146">
        <v>1261</v>
      </c>
      <c r="DZ19" s="146">
        <v>759</v>
      </c>
      <c r="EA19" s="146">
        <v>604</v>
      </c>
      <c r="EB19" s="146">
        <v>299</v>
      </c>
      <c r="EC19" s="151">
        <v>3328</v>
      </c>
      <c r="ED19" s="150">
        <v>4117</v>
      </c>
      <c r="EE19" s="145">
        <v>26</v>
      </c>
      <c r="EF19" s="146">
        <v>29</v>
      </c>
      <c r="EG19" s="151">
        <v>55</v>
      </c>
      <c r="EH19" s="148">
        <v>0</v>
      </c>
      <c r="EI19" s="146">
        <v>104</v>
      </c>
      <c r="EJ19" s="146">
        <v>144</v>
      </c>
      <c r="EK19" s="146">
        <v>107</v>
      </c>
      <c r="EL19" s="146">
        <v>97</v>
      </c>
      <c r="EM19" s="146">
        <v>61</v>
      </c>
      <c r="EN19" s="151">
        <v>513</v>
      </c>
      <c r="EO19" s="150">
        <v>568</v>
      </c>
      <c r="EP19" s="145">
        <v>301</v>
      </c>
      <c r="EQ19" s="146">
        <v>644</v>
      </c>
      <c r="ER19" s="151">
        <v>945</v>
      </c>
      <c r="ES19" s="148">
        <v>0</v>
      </c>
      <c r="ET19" s="146">
        <v>962</v>
      </c>
      <c r="EU19" s="146">
        <v>1664</v>
      </c>
      <c r="EV19" s="146">
        <v>891</v>
      </c>
      <c r="EW19" s="146">
        <v>650</v>
      </c>
      <c r="EX19" s="146">
        <v>302</v>
      </c>
      <c r="EY19" s="151">
        <v>4469</v>
      </c>
      <c r="EZ19" s="150">
        <v>5414</v>
      </c>
    </row>
    <row r="20" spans="2:156" ht="21" customHeight="1" x14ac:dyDescent="0.2">
      <c r="B20" s="152" t="s">
        <v>18</v>
      </c>
      <c r="C20" s="145">
        <v>0</v>
      </c>
      <c r="D20" s="146">
        <v>0</v>
      </c>
      <c r="E20" s="147">
        <v>0</v>
      </c>
      <c r="F20" s="148">
        <v>0</v>
      </c>
      <c r="G20" s="146">
        <v>466</v>
      </c>
      <c r="H20" s="146">
        <v>534</v>
      </c>
      <c r="I20" s="146">
        <v>329</v>
      </c>
      <c r="J20" s="146">
        <v>249</v>
      </c>
      <c r="K20" s="146">
        <v>207</v>
      </c>
      <c r="L20" s="149">
        <v>1785</v>
      </c>
      <c r="M20" s="150">
        <v>1785</v>
      </c>
      <c r="N20" s="145">
        <v>0</v>
      </c>
      <c r="O20" s="146">
        <v>0</v>
      </c>
      <c r="P20" s="151">
        <v>0</v>
      </c>
      <c r="Q20" s="148">
        <v>0</v>
      </c>
      <c r="R20" s="146">
        <v>4</v>
      </c>
      <c r="S20" s="146">
        <v>11</v>
      </c>
      <c r="T20" s="146">
        <v>17</v>
      </c>
      <c r="U20" s="146">
        <v>47</v>
      </c>
      <c r="V20" s="146">
        <v>77</v>
      </c>
      <c r="W20" s="151">
        <v>156</v>
      </c>
      <c r="X20" s="150">
        <v>156</v>
      </c>
      <c r="Y20" s="145">
        <v>66</v>
      </c>
      <c r="Z20" s="146">
        <v>123</v>
      </c>
      <c r="AA20" s="151">
        <v>189</v>
      </c>
      <c r="AB20" s="148">
        <v>0</v>
      </c>
      <c r="AC20" s="146">
        <v>367</v>
      </c>
      <c r="AD20" s="146">
        <v>433</v>
      </c>
      <c r="AE20" s="146">
        <v>276</v>
      </c>
      <c r="AF20" s="146">
        <v>194</v>
      </c>
      <c r="AG20" s="146">
        <v>158</v>
      </c>
      <c r="AH20" s="151">
        <v>1428</v>
      </c>
      <c r="AI20" s="150">
        <v>1617</v>
      </c>
      <c r="AJ20" s="145">
        <v>6</v>
      </c>
      <c r="AK20" s="146">
        <v>14</v>
      </c>
      <c r="AL20" s="151">
        <v>20</v>
      </c>
      <c r="AM20" s="148">
        <v>0</v>
      </c>
      <c r="AN20" s="146">
        <v>39</v>
      </c>
      <c r="AO20" s="146">
        <v>44</v>
      </c>
      <c r="AP20" s="146">
        <v>37</v>
      </c>
      <c r="AQ20" s="146">
        <v>22</v>
      </c>
      <c r="AR20" s="146">
        <v>16</v>
      </c>
      <c r="AS20" s="151">
        <v>158</v>
      </c>
      <c r="AT20" s="150">
        <v>178</v>
      </c>
      <c r="AU20" s="145">
        <v>59</v>
      </c>
      <c r="AV20" s="146">
        <v>82</v>
      </c>
      <c r="AW20" s="151">
        <v>141</v>
      </c>
      <c r="AX20" s="148">
        <v>0</v>
      </c>
      <c r="AY20" s="146">
        <v>527</v>
      </c>
      <c r="AZ20" s="146">
        <v>632</v>
      </c>
      <c r="BA20" s="146">
        <v>587</v>
      </c>
      <c r="BB20" s="146">
        <v>543</v>
      </c>
      <c r="BC20" s="146">
        <v>411</v>
      </c>
      <c r="BD20" s="149">
        <v>2700</v>
      </c>
      <c r="BE20" s="150">
        <v>2841</v>
      </c>
      <c r="BF20" s="145">
        <v>0</v>
      </c>
      <c r="BG20" s="146">
        <v>0</v>
      </c>
      <c r="BH20" s="151">
        <v>0</v>
      </c>
      <c r="BI20" s="148">
        <v>0</v>
      </c>
      <c r="BJ20" s="146">
        <v>740</v>
      </c>
      <c r="BK20" s="146">
        <v>710</v>
      </c>
      <c r="BL20" s="146">
        <v>408</v>
      </c>
      <c r="BM20" s="146">
        <v>198</v>
      </c>
      <c r="BN20" s="146">
        <v>96</v>
      </c>
      <c r="BO20" s="151">
        <v>2152</v>
      </c>
      <c r="BP20" s="150">
        <v>2152</v>
      </c>
      <c r="BQ20" s="145">
        <v>67</v>
      </c>
      <c r="BR20" s="146">
        <v>136</v>
      </c>
      <c r="BS20" s="151">
        <v>203</v>
      </c>
      <c r="BT20" s="148">
        <v>0</v>
      </c>
      <c r="BU20" s="146">
        <v>211</v>
      </c>
      <c r="BV20" s="146">
        <v>210</v>
      </c>
      <c r="BW20" s="146">
        <v>125</v>
      </c>
      <c r="BX20" s="146">
        <v>65</v>
      </c>
      <c r="BY20" s="146">
        <v>24</v>
      </c>
      <c r="BZ20" s="151">
        <v>635</v>
      </c>
      <c r="CA20" s="150">
        <v>838</v>
      </c>
      <c r="CB20" s="145">
        <v>3</v>
      </c>
      <c r="CC20" s="146">
        <v>8</v>
      </c>
      <c r="CD20" s="151">
        <v>11</v>
      </c>
      <c r="CE20" s="148">
        <v>0</v>
      </c>
      <c r="CF20" s="146">
        <v>65</v>
      </c>
      <c r="CG20" s="146">
        <v>91</v>
      </c>
      <c r="CH20" s="146">
        <v>142</v>
      </c>
      <c r="CI20" s="146">
        <v>97</v>
      </c>
      <c r="CJ20" s="146">
        <v>46</v>
      </c>
      <c r="CK20" s="151">
        <v>441</v>
      </c>
      <c r="CL20" s="150">
        <v>452</v>
      </c>
      <c r="CM20" s="145">
        <v>0</v>
      </c>
      <c r="CN20" s="146">
        <v>0</v>
      </c>
      <c r="CO20" s="151">
        <v>0</v>
      </c>
      <c r="CP20" s="148">
        <v>0</v>
      </c>
      <c r="CQ20" s="146">
        <v>2</v>
      </c>
      <c r="CR20" s="146">
        <v>4</v>
      </c>
      <c r="CS20" s="146">
        <v>5</v>
      </c>
      <c r="CT20" s="146">
        <v>4</v>
      </c>
      <c r="CU20" s="146">
        <v>1</v>
      </c>
      <c r="CV20" s="151">
        <v>16</v>
      </c>
      <c r="CW20" s="150">
        <v>16</v>
      </c>
      <c r="CX20" s="145">
        <v>0</v>
      </c>
      <c r="CY20" s="146">
        <v>0</v>
      </c>
      <c r="CZ20" s="151">
        <v>0</v>
      </c>
      <c r="DA20" s="148">
        <v>0</v>
      </c>
      <c r="DB20" s="146">
        <v>0</v>
      </c>
      <c r="DC20" s="146">
        <v>0</v>
      </c>
      <c r="DD20" s="146">
        <v>0</v>
      </c>
      <c r="DE20" s="146">
        <v>0</v>
      </c>
      <c r="DF20" s="146">
        <v>0</v>
      </c>
      <c r="DG20" s="151">
        <v>0</v>
      </c>
      <c r="DH20" s="150">
        <v>0</v>
      </c>
      <c r="DI20" s="145">
        <v>0</v>
      </c>
      <c r="DJ20" s="146">
        <v>0</v>
      </c>
      <c r="DK20" s="151">
        <v>0</v>
      </c>
      <c r="DL20" s="148">
        <v>0</v>
      </c>
      <c r="DM20" s="146">
        <v>0</v>
      </c>
      <c r="DN20" s="146">
        <v>0</v>
      </c>
      <c r="DO20" s="146">
        <v>0</v>
      </c>
      <c r="DP20" s="146">
        <v>0</v>
      </c>
      <c r="DQ20" s="146">
        <v>0</v>
      </c>
      <c r="DR20" s="151">
        <v>0</v>
      </c>
      <c r="DS20" s="150">
        <v>0</v>
      </c>
      <c r="DT20" s="145">
        <v>233</v>
      </c>
      <c r="DU20" s="146">
        <v>590</v>
      </c>
      <c r="DV20" s="151">
        <v>823</v>
      </c>
      <c r="DW20" s="148">
        <v>0</v>
      </c>
      <c r="DX20" s="146">
        <v>840</v>
      </c>
      <c r="DY20" s="146">
        <v>1202</v>
      </c>
      <c r="DZ20" s="146">
        <v>774</v>
      </c>
      <c r="EA20" s="146">
        <v>540</v>
      </c>
      <c r="EB20" s="146">
        <v>367</v>
      </c>
      <c r="EC20" s="151">
        <v>3723</v>
      </c>
      <c r="ED20" s="150">
        <v>4546</v>
      </c>
      <c r="EE20" s="145">
        <v>29</v>
      </c>
      <c r="EF20" s="146">
        <v>9</v>
      </c>
      <c r="EG20" s="151">
        <v>38</v>
      </c>
      <c r="EH20" s="148">
        <v>0</v>
      </c>
      <c r="EI20" s="146">
        <v>136</v>
      </c>
      <c r="EJ20" s="146">
        <v>123</v>
      </c>
      <c r="EK20" s="146">
        <v>118</v>
      </c>
      <c r="EL20" s="146">
        <v>124</v>
      </c>
      <c r="EM20" s="146">
        <v>76</v>
      </c>
      <c r="EN20" s="151">
        <v>577</v>
      </c>
      <c r="EO20" s="150">
        <v>615</v>
      </c>
      <c r="EP20" s="145">
        <v>338</v>
      </c>
      <c r="EQ20" s="146">
        <v>734</v>
      </c>
      <c r="ER20" s="151">
        <v>1072</v>
      </c>
      <c r="ES20" s="148">
        <v>0</v>
      </c>
      <c r="ET20" s="146">
        <v>1710</v>
      </c>
      <c r="EU20" s="146">
        <v>1594</v>
      </c>
      <c r="EV20" s="146">
        <v>899</v>
      </c>
      <c r="EW20" s="146">
        <v>570</v>
      </c>
      <c r="EX20" s="146">
        <v>359</v>
      </c>
      <c r="EY20" s="151">
        <v>5132</v>
      </c>
      <c r="EZ20" s="150">
        <v>6204</v>
      </c>
    </row>
    <row r="21" spans="2:156" ht="21" customHeight="1" x14ac:dyDescent="0.2">
      <c r="B21" s="152" t="s">
        <v>19</v>
      </c>
      <c r="C21" s="145">
        <v>0</v>
      </c>
      <c r="D21" s="146">
        <v>0</v>
      </c>
      <c r="E21" s="147">
        <v>0</v>
      </c>
      <c r="F21" s="148">
        <v>0</v>
      </c>
      <c r="G21" s="146">
        <v>196</v>
      </c>
      <c r="H21" s="146">
        <v>159</v>
      </c>
      <c r="I21" s="146">
        <v>117</v>
      </c>
      <c r="J21" s="146">
        <v>75</v>
      </c>
      <c r="K21" s="146">
        <v>65</v>
      </c>
      <c r="L21" s="149">
        <v>612</v>
      </c>
      <c r="M21" s="150">
        <v>612</v>
      </c>
      <c r="N21" s="145">
        <v>0</v>
      </c>
      <c r="O21" s="146">
        <v>0</v>
      </c>
      <c r="P21" s="151">
        <v>0</v>
      </c>
      <c r="Q21" s="148">
        <v>0</v>
      </c>
      <c r="R21" s="146">
        <v>3</v>
      </c>
      <c r="S21" s="146">
        <v>5</v>
      </c>
      <c r="T21" s="146">
        <v>13</v>
      </c>
      <c r="U21" s="146">
        <v>16</v>
      </c>
      <c r="V21" s="146">
        <v>24</v>
      </c>
      <c r="W21" s="151">
        <v>61</v>
      </c>
      <c r="X21" s="150">
        <v>61</v>
      </c>
      <c r="Y21" s="145">
        <v>47</v>
      </c>
      <c r="Z21" s="146">
        <v>64</v>
      </c>
      <c r="AA21" s="151">
        <v>111</v>
      </c>
      <c r="AB21" s="148">
        <v>0</v>
      </c>
      <c r="AC21" s="146">
        <v>203</v>
      </c>
      <c r="AD21" s="146">
        <v>150</v>
      </c>
      <c r="AE21" s="146">
        <v>121</v>
      </c>
      <c r="AF21" s="146">
        <v>77</v>
      </c>
      <c r="AG21" s="146">
        <v>73</v>
      </c>
      <c r="AH21" s="151">
        <v>624</v>
      </c>
      <c r="AI21" s="150">
        <v>735</v>
      </c>
      <c r="AJ21" s="145">
        <v>5</v>
      </c>
      <c r="AK21" s="146">
        <v>8</v>
      </c>
      <c r="AL21" s="151">
        <v>13</v>
      </c>
      <c r="AM21" s="148">
        <v>0</v>
      </c>
      <c r="AN21" s="146">
        <v>21</v>
      </c>
      <c r="AO21" s="146">
        <v>13</v>
      </c>
      <c r="AP21" s="146">
        <v>12</v>
      </c>
      <c r="AQ21" s="146">
        <v>8</v>
      </c>
      <c r="AR21" s="146">
        <v>4</v>
      </c>
      <c r="AS21" s="151">
        <v>58</v>
      </c>
      <c r="AT21" s="150">
        <v>71</v>
      </c>
      <c r="AU21" s="145">
        <v>49</v>
      </c>
      <c r="AV21" s="146">
        <v>49</v>
      </c>
      <c r="AW21" s="151">
        <v>98</v>
      </c>
      <c r="AX21" s="148">
        <v>0</v>
      </c>
      <c r="AY21" s="146">
        <v>234</v>
      </c>
      <c r="AZ21" s="146">
        <v>231</v>
      </c>
      <c r="BA21" s="146">
        <v>209</v>
      </c>
      <c r="BB21" s="146">
        <v>183</v>
      </c>
      <c r="BC21" s="146">
        <v>156</v>
      </c>
      <c r="BD21" s="149">
        <v>1013</v>
      </c>
      <c r="BE21" s="150">
        <v>1111</v>
      </c>
      <c r="BF21" s="145">
        <v>0</v>
      </c>
      <c r="BG21" s="146">
        <v>0</v>
      </c>
      <c r="BH21" s="151">
        <v>0</v>
      </c>
      <c r="BI21" s="148">
        <v>0</v>
      </c>
      <c r="BJ21" s="146">
        <v>277</v>
      </c>
      <c r="BK21" s="146">
        <v>227</v>
      </c>
      <c r="BL21" s="146">
        <v>132</v>
      </c>
      <c r="BM21" s="146">
        <v>58</v>
      </c>
      <c r="BN21" s="146">
        <v>48</v>
      </c>
      <c r="BO21" s="151">
        <v>742</v>
      </c>
      <c r="BP21" s="150">
        <v>742</v>
      </c>
      <c r="BQ21" s="145">
        <v>40</v>
      </c>
      <c r="BR21" s="146">
        <v>70</v>
      </c>
      <c r="BS21" s="151">
        <v>110</v>
      </c>
      <c r="BT21" s="148">
        <v>0</v>
      </c>
      <c r="BU21" s="146">
        <v>150</v>
      </c>
      <c r="BV21" s="146">
        <v>110</v>
      </c>
      <c r="BW21" s="146">
        <v>59</v>
      </c>
      <c r="BX21" s="146">
        <v>38</v>
      </c>
      <c r="BY21" s="146">
        <v>7</v>
      </c>
      <c r="BZ21" s="151">
        <v>364</v>
      </c>
      <c r="CA21" s="150">
        <v>474</v>
      </c>
      <c r="CB21" s="145">
        <v>0</v>
      </c>
      <c r="CC21" s="146">
        <v>5</v>
      </c>
      <c r="CD21" s="151">
        <v>5</v>
      </c>
      <c r="CE21" s="148">
        <v>0</v>
      </c>
      <c r="CF21" s="146">
        <v>36</v>
      </c>
      <c r="CG21" s="146">
        <v>39</v>
      </c>
      <c r="CH21" s="146">
        <v>59</v>
      </c>
      <c r="CI21" s="146">
        <v>23</v>
      </c>
      <c r="CJ21" s="146">
        <v>15</v>
      </c>
      <c r="CK21" s="151">
        <v>172</v>
      </c>
      <c r="CL21" s="150">
        <v>177</v>
      </c>
      <c r="CM21" s="145">
        <v>0</v>
      </c>
      <c r="CN21" s="146">
        <v>0</v>
      </c>
      <c r="CO21" s="151">
        <v>0</v>
      </c>
      <c r="CP21" s="148">
        <v>0</v>
      </c>
      <c r="CQ21" s="146">
        <v>9</v>
      </c>
      <c r="CR21" s="146">
        <v>7</v>
      </c>
      <c r="CS21" s="146">
        <v>10</v>
      </c>
      <c r="CT21" s="146">
        <v>9</v>
      </c>
      <c r="CU21" s="146">
        <v>1</v>
      </c>
      <c r="CV21" s="151">
        <v>36</v>
      </c>
      <c r="CW21" s="150">
        <v>36</v>
      </c>
      <c r="CX21" s="145">
        <v>0</v>
      </c>
      <c r="CY21" s="146">
        <v>0</v>
      </c>
      <c r="CZ21" s="151">
        <v>0</v>
      </c>
      <c r="DA21" s="148">
        <v>0</v>
      </c>
      <c r="DB21" s="146">
        <v>0</v>
      </c>
      <c r="DC21" s="146">
        <v>0</v>
      </c>
      <c r="DD21" s="146">
        <v>0</v>
      </c>
      <c r="DE21" s="146">
        <v>0</v>
      </c>
      <c r="DF21" s="146">
        <v>0</v>
      </c>
      <c r="DG21" s="151">
        <v>0</v>
      </c>
      <c r="DH21" s="150">
        <v>0</v>
      </c>
      <c r="DI21" s="145">
        <v>0</v>
      </c>
      <c r="DJ21" s="146">
        <v>0</v>
      </c>
      <c r="DK21" s="151">
        <v>0</v>
      </c>
      <c r="DL21" s="148">
        <v>0</v>
      </c>
      <c r="DM21" s="146">
        <v>0</v>
      </c>
      <c r="DN21" s="146">
        <v>0</v>
      </c>
      <c r="DO21" s="146">
        <v>0</v>
      </c>
      <c r="DP21" s="146">
        <v>0</v>
      </c>
      <c r="DQ21" s="146">
        <v>0</v>
      </c>
      <c r="DR21" s="151">
        <v>0</v>
      </c>
      <c r="DS21" s="150">
        <v>0</v>
      </c>
      <c r="DT21" s="145">
        <v>170</v>
      </c>
      <c r="DU21" s="146">
        <v>259</v>
      </c>
      <c r="DV21" s="151">
        <v>429</v>
      </c>
      <c r="DW21" s="148">
        <v>0</v>
      </c>
      <c r="DX21" s="146">
        <v>458</v>
      </c>
      <c r="DY21" s="146">
        <v>424</v>
      </c>
      <c r="DZ21" s="146">
        <v>291</v>
      </c>
      <c r="EA21" s="146">
        <v>179</v>
      </c>
      <c r="EB21" s="146">
        <v>128</v>
      </c>
      <c r="EC21" s="151">
        <v>1480</v>
      </c>
      <c r="ED21" s="150">
        <v>1909</v>
      </c>
      <c r="EE21" s="145">
        <v>16</v>
      </c>
      <c r="EF21" s="146">
        <v>16</v>
      </c>
      <c r="EG21" s="151">
        <v>32</v>
      </c>
      <c r="EH21" s="148">
        <v>0</v>
      </c>
      <c r="EI21" s="146">
        <v>63</v>
      </c>
      <c r="EJ21" s="146">
        <v>56</v>
      </c>
      <c r="EK21" s="146">
        <v>49</v>
      </c>
      <c r="EL21" s="146">
        <v>52</v>
      </c>
      <c r="EM21" s="146">
        <v>37</v>
      </c>
      <c r="EN21" s="151">
        <v>257</v>
      </c>
      <c r="EO21" s="150">
        <v>289</v>
      </c>
      <c r="EP21" s="145">
        <v>232</v>
      </c>
      <c r="EQ21" s="146">
        <v>321</v>
      </c>
      <c r="ER21" s="151">
        <v>553</v>
      </c>
      <c r="ES21" s="148">
        <v>0</v>
      </c>
      <c r="ET21" s="146">
        <v>809</v>
      </c>
      <c r="EU21" s="146">
        <v>568</v>
      </c>
      <c r="EV21" s="146">
        <v>335</v>
      </c>
      <c r="EW21" s="146">
        <v>173</v>
      </c>
      <c r="EX21" s="146">
        <v>121</v>
      </c>
      <c r="EY21" s="151">
        <v>2006</v>
      </c>
      <c r="EZ21" s="150">
        <v>2559</v>
      </c>
    </row>
    <row r="22" spans="2:156" ht="21" customHeight="1" x14ac:dyDescent="0.2">
      <c r="B22" s="152" t="s">
        <v>20</v>
      </c>
      <c r="C22" s="145">
        <v>0</v>
      </c>
      <c r="D22" s="146">
        <v>0</v>
      </c>
      <c r="E22" s="147">
        <v>0</v>
      </c>
      <c r="F22" s="148">
        <v>0</v>
      </c>
      <c r="G22" s="146">
        <v>303</v>
      </c>
      <c r="H22" s="146">
        <v>214</v>
      </c>
      <c r="I22" s="146">
        <v>145</v>
      </c>
      <c r="J22" s="146">
        <v>117</v>
      </c>
      <c r="K22" s="146">
        <v>90</v>
      </c>
      <c r="L22" s="149">
        <v>869</v>
      </c>
      <c r="M22" s="150">
        <v>869</v>
      </c>
      <c r="N22" s="145">
        <v>0</v>
      </c>
      <c r="O22" s="146">
        <v>0</v>
      </c>
      <c r="P22" s="151">
        <v>0</v>
      </c>
      <c r="Q22" s="148">
        <v>0</v>
      </c>
      <c r="R22" s="146">
        <v>3</v>
      </c>
      <c r="S22" s="146">
        <v>6</v>
      </c>
      <c r="T22" s="146">
        <v>7</v>
      </c>
      <c r="U22" s="146">
        <v>24</v>
      </c>
      <c r="V22" s="146">
        <v>32</v>
      </c>
      <c r="W22" s="151">
        <v>72</v>
      </c>
      <c r="X22" s="150">
        <v>72</v>
      </c>
      <c r="Y22" s="145">
        <v>45</v>
      </c>
      <c r="Z22" s="146">
        <v>99</v>
      </c>
      <c r="AA22" s="151">
        <v>144</v>
      </c>
      <c r="AB22" s="148">
        <v>0</v>
      </c>
      <c r="AC22" s="146">
        <v>284</v>
      </c>
      <c r="AD22" s="146">
        <v>217</v>
      </c>
      <c r="AE22" s="146">
        <v>136</v>
      </c>
      <c r="AF22" s="146">
        <v>103</v>
      </c>
      <c r="AG22" s="146">
        <v>56</v>
      </c>
      <c r="AH22" s="151">
        <v>796</v>
      </c>
      <c r="AI22" s="150">
        <v>940</v>
      </c>
      <c r="AJ22" s="145">
        <v>15</v>
      </c>
      <c r="AK22" s="146">
        <v>44</v>
      </c>
      <c r="AL22" s="151">
        <v>59</v>
      </c>
      <c r="AM22" s="148">
        <v>0</v>
      </c>
      <c r="AN22" s="146">
        <v>72</v>
      </c>
      <c r="AO22" s="146">
        <v>56</v>
      </c>
      <c r="AP22" s="146">
        <v>48</v>
      </c>
      <c r="AQ22" s="146">
        <v>31</v>
      </c>
      <c r="AR22" s="146">
        <v>10</v>
      </c>
      <c r="AS22" s="151">
        <v>217</v>
      </c>
      <c r="AT22" s="150">
        <v>276</v>
      </c>
      <c r="AU22" s="145">
        <v>27</v>
      </c>
      <c r="AV22" s="146">
        <v>45</v>
      </c>
      <c r="AW22" s="151">
        <v>72</v>
      </c>
      <c r="AX22" s="148">
        <v>0</v>
      </c>
      <c r="AY22" s="146">
        <v>293</v>
      </c>
      <c r="AZ22" s="146">
        <v>261</v>
      </c>
      <c r="BA22" s="146">
        <v>279</v>
      </c>
      <c r="BB22" s="146">
        <v>225</v>
      </c>
      <c r="BC22" s="146">
        <v>155</v>
      </c>
      <c r="BD22" s="149">
        <v>1213</v>
      </c>
      <c r="BE22" s="150">
        <v>1285</v>
      </c>
      <c r="BF22" s="145">
        <v>0</v>
      </c>
      <c r="BG22" s="146">
        <v>0</v>
      </c>
      <c r="BH22" s="151">
        <v>0</v>
      </c>
      <c r="BI22" s="148">
        <v>0</v>
      </c>
      <c r="BJ22" s="146">
        <v>407</v>
      </c>
      <c r="BK22" s="146">
        <v>250</v>
      </c>
      <c r="BL22" s="146">
        <v>176</v>
      </c>
      <c r="BM22" s="146">
        <v>94</v>
      </c>
      <c r="BN22" s="146">
        <v>33</v>
      </c>
      <c r="BO22" s="151">
        <v>960</v>
      </c>
      <c r="BP22" s="150">
        <v>960</v>
      </c>
      <c r="BQ22" s="145">
        <v>16</v>
      </c>
      <c r="BR22" s="146">
        <v>33</v>
      </c>
      <c r="BS22" s="151">
        <v>49</v>
      </c>
      <c r="BT22" s="148">
        <v>0</v>
      </c>
      <c r="BU22" s="146">
        <v>129</v>
      </c>
      <c r="BV22" s="146">
        <v>89</v>
      </c>
      <c r="BW22" s="146">
        <v>43</v>
      </c>
      <c r="BX22" s="146">
        <v>45</v>
      </c>
      <c r="BY22" s="146">
        <v>13</v>
      </c>
      <c r="BZ22" s="151">
        <v>319</v>
      </c>
      <c r="CA22" s="150">
        <v>368</v>
      </c>
      <c r="CB22" s="145">
        <v>1</v>
      </c>
      <c r="CC22" s="146">
        <v>3</v>
      </c>
      <c r="CD22" s="151">
        <v>4</v>
      </c>
      <c r="CE22" s="148">
        <v>0</v>
      </c>
      <c r="CF22" s="146">
        <v>57</v>
      </c>
      <c r="CG22" s="146">
        <v>59</v>
      </c>
      <c r="CH22" s="146">
        <v>82</v>
      </c>
      <c r="CI22" s="146">
        <v>46</v>
      </c>
      <c r="CJ22" s="146">
        <v>25</v>
      </c>
      <c r="CK22" s="151">
        <v>269</v>
      </c>
      <c r="CL22" s="150">
        <v>273</v>
      </c>
      <c r="CM22" s="145">
        <v>0</v>
      </c>
      <c r="CN22" s="146">
        <v>0</v>
      </c>
      <c r="CO22" s="151">
        <v>0</v>
      </c>
      <c r="CP22" s="148">
        <v>0</v>
      </c>
      <c r="CQ22" s="146">
        <v>8</v>
      </c>
      <c r="CR22" s="146">
        <v>4</v>
      </c>
      <c r="CS22" s="146">
        <v>6</v>
      </c>
      <c r="CT22" s="146">
        <v>11</v>
      </c>
      <c r="CU22" s="146">
        <v>5</v>
      </c>
      <c r="CV22" s="151">
        <v>34</v>
      </c>
      <c r="CW22" s="150">
        <v>34</v>
      </c>
      <c r="CX22" s="145">
        <v>0</v>
      </c>
      <c r="CY22" s="146">
        <v>0</v>
      </c>
      <c r="CZ22" s="151">
        <v>0</v>
      </c>
      <c r="DA22" s="148">
        <v>0</v>
      </c>
      <c r="DB22" s="146">
        <v>0</v>
      </c>
      <c r="DC22" s="146">
        <v>0</v>
      </c>
      <c r="DD22" s="146">
        <v>0</v>
      </c>
      <c r="DE22" s="146">
        <v>0</v>
      </c>
      <c r="DF22" s="146">
        <v>0</v>
      </c>
      <c r="DG22" s="151">
        <v>0</v>
      </c>
      <c r="DH22" s="150">
        <v>0</v>
      </c>
      <c r="DI22" s="145">
        <v>0</v>
      </c>
      <c r="DJ22" s="146">
        <v>0</v>
      </c>
      <c r="DK22" s="151">
        <v>0</v>
      </c>
      <c r="DL22" s="148">
        <v>0</v>
      </c>
      <c r="DM22" s="146">
        <v>0</v>
      </c>
      <c r="DN22" s="146">
        <v>0</v>
      </c>
      <c r="DO22" s="146">
        <v>0</v>
      </c>
      <c r="DP22" s="146">
        <v>0</v>
      </c>
      <c r="DQ22" s="146">
        <v>0</v>
      </c>
      <c r="DR22" s="151">
        <v>0</v>
      </c>
      <c r="DS22" s="150">
        <v>0</v>
      </c>
      <c r="DT22" s="145">
        <v>176</v>
      </c>
      <c r="DU22" s="146">
        <v>339</v>
      </c>
      <c r="DV22" s="151">
        <v>515</v>
      </c>
      <c r="DW22" s="148">
        <v>0</v>
      </c>
      <c r="DX22" s="146">
        <v>634</v>
      </c>
      <c r="DY22" s="146">
        <v>513</v>
      </c>
      <c r="DZ22" s="146">
        <v>369</v>
      </c>
      <c r="EA22" s="146">
        <v>263</v>
      </c>
      <c r="EB22" s="146">
        <v>144</v>
      </c>
      <c r="EC22" s="151">
        <v>1923</v>
      </c>
      <c r="ED22" s="150">
        <v>2438</v>
      </c>
      <c r="EE22" s="145">
        <v>13</v>
      </c>
      <c r="EF22" s="146">
        <v>14</v>
      </c>
      <c r="EG22" s="151">
        <v>27</v>
      </c>
      <c r="EH22" s="148">
        <v>0</v>
      </c>
      <c r="EI22" s="146">
        <v>86</v>
      </c>
      <c r="EJ22" s="146">
        <v>65</v>
      </c>
      <c r="EK22" s="146">
        <v>59</v>
      </c>
      <c r="EL22" s="146">
        <v>64</v>
      </c>
      <c r="EM22" s="146">
        <v>34</v>
      </c>
      <c r="EN22" s="151">
        <v>308</v>
      </c>
      <c r="EO22" s="150">
        <v>335</v>
      </c>
      <c r="EP22" s="145">
        <v>231</v>
      </c>
      <c r="EQ22" s="146">
        <v>421</v>
      </c>
      <c r="ER22" s="151">
        <v>652</v>
      </c>
      <c r="ES22" s="148">
        <v>0</v>
      </c>
      <c r="ET22" s="146">
        <v>1187</v>
      </c>
      <c r="EU22" s="146">
        <v>717</v>
      </c>
      <c r="EV22" s="146">
        <v>446</v>
      </c>
      <c r="EW22" s="146">
        <v>296</v>
      </c>
      <c r="EX22" s="146">
        <v>155</v>
      </c>
      <c r="EY22" s="151">
        <v>2801</v>
      </c>
      <c r="EZ22" s="150">
        <v>3453</v>
      </c>
    </row>
    <row r="23" spans="2:156" ht="21" customHeight="1" x14ac:dyDescent="0.2">
      <c r="B23" s="152" t="s">
        <v>21</v>
      </c>
      <c r="C23" s="145">
        <v>0</v>
      </c>
      <c r="D23" s="146">
        <v>0</v>
      </c>
      <c r="E23" s="147">
        <v>0</v>
      </c>
      <c r="F23" s="148">
        <v>0</v>
      </c>
      <c r="G23" s="146">
        <v>284</v>
      </c>
      <c r="H23" s="146">
        <v>346</v>
      </c>
      <c r="I23" s="146">
        <v>214</v>
      </c>
      <c r="J23" s="146">
        <v>141</v>
      </c>
      <c r="K23" s="146">
        <v>115</v>
      </c>
      <c r="L23" s="149">
        <v>1100</v>
      </c>
      <c r="M23" s="150">
        <v>1100</v>
      </c>
      <c r="N23" s="145">
        <v>0</v>
      </c>
      <c r="O23" s="146">
        <v>0</v>
      </c>
      <c r="P23" s="151">
        <v>0</v>
      </c>
      <c r="Q23" s="148">
        <v>0</v>
      </c>
      <c r="R23" s="146">
        <v>0</v>
      </c>
      <c r="S23" s="146">
        <v>3</v>
      </c>
      <c r="T23" s="146">
        <v>13</v>
      </c>
      <c r="U23" s="146">
        <v>23</v>
      </c>
      <c r="V23" s="146">
        <v>42</v>
      </c>
      <c r="W23" s="151">
        <v>81</v>
      </c>
      <c r="X23" s="150">
        <v>81</v>
      </c>
      <c r="Y23" s="145">
        <v>58</v>
      </c>
      <c r="Z23" s="146">
        <v>85</v>
      </c>
      <c r="AA23" s="151">
        <v>143</v>
      </c>
      <c r="AB23" s="148">
        <v>0</v>
      </c>
      <c r="AC23" s="146">
        <v>240</v>
      </c>
      <c r="AD23" s="146">
        <v>278</v>
      </c>
      <c r="AE23" s="146">
        <v>183</v>
      </c>
      <c r="AF23" s="146">
        <v>122</v>
      </c>
      <c r="AG23" s="146">
        <v>85</v>
      </c>
      <c r="AH23" s="151">
        <v>908</v>
      </c>
      <c r="AI23" s="150">
        <v>1051</v>
      </c>
      <c r="AJ23" s="145">
        <v>14</v>
      </c>
      <c r="AK23" s="146">
        <v>27</v>
      </c>
      <c r="AL23" s="151">
        <v>41</v>
      </c>
      <c r="AM23" s="148">
        <v>0</v>
      </c>
      <c r="AN23" s="146">
        <v>20</v>
      </c>
      <c r="AO23" s="146">
        <v>45</v>
      </c>
      <c r="AP23" s="146">
        <v>24</v>
      </c>
      <c r="AQ23" s="146">
        <v>9</v>
      </c>
      <c r="AR23" s="146">
        <v>5</v>
      </c>
      <c r="AS23" s="151">
        <v>103</v>
      </c>
      <c r="AT23" s="150">
        <v>144</v>
      </c>
      <c r="AU23" s="145">
        <v>51</v>
      </c>
      <c r="AV23" s="146">
        <v>49</v>
      </c>
      <c r="AW23" s="151">
        <v>100</v>
      </c>
      <c r="AX23" s="148">
        <v>0</v>
      </c>
      <c r="AY23" s="146">
        <v>308</v>
      </c>
      <c r="AZ23" s="146">
        <v>390</v>
      </c>
      <c r="BA23" s="146">
        <v>315</v>
      </c>
      <c r="BB23" s="146">
        <v>266</v>
      </c>
      <c r="BC23" s="146">
        <v>196</v>
      </c>
      <c r="BD23" s="149">
        <v>1475</v>
      </c>
      <c r="BE23" s="150">
        <v>1575</v>
      </c>
      <c r="BF23" s="145">
        <v>0</v>
      </c>
      <c r="BG23" s="146">
        <v>0</v>
      </c>
      <c r="BH23" s="151">
        <v>0</v>
      </c>
      <c r="BI23" s="148">
        <v>0</v>
      </c>
      <c r="BJ23" s="146">
        <v>376</v>
      </c>
      <c r="BK23" s="146">
        <v>384</v>
      </c>
      <c r="BL23" s="146">
        <v>222</v>
      </c>
      <c r="BM23" s="146">
        <v>105</v>
      </c>
      <c r="BN23" s="146">
        <v>43</v>
      </c>
      <c r="BO23" s="151">
        <v>1130</v>
      </c>
      <c r="BP23" s="150">
        <v>1130</v>
      </c>
      <c r="BQ23" s="145">
        <v>26</v>
      </c>
      <c r="BR23" s="146">
        <v>33</v>
      </c>
      <c r="BS23" s="151">
        <v>59</v>
      </c>
      <c r="BT23" s="148">
        <v>0</v>
      </c>
      <c r="BU23" s="146">
        <v>67</v>
      </c>
      <c r="BV23" s="146">
        <v>70</v>
      </c>
      <c r="BW23" s="146">
        <v>40</v>
      </c>
      <c r="BX23" s="146">
        <v>17</v>
      </c>
      <c r="BY23" s="146">
        <v>9</v>
      </c>
      <c r="BZ23" s="151">
        <v>203</v>
      </c>
      <c r="CA23" s="150">
        <v>262</v>
      </c>
      <c r="CB23" s="145">
        <v>2</v>
      </c>
      <c r="CC23" s="146">
        <v>3</v>
      </c>
      <c r="CD23" s="151">
        <v>5</v>
      </c>
      <c r="CE23" s="148">
        <v>0</v>
      </c>
      <c r="CF23" s="146">
        <v>21</v>
      </c>
      <c r="CG23" s="146">
        <v>67</v>
      </c>
      <c r="CH23" s="146">
        <v>70</v>
      </c>
      <c r="CI23" s="146">
        <v>43</v>
      </c>
      <c r="CJ23" s="146">
        <v>30</v>
      </c>
      <c r="CK23" s="151">
        <v>231</v>
      </c>
      <c r="CL23" s="150">
        <v>236</v>
      </c>
      <c r="CM23" s="145">
        <v>0</v>
      </c>
      <c r="CN23" s="146">
        <v>1</v>
      </c>
      <c r="CO23" s="151">
        <v>1</v>
      </c>
      <c r="CP23" s="148">
        <v>0</v>
      </c>
      <c r="CQ23" s="146">
        <v>1</v>
      </c>
      <c r="CR23" s="146">
        <v>2</v>
      </c>
      <c r="CS23" s="146">
        <v>5</v>
      </c>
      <c r="CT23" s="146">
        <v>1</v>
      </c>
      <c r="CU23" s="146">
        <v>6</v>
      </c>
      <c r="CV23" s="151">
        <v>15</v>
      </c>
      <c r="CW23" s="150">
        <v>16</v>
      </c>
      <c r="CX23" s="145">
        <v>0</v>
      </c>
      <c r="CY23" s="146">
        <v>0</v>
      </c>
      <c r="CZ23" s="151">
        <v>0</v>
      </c>
      <c r="DA23" s="148">
        <v>0</v>
      </c>
      <c r="DB23" s="146">
        <v>0</v>
      </c>
      <c r="DC23" s="146">
        <v>0</v>
      </c>
      <c r="DD23" s="146">
        <v>0</v>
      </c>
      <c r="DE23" s="146">
        <v>0</v>
      </c>
      <c r="DF23" s="146">
        <v>0</v>
      </c>
      <c r="DG23" s="151">
        <v>0</v>
      </c>
      <c r="DH23" s="150">
        <v>0</v>
      </c>
      <c r="DI23" s="145">
        <v>0</v>
      </c>
      <c r="DJ23" s="146">
        <v>0</v>
      </c>
      <c r="DK23" s="151">
        <v>0</v>
      </c>
      <c r="DL23" s="148">
        <v>0</v>
      </c>
      <c r="DM23" s="146">
        <v>0</v>
      </c>
      <c r="DN23" s="146">
        <v>0</v>
      </c>
      <c r="DO23" s="146">
        <v>0</v>
      </c>
      <c r="DP23" s="146">
        <v>0</v>
      </c>
      <c r="DQ23" s="146">
        <v>0</v>
      </c>
      <c r="DR23" s="151">
        <v>0</v>
      </c>
      <c r="DS23" s="150">
        <v>0</v>
      </c>
      <c r="DT23" s="145">
        <v>197</v>
      </c>
      <c r="DU23" s="146">
        <v>309</v>
      </c>
      <c r="DV23" s="151">
        <v>506</v>
      </c>
      <c r="DW23" s="148">
        <v>0</v>
      </c>
      <c r="DX23" s="146">
        <v>429</v>
      </c>
      <c r="DY23" s="146">
        <v>703</v>
      </c>
      <c r="DZ23" s="146">
        <v>426</v>
      </c>
      <c r="EA23" s="146">
        <v>258</v>
      </c>
      <c r="EB23" s="146">
        <v>178</v>
      </c>
      <c r="EC23" s="151">
        <v>1994</v>
      </c>
      <c r="ED23" s="150">
        <v>2500</v>
      </c>
      <c r="EE23" s="145">
        <v>17</v>
      </c>
      <c r="EF23" s="146">
        <v>12</v>
      </c>
      <c r="EG23" s="151">
        <v>29</v>
      </c>
      <c r="EH23" s="148">
        <v>0</v>
      </c>
      <c r="EI23" s="146">
        <v>87</v>
      </c>
      <c r="EJ23" s="146">
        <v>67</v>
      </c>
      <c r="EK23" s="146">
        <v>64</v>
      </c>
      <c r="EL23" s="146">
        <v>77</v>
      </c>
      <c r="EM23" s="146">
        <v>44</v>
      </c>
      <c r="EN23" s="151">
        <v>339</v>
      </c>
      <c r="EO23" s="150">
        <v>368</v>
      </c>
      <c r="EP23" s="145">
        <v>263</v>
      </c>
      <c r="EQ23" s="146">
        <v>385</v>
      </c>
      <c r="ER23" s="151">
        <v>648</v>
      </c>
      <c r="ES23" s="148">
        <v>0</v>
      </c>
      <c r="ET23" s="146">
        <v>930</v>
      </c>
      <c r="EU23" s="146">
        <v>939</v>
      </c>
      <c r="EV23" s="146">
        <v>510</v>
      </c>
      <c r="EW23" s="146">
        <v>284</v>
      </c>
      <c r="EX23" s="146">
        <v>185</v>
      </c>
      <c r="EY23" s="151">
        <v>2848</v>
      </c>
      <c r="EZ23" s="150">
        <v>3496</v>
      </c>
    </row>
    <row r="24" spans="2:156" ht="21" customHeight="1" x14ac:dyDescent="0.2">
      <c r="B24" s="152" t="s">
        <v>22</v>
      </c>
      <c r="C24" s="145">
        <v>0</v>
      </c>
      <c r="D24" s="146">
        <v>0</v>
      </c>
      <c r="E24" s="147">
        <v>0</v>
      </c>
      <c r="F24" s="148">
        <v>0</v>
      </c>
      <c r="G24" s="146">
        <v>66</v>
      </c>
      <c r="H24" s="146">
        <v>86</v>
      </c>
      <c r="I24" s="146">
        <v>42</v>
      </c>
      <c r="J24" s="146">
        <v>46</v>
      </c>
      <c r="K24" s="146">
        <v>32</v>
      </c>
      <c r="L24" s="149">
        <v>272</v>
      </c>
      <c r="M24" s="150">
        <v>272</v>
      </c>
      <c r="N24" s="145">
        <v>0</v>
      </c>
      <c r="O24" s="146">
        <v>0</v>
      </c>
      <c r="P24" s="151">
        <v>0</v>
      </c>
      <c r="Q24" s="148">
        <v>0</v>
      </c>
      <c r="R24" s="146">
        <v>1</v>
      </c>
      <c r="S24" s="146">
        <v>2</v>
      </c>
      <c r="T24" s="146">
        <v>3</v>
      </c>
      <c r="U24" s="146">
        <v>10</v>
      </c>
      <c r="V24" s="146">
        <v>22</v>
      </c>
      <c r="W24" s="151">
        <v>38</v>
      </c>
      <c r="X24" s="150">
        <v>38</v>
      </c>
      <c r="Y24" s="145">
        <v>7</v>
      </c>
      <c r="Z24" s="146">
        <v>15</v>
      </c>
      <c r="AA24" s="151">
        <v>22</v>
      </c>
      <c r="AB24" s="148">
        <v>0</v>
      </c>
      <c r="AC24" s="146">
        <v>56</v>
      </c>
      <c r="AD24" s="146">
        <v>76</v>
      </c>
      <c r="AE24" s="146">
        <v>35</v>
      </c>
      <c r="AF24" s="146">
        <v>47</v>
      </c>
      <c r="AG24" s="146">
        <v>31</v>
      </c>
      <c r="AH24" s="151">
        <v>245</v>
      </c>
      <c r="AI24" s="150">
        <v>267</v>
      </c>
      <c r="AJ24" s="145">
        <v>1</v>
      </c>
      <c r="AK24" s="146">
        <v>1</v>
      </c>
      <c r="AL24" s="151">
        <v>2</v>
      </c>
      <c r="AM24" s="148">
        <v>0</v>
      </c>
      <c r="AN24" s="146">
        <v>13</v>
      </c>
      <c r="AO24" s="146">
        <v>8</v>
      </c>
      <c r="AP24" s="146">
        <v>4</v>
      </c>
      <c r="AQ24" s="146">
        <v>5</v>
      </c>
      <c r="AR24" s="146">
        <v>0</v>
      </c>
      <c r="AS24" s="151">
        <v>30</v>
      </c>
      <c r="AT24" s="150">
        <v>32</v>
      </c>
      <c r="AU24" s="145">
        <v>8</v>
      </c>
      <c r="AV24" s="146">
        <v>12</v>
      </c>
      <c r="AW24" s="151">
        <v>20</v>
      </c>
      <c r="AX24" s="148">
        <v>0</v>
      </c>
      <c r="AY24" s="146">
        <v>66</v>
      </c>
      <c r="AZ24" s="146">
        <v>101</v>
      </c>
      <c r="BA24" s="146">
        <v>77</v>
      </c>
      <c r="BB24" s="146">
        <v>80</v>
      </c>
      <c r="BC24" s="146">
        <v>40</v>
      </c>
      <c r="BD24" s="149">
        <v>364</v>
      </c>
      <c r="BE24" s="150">
        <v>384</v>
      </c>
      <c r="BF24" s="145">
        <v>0</v>
      </c>
      <c r="BG24" s="146">
        <v>0</v>
      </c>
      <c r="BH24" s="151">
        <v>0</v>
      </c>
      <c r="BI24" s="148">
        <v>0</v>
      </c>
      <c r="BJ24" s="146">
        <v>114</v>
      </c>
      <c r="BK24" s="146">
        <v>130</v>
      </c>
      <c r="BL24" s="146">
        <v>65</v>
      </c>
      <c r="BM24" s="146">
        <v>44</v>
      </c>
      <c r="BN24" s="146">
        <v>11</v>
      </c>
      <c r="BO24" s="151">
        <v>364</v>
      </c>
      <c r="BP24" s="150">
        <v>364</v>
      </c>
      <c r="BQ24" s="145">
        <v>5</v>
      </c>
      <c r="BR24" s="146">
        <v>8</v>
      </c>
      <c r="BS24" s="151">
        <v>13</v>
      </c>
      <c r="BT24" s="148">
        <v>0</v>
      </c>
      <c r="BU24" s="146">
        <v>35</v>
      </c>
      <c r="BV24" s="146">
        <v>41</v>
      </c>
      <c r="BW24" s="146">
        <v>10</v>
      </c>
      <c r="BX24" s="146">
        <v>13</v>
      </c>
      <c r="BY24" s="146">
        <v>6</v>
      </c>
      <c r="BZ24" s="151">
        <v>105</v>
      </c>
      <c r="CA24" s="150">
        <v>118</v>
      </c>
      <c r="CB24" s="145">
        <v>0</v>
      </c>
      <c r="CC24" s="146">
        <v>2</v>
      </c>
      <c r="CD24" s="151">
        <v>2</v>
      </c>
      <c r="CE24" s="148">
        <v>0</v>
      </c>
      <c r="CF24" s="146">
        <v>10</v>
      </c>
      <c r="CG24" s="146">
        <v>28</v>
      </c>
      <c r="CH24" s="146">
        <v>25</v>
      </c>
      <c r="CI24" s="146">
        <v>20</v>
      </c>
      <c r="CJ24" s="146">
        <v>3</v>
      </c>
      <c r="CK24" s="151">
        <v>86</v>
      </c>
      <c r="CL24" s="150">
        <v>88</v>
      </c>
      <c r="CM24" s="145">
        <v>0</v>
      </c>
      <c r="CN24" s="146">
        <v>0</v>
      </c>
      <c r="CO24" s="151">
        <v>0</v>
      </c>
      <c r="CP24" s="148">
        <v>0</v>
      </c>
      <c r="CQ24" s="146">
        <v>3</v>
      </c>
      <c r="CR24" s="146">
        <v>2</v>
      </c>
      <c r="CS24" s="146">
        <v>1</v>
      </c>
      <c r="CT24" s="146">
        <v>5</v>
      </c>
      <c r="CU24" s="146">
        <v>2</v>
      </c>
      <c r="CV24" s="151">
        <v>13</v>
      </c>
      <c r="CW24" s="150">
        <v>13</v>
      </c>
      <c r="CX24" s="145">
        <v>0</v>
      </c>
      <c r="CY24" s="146">
        <v>0</v>
      </c>
      <c r="CZ24" s="151">
        <v>0</v>
      </c>
      <c r="DA24" s="148">
        <v>0</v>
      </c>
      <c r="DB24" s="146">
        <v>0</v>
      </c>
      <c r="DC24" s="146">
        <v>0</v>
      </c>
      <c r="DD24" s="146">
        <v>0</v>
      </c>
      <c r="DE24" s="146">
        <v>0</v>
      </c>
      <c r="DF24" s="146">
        <v>0</v>
      </c>
      <c r="DG24" s="151">
        <v>0</v>
      </c>
      <c r="DH24" s="150">
        <v>0</v>
      </c>
      <c r="DI24" s="145">
        <v>0</v>
      </c>
      <c r="DJ24" s="146">
        <v>0</v>
      </c>
      <c r="DK24" s="151">
        <v>0</v>
      </c>
      <c r="DL24" s="148">
        <v>0</v>
      </c>
      <c r="DM24" s="146">
        <v>0</v>
      </c>
      <c r="DN24" s="146">
        <v>0</v>
      </c>
      <c r="DO24" s="146">
        <v>0</v>
      </c>
      <c r="DP24" s="146">
        <v>0</v>
      </c>
      <c r="DQ24" s="146">
        <v>0</v>
      </c>
      <c r="DR24" s="151">
        <v>0</v>
      </c>
      <c r="DS24" s="150">
        <v>0</v>
      </c>
      <c r="DT24" s="145">
        <v>57</v>
      </c>
      <c r="DU24" s="146">
        <v>166</v>
      </c>
      <c r="DV24" s="151">
        <v>223</v>
      </c>
      <c r="DW24" s="148">
        <v>0</v>
      </c>
      <c r="DX24" s="146">
        <v>218</v>
      </c>
      <c r="DY24" s="146">
        <v>263</v>
      </c>
      <c r="DZ24" s="146">
        <v>145</v>
      </c>
      <c r="EA24" s="146">
        <v>115</v>
      </c>
      <c r="EB24" s="146">
        <v>62</v>
      </c>
      <c r="EC24" s="151">
        <v>803</v>
      </c>
      <c r="ED24" s="150">
        <v>1026</v>
      </c>
      <c r="EE24" s="145">
        <v>6</v>
      </c>
      <c r="EF24" s="146">
        <v>9</v>
      </c>
      <c r="EG24" s="151">
        <v>15</v>
      </c>
      <c r="EH24" s="148">
        <v>0</v>
      </c>
      <c r="EI24" s="146">
        <v>38</v>
      </c>
      <c r="EJ24" s="146">
        <v>30</v>
      </c>
      <c r="EK24" s="146">
        <v>25</v>
      </c>
      <c r="EL24" s="146">
        <v>26</v>
      </c>
      <c r="EM24" s="146">
        <v>11</v>
      </c>
      <c r="EN24" s="151">
        <v>130</v>
      </c>
      <c r="EO24" s="150">
        <v>145</v>
      </c>
      <c r="EP24" s="145">
        <v>67</v>
      </c>
      <c r="EQ24" s="146">
        <v>176</v>
      </c>
      <c r="ER24" s="151">
        <v>243</v>
      </c>
      <c r="ES24" s="148">
        <v>0</v>
      </c>
      <c r="ET24" s="146">
        <v>367</v>
      </c>
      <c r="EU24" s="146">
        <v>344</v>
      </c>
      <c r="EV24" s="146">
        <v>167</v>
      </c>
      <c r="EW24" s="146">
        <v>119</v>
      </c>
      <c r="EX24" s="146">
        <v>55</v>
      </c>
      <c r="EY24" s="151">
        <v>1052</v>
      </c>
      <c r="EZ24" s="150">
        <v>1295</v>
      </c>
    </row>
    <row r="25" spans="2:156" ht="21" customHeight="1" x14ac:dyDescent="0.2">
      <c r="B25" s="152" t="s">
        <v>23</v>
      </c>
      <c r="C25" s="145">
        <v>0</v>
      </c>
      <c r="D25" s="146">
        <v>0</v>
      </c>
      <c r="E25" s="147">
        <v>0</v>
      </c>
      <c r="F25" s="148">
        <v>0</v>
      </c>
      <c r="G25" s="146">
        <v>139</v>
      </c>
      <c r="H25" s="146">
        <v>147</v>
      </c>
      <c r="I25" s="146">
        <v>80</v>
      </c>
      <c r="J25" s="146">
        <v>74</v>
      </c>
      <c r="K25" s="146">
        <v>53</v>
      </c>
      <c r="L25" s="149">
        <v>493</v>
      </c>
      <c r="M25" s="150">
        <v>493</v>
      </c>
      <c r="N25" s="145">
        <v>0</v>
      </c>
      <c r="O25" s="146">
        <v>0</v>
      </c>
      <c r="P25" s="151">
        <v>0</v>
      </c>
      <c r="Q25" s="148">
        <v>0</v>
      </c>
      <c r="R25" s="146">
        <v>0</v>
      </c>
      <c r="S25" s="146">
        <v>6</v>
      </c>
      <c r="T25" s="146">
        <v>7</v>
      </c>
      <c r="U25" s="146">
        <v>20</v>
      </c>
      <c r="V25" s="146">
        <v>22</v>
      </c>
      <c r="W25" s="151">
        <v>55</v>
      </c>
      <c r="X25" s="150">
        <v>55</v>
      </c>
      <c r="Y25" s="145">
        <v>45</v>
      </c>
      <c r="Z25" s="146">
        <v>78</v>
      </c>
      <c r="AA25" s="151">
        <v>123</v>
      </c>
      <c r="AB25" s="148">
        <v>0</v>
      </c>
      <c r="AC25" s="146">
        <v>96</v>
      </c>
      <c r="AD25" s="146">
        <v>176</v>
      </c>
      <c r="AE25" s="146">
        <v>81</v>
      </c>
      <c r="AF25" s="146">
        <v>90</v>
      </c>
      <c r="AG25" s="146">
        <v>55</v>
      </c>
      <c r="AH25" s="151">
        <v>498</v>
      </c>
      <c r="AI25" s="150">
        <v>621</v>
      </c>
      <c r="AJ25" s="145">
        <v>3</v>
      </c>
      <c r="AK25" s="146">
        <v>14</v>
      </c>
      <c r="AL25" s="151">
        <v>17</v>
      </c>
      <c r="AM25" s="148">
        <v>0</v>
      </c>
      <c r="AN25" s="146">
        <v>9</v>
      </c>
      <c r="AO25" s="146">
        <v>21</v>
      </c>
      <c r="AP25" s="146">
        <v>12</v>
      </c>
      <c r="AQ25" s="146">
        <v>9</v>
      </c>
      <c r="AR25" s="146">
        <v>3</v>
      </c>
      <c r="AS25" s="151">
        <v>54</v>
      </c>
      <c r="AT25" s="150">
        <v>71</v>
      </c>
      <c r="AU25" s="145">
        <v>26</v>
      </c>
      <c r="AV25" s="146">
        <v>16</v>
      </c>
      <c r="AW25" s="151">
        <v>42</v>
      </c>
      <c r="AX25" s="148">
        <v>0</v>
      </c>
      <c r="AY25" s="146">
        <v>174</v>
      </c>
      <c r="AZ25" s="146">
        <v>175</v>
      </c>
      <c r="BA25" s="146">
        <v>147</v>
      </c>
      <c r="BB25" s="146">
        <v>181</v>
      </c>
      <c r="BC25" s="146">
        <v>128</v>
      </c>
      <c r="BD25" s="149">
        <v>805</v>
      </c>
      <c r="BE25" s="150">
        <v>847</v>
      </c>
      <c r="BF25" s="145">
        <v>0</v>
      </c>
      <c r="BG25" s="146">
        <v>0</v>
      </c>
      <c r="BH25" s="151">
        <v>0</v>
      </c>
      <c r="BI25" s="148">
        <v>0</v>
      </c>
      <c r="BJ25" s="146">
        <v>288</v>
      </c>
      <c r="BK25" s="146">
        <v>261</v>
      </c>
      <c r="BL25" s="146">
        <v>140</v>
      </c>
      <c r="BM25" s="146">
        <v>76</v>
      </c>
      <c r="BN25" s="146">
        <v>32</v>
      </c>
      <c r="BO25" s="151">
        <v>797</v>
      </c>
      <c r="BP25" s="150">
        <v>797</v>
      </c>
      <c r="BQ25" s="145">
        <v>2</v>
      </c>
      <c r="BR25" s="146">
        <v>11</v>
      </c>
      <c r="BS25" s="151">
        <v>13</v>
      </c>
      <c r="BT25" s="148">
        <v>0</v>
      </c>
      <c r="BU25" s="146">
        <v>28</v>
      </c>
      <c r="BV25" s="146">
        <v>42</v>
      </c>
      <c r="BW25" s="146">
        <v>29</v>
      </c>
      <c r="BX25" s="146">
        <v>20</v>
      </c>
      <c r="BY25" s="146">
        <v>3</v>
      </c>
      <c r="BZ25" s="151">
        <v>122</v>
      </c>
      <c r="CA25" s="150">
        <v>135</v>
      </c>
      <c r="CB25" s="145">
        <v>0</v>
      </c>
      <c r="CC25" s="146">
        <v>1</v>
      </c>
      <c r="CD25" s="151">
        <v>1</v>
      </c>
      <c r="CE25" s="148">
        <v>0</v>
      </c>
      <c r="CF25" s="146">
        <v>34</v>
      </c>
      <c r="CG25" s="146">
        <v>36</v>
      </c>
      <c r="CH25" s="146">
        <v>54</v>
      </c>
      <c r="CI25" s="146">
        <v>38</v>
      </c>
      <c r="CJ25" s="146">
        <v>15</v>
      </c>
      <c r="CK25" s="151">
        <v>177</v>
      </c>
      <c r="CL25" s="150">
        <v>178</v>
      </c>
      <c r="CM25" s="145">
        <v>0</v>
      </c>
      <c r="CN25" s="146">
        <v>0</v>
      </c>
      <c r="CO25" s="151">
        <v>0</v>
      </c>
      <c r="CP25" s="148">
        <v>0</v>
      </c>
      <c r="CQ25" s="146">
        <v>1</v>
      </c>
      <c r="CR25" s="146">
        <v>3</v>
      </c>
      <c r="CS25" s="146">
        <v>1</v>
      </c>
      <c r="CT25" s="146">
        <v>3</v>
      </c>
      <c r="CU25" s="146">
        <v>2</v>
      </c>
      <c r="CV25" s="151">
        <v>10</v>
      </c>
      <c r="CW25" s="150">
        <v>10</v>
      </c>
      <c r="CX25" s="145">
        <v>0</v>
      </c>
      <c r="CY25" s="146">
        <v>0</v>
      </c>
      <c r="CZ25" s="151">
        <v>0</v>
      </c>
      <c r="DA25" s="148">
        <v>0</v>
      </c>
      <c r="DB25" s="146">
        <v>0</v>
      </c>
      <c r="DC25" s="146">
        <v>0</v>
      </c>
      <c r="DD25" s="146">
        <v>0</v>
      </c>
      <c r="DE25" s="146">
        <v>0</v>
      </c>
      <c r="DF25" s="146">
        <v>0</v>
      </c>
      <c r="DG25" s="151">
        <v>0</v>
      </c>
      <c r="DH25" s="150">
        <v>0</v>
      </c>
      <c r="DI25" s="145">
        <v>0</v>
      </c>
      <c r="DJ25" s="146">
        <v>0</v>
      </c>
      <c r="DK25" s="151">
        <v>0</v>
      </c>
      <c r="DL25" s="148">
        <v>0</v>
      </c>
      <c r="DM25" s="146">
        <v>0</v>
      </c>
      <c r="DN25" s="146">
        <v>0</v>
      </c>
      <c r="DO25" s="146">
        <v>0</v>
      </c>
      <c r="DP25" s="146">
        <v>0</v>
      </c>
      <c r="DQ25" s="146">
        <v>0</v>
      </c>
      <c r="DR25" s="151">
        <v>0</v>
      </c>
      <c r="DS25" s="150">
        <v>0</v>
      </c>
      <c r="DT25" s="145">
        <v>108</v>
      </c>
      <c r="DU25" s="146">
        <v>267</v>
      </c>
      <c r="DV25" s="151">
        <v>375</v>
      </c>
      <c r="DW25" s="148">
        <v>0</v>
      </c>
      <c r="DX25" s="146">
        <v>238</v>
      </c>
      <c r="DY25" s="146">
        <v>415</v>
      </c>
      <c r="DZ25" s="146">
        <v>231</v>
      </c>
      <c r="EA25" s="146">
        <v>207</v>
      </c>
      <c r="EB25" s="146">
        <v>99</v>
      </c>
      <c r="EC25" s="151">
        <v>1190</v>
      </c>
      <c r="ED25" s="150">
        <v>1565</v>
      </c>
      <c r="EE25" s="145">
        <v>13</v>
      </c>
      <c r="EF25" s="146">
        <v>4</v>
      </c>
      <c r="EG25" s="151">
        <v>17</v>
      </c>
      <c r="EH25" s="148">
        <v>0</v>
      </c>
      <c r="EI25" s="146">
        <v>58</v>
      </c>
      <c r="EJ25" s="146">
        <v>49</v>
      </c>
      <c r="EK25" s="146">
        <v>38</v>
      </c>
      <c r="EL25" s="146">
        <v>58</v>
      </c>
      <c r="EM25" s="146">
        <v>34</v>
      </c>
      <c r="EN25" s="151">
        <v>237</v>
      </c>
      <c r="EO25" s="150">
        <v>254</v>
      </c>
      <c r="EP25" s="145">
        <v>148</v>
      </c>
      <c r="EQ25" s="146">
        <v>313</v>
      </c>
      <c r="ER25" s="151">
        <v>461</v>
      </c>
      <c r="ES25" s="148">
        <v>0</v>
      </c>
      <c r="ET25" s="146">
        <v>527</v>
      </c>
      <c r="EU25" s="146">
        <v>550</v>
      </c>
      <c r="EV25" s="146">
        <v>286</v>
      </c>
      <c r="EW25" s="146">
        <v>215</v>
      </c>
      <c r="EX25" s="146">
        <v>103</v>
      </c>
      <c r="EY25" s="151">
        <v>1681</v>
      </c>
      <c r="EZ25" s="150">
        <v>2142</v>
      </c>
    </row>
    <row r="26" spans="2:156" ht="21" customHeight="1" x14ac:dyDescent="0.2">
      <c r="B26" s="152" t="s">
        <v>24</v>
      </c>
      <c r="C26" s="145">
        <v>0</v>
      </c>
      <c r="D26" s="146">
        <v>0</v>
      </c>
      <c r="E26" s="147">
        <v>0</v>
      </c>
      <c r="F26" s="148">
        <v>0</v>
      </c>
      <c r="G26" s="146">
        <v>80</v>
      </c>
      <c r="H26" s="146">
        <v>66</v>
      </c>
      <c r="I26" s="146">
        <v>47</v>
      </c>
      <c r="J26" s="146">
        <v>41</v>
      </c>
      <c r="K26" s="146">
        <v>39</v>
      </c>
      <c r="L26" s="149">
        <v>273</v>
      </c>
      <c r="M26" s="150">
        <v>273</v>
      </c>
      <c r="N26" s="145">
        <v>0</v>
      </c>
      <c r="O26" s="146">
        <v>0</v>
      </c>
      <c r="P26" s="151">
        <v>0</v>
      </c>
      <c r="Q26" s="148">
        <v>0</v>
      </c>
      <c r="R26" s="146">
        <v>1</v>
      </c>
      <c r="S26" s="146">
        <v>2</v>
      </c>
      <c r="T26" s="146">
        <v>5</v>
      </c>
      <c r="U26" s="146">
        <v>8</v>
      </c>
      <c r="V26" s="146">
        <v>19</v>
      </c>
      <c r="W26" s="151">
        <v>35</v>
      </c>
      <c r="X26" s="150">
        <v>35</v>
      </c>
      <c r="Y26" s="145">
        <v>15</v>
      </c>
      <c r="Z26" s="146">
        <v>28</v>
      </c>
      <c r="AA26" s="151">
        <v>43</v>
      </c>
      <c r="AB26" s="148">
        <v>0</v>
      </c>
      <c r="AC26" s="146">
        <v>64</v>
      </c>
      <c r="AD26" s="146">
        <v>76</v>
      </c>
      <c r="AE26" s="146">
        <v>45</v>
      </c>
      <c r="AF26" s="146">
        <v>43</v>
      </c>
      <c r="AG26" s="146">
        <v>28</v>
      </c>
      <c r="AH26" s="151">
        <v>256</v>
      </c>
      <c r="AI26" s="150">
        <v>299</v>
      </c>
      <c r="AJ26" s="145">
        <v>1</v>
      </c>
      <c r="AK26" s="146">
        <v>1</v>
      </c>
      <c r="AL26" s="151">
        <v>2</v>
      </c>
      <c r="AM26" s="148">
        <v>0</v>
      </c>
      <c r="AN26" s="146">
        <v>5</v>
      </c>
      <c r="AO26" s="146">
        <v>5</v>
      </c>
      <c r="AP26" s="146">
        <v>3</v>
      </c>
      <c r="AQ26" s="146">
        <v>4</v>
      </c>
      <c r="AR26" s="146">
        <v>4</v>
      </c>
      <c r="AS26" s="151">
        <v>21</v>
      </c>
      <c r="AT26" s="150">
        <v>23</v>
      </c>
      <c r="AU26" s="145">
        <v>22</v>
      </c>
      <c r="AV26" s="146">
        <v>22</v>
      </c>
      <c r="AW26" s="151">
        <v>44</v>
      </c>
      <c r="AX26" s="148">
        <v>0</v>
      </c>
      <c r="AY26" s="146">
        <v>90</v>
      </c>
      <c r="AZ26" s="146">
        <v>101</v>
      </c>
      <c r="BA26" s="146">
        <v>87</v>
      </c>
      <c r="BB26" s="146">
        <v>97</v>
      </c>
      <c r="BC26" s="146">
        <v>75</v>
      </c>
      <c r="BD26" s="149">
        <v>450</v>
      </c>
      <c r="BE26" s="150">
        <v>494</v>
      </c>
      <c r="BF26" s="145">
        <v>0</v>
      </c>
      <c r="BG26" s="146">
        <v>0</v>
      </c>
      <c r="BH26" s="151">
        <v>0</v>
      </c>
      <c r="BI26" s="148">
        <v>0</v>
      </c>
      <c r="BJ26" s="146">
        <v>131</v>
      </c>
      <c r="BK26" s="146">
        <v>84</v>
      </c>
      <c r="BL26" s="146">
        <v>36</v>
      </c>
      <c r="BM26" s="146">
        <v>28</v>
      </c>
      <c r="BN26" s="146">
        <v>14</v>
      </c>
      <c r="BO26" s="151">
        <v>293</v>
      </c>
      <c r="BP26" s="150">
        <v>293</v>
      </c>
      <c r="BQ26" s="145">
        <v>11</v>
      </c>
      <c r="BR26" s="146">
        <v>18</v>
      </c>
      <c r="BS26" s="151">
        <v>29</v>
      </c>
      <c r="BT26" s="148">
        <v>0</v>
      </c>
      <c r="BU26" s="146">
        <v>44</v>
      </c>
      <c r="BV26" s="146">
        <v>37</v>
      </c>
      <c r="BW26" s="146">
        <v>22</v>
      </c>
      <c r="BX26" s="146">
        <v>14</v>
      </c>
      <c r="BY26" s="146">
        <v>8</v>
      </c>
      <c r="BZ26" s="151">
        <v>125</v>
      </c>
      <c r="CA26" s="150">
        <v>154</v>
      </c>
      <c r="CB26" s="145">
        <v>1</v>
      </c>
      <c r="CC26" s="146">
        <v>0</v>
      </c>
      <c r="CD26" s="151">
        <v>1</v>
      </c>
      <c r="CE26" s="148">
        <v>0</v>
      </c>
      <c r="CF26" s="146">
        <v>15</v>
      </c>
      <c r="CG26" s="146">
        <v>28</v>
      </c>
      <c r="CH26" s="146">
        <v>26</v>
      </c>
      <c r="CI26" s="146">
        <v>27</v>
      </c>
      <c r="CJ26" s="146">
        <v>10</v>
      </c>
      <c r="CK26" s="151">
        <v>106</v>
      </c>
      <c r="CL26" s="150">
        <v>107</v>
      </c>
      <c r="CM26" s="145">
        <v>0</v>
      </c>
      <c r="CN26" s="146">
        <v>0</v>
      </c>
      <c r="CO26" s="151">
        <v>0</v>
      </c>
      <c r="CP26" s="148">
        <v>0</v>
      </c>
      <c r="CQ26" s="146">
        <v>0</v>
      </c>
      <c r="CR26" s="146">
        <v>3</v>
      </c>
      <c r="CS26" s="146">
        <v>1</v>
      </c>
      <c r="CT26" s="146">
        <v>1</v>
      </c>
      <c r="CU26" s="146">
        <v>0</v>
      </c>
      <c r="CV26" s="151">
        <v>5</v>
      </c>
      <c r="CW26" s="150">
        <v>5</v>
      </c>
      <c r="CX26" s="145">
        <v>0</v>
      </c>
      <c r="CY26" s="146">
        <v>0</v>
      </c>
      <c r="CZ26" s="151">
        <v>0</v>
      </c>
      <c r="DA26" s="148">
        <v>0</v>
      </c>
      <c r="DB26" s="146">
        <v>0</v>
      </c>
      <c r="DC26" s="146">
        <v>0</v>
      </c>
      <c r="DD26" s="146">
        <v>0</v>
      </c>
      <c r="DE26" s="146">
        <v>0</v>
      </c>
      <c r="DF26" s="146">
        <v>0</v>
      </c>
      <c r="DG26" s="151">
        <v>0</v>
      </c>
      <c r="DH26" s="150">
        <v>0</v>
      </c>
      <c r="DI26" s="145">
        <v>0</v>
      </c>
      <c r="DJ26" s="146">
        <v>0</v>
      </c>
      <c r="DK26" s="151">
        <v>0</v>
      </c>
      <c r="DL26" s="148">
        <v>0</v>
      </c>
      <c r="DM26" s="146">
        <v>0</v>
      </c>
      <c r="DN26" s="146">
        <v>0</v>
      </c>
      <c r="DO26" s="146">
        <v>0</v>
      </c>
      <c r="DP26" s="146">
        <v>0</v>
      </c>
      <c r="DQ26" s="146">
        <v>0</v>
      </c>
      <c r="DR26" s="151">
        <v>0</v>
      </c>
      <c r="DS26" s="150">
        <v>0</v>
      </c>
      <c r="DT26" s="145">
        <v>82</v>
      </c>
      <c r="DU26" s="146">
        <v>100</v>
      </c>
      <c r="DV26" s="151">
        <v>182</v>
      </c>
      <c r="DW26" s="148">
        <v>0</v>
      </c>
      <c r="DX26" s="146">
        <v>155</v>
      </c>
      <c r="DY26" s="146">
        <v>174</v>
      </c>
      <c r="DZ26" s="146">
        <v>111</v>
      </c>
      <c r="EA26" s="146">
        <v>86</v>
      </c>
      <c r="EB26" s="146">
        <v>63</v>
      </c>
      <c r="EC26" s="151">
        <v>589</v>
      </c>
      <c r="ED26" s="150">
        <v>771</v>
      </c>
      <c r="EE26" s="145">
        <v>14</v>
      </c>
      <c r="EF26" s="146">
        <v>10</v>
      </c>
      <c r="EG26" s="151">
        <v>24</v>
      </c>
      <c r="EH26" s="148">
        <v>0</v>
      </c>
      <c r="EI26" s="146">
        <v>41</v>
      </c>
      <c r="EJ26" s="146">
        <v>30</v>
      </c>
      <c r="EK26" s="146">
        <v>32</v>
      </c>
      <c r="EL26" s="146">
        <v>40</v>
      </c>
      <c r="EM26" s="146">
        <v>23</v>
      </c>
      <c r="EN26" s="151">
        <v>166</v>
      </c>
      <c r="EO26" s="150">
        <v>190</v>
      </c>
      <c r="EP26" s="145">
        <v>99</v>
      </c>
      <c r="EQ26" s="146">
        <v>117</v>
      </c>
      <c r="ER26" s="151">
        <v>216</v>
      </c>
      <c r="ES26" s="148">
        <v>0</v>
      </c>
      <c r="ET26" s="146">
        <v>292</v>
      </c>
      <c r="EU26" s="146">
        <v>217</v>
      </c>
      <c r="EV26" s="146">
        <v>131</v>
      </c>
      <c r="EW26" s="146">
        <v>104</v>
      </c>
      <c r="EX26" s="146">
        <v>66</v>
      </c>
      <c r="EY26" s="151">
        <v>810</v>
      </c>
      <c r="EZ26" s="150">
        <v>1026</v>
      </c>
    </row>
    <row r="27" spans="2:156" ht="21" customHeight="1" x14ac:dyDescent="0.2">
      <c r="B27" s="152" t="s">
        <v>25</v>
      </c>
      <c r="C27" s="145">
        <v>0</v>
      </c>
      <c r="D27" s="146">
        <v>0</v>
      </c>
      <c r="E27" s="147">
        <v>0</v>
      </c>
      <c r="F27" s="148">
        <v>0</v>
      </c>
      <c r="G27" s="146">
        <v>106</v>
      </c>
      <c r="H27" s="146">
        <v>92</v>
      </c>
      <c r="I27" s="146">
        <v>55</v>
      </c>
      <c r="J27" s="146">
        <v>53</v>
      </c>
      <c r="K27" s="146">
        <v>36</v>
      </c>
      <c r="L27" s="149">
        <v>342</v>
      </c>
      <c r="M27" s="150">
        <v>342</v>
      </c>
      <c r="N27" s="145">
        <v>0</v>
      </c>
      <c r="O27" s="146">
        <v>0</v>
      </c>
      <c r="P27" s="151">
        <v>0</v>
      </c>
      <c r="Q27" s="148">
        <v>0</v>
      </c>
      <c r="R27" s="146">
        <v>2</v>
      </c>
      <c r="S27" s="146">
        <v>9</v>
      </c>
      <c r="T27" s="146">
        <v>9</v>
      </c>
      <c r="U27" s="146">
        <v>12</v>
      </c>
      <c r="V27" s="146">
        <v>21</v>
      </c>
      <c r="W27" s="151">
        <v>53</v>
      </c>
      <c r="X27" s="150">
        <v>53</v>
      </c>
      <c r="Y27" s="145">
        <v>27</v>
      </c>
      <c r="Z27" s="146">
        <v>63</v>
      </c>
      <c r="AA27" s="151">
        <v>90</v>
      </c>
      <c r="AB27" s="148">
        <v>0</v>
      </c>
      <c r="AC27" s="146">
        <v>90</v>
      </c>
      <c r="AD27" s="146">
        <v>96</v>
      </c>
      <c r="AE27" s="146">
        <v>51</v>
      </c>
      <c r="AF27" s="146">
        <v>48</v>
      </c>
      <c r="AG27" s="146">
        <v>32</v>
      </c>
      <c r="AH27" s="151">
        <v>317</v>
      </c>
      <c r="AI27" s="150">
        <v>407</v>
      </c>
      <c r="AJ27" s="145">
        <v>1</v>
      </c>
      <c r="AK27" s="146">
        <v>4</v>
      </c>
      <c r="AL27" s="151">
        <v>5</v>
      </c>
      <c r="AM27" s="148">
        <v>0</v>
      </c>
      <c r="AN27" s="146">
        <v>0</v>
      </c>
      <c r="AO27" s="146">
        <v>12</v>
      </c>
      <c r="AP27" s="146">
        <v>3</v>
      </c>
      <c r="AQ27" s="146">
        <v>1</v>
      </c>
      <c r="AR27" s="146">
        <v>2</v>
      </c>
      <c r="AS27" s="151">
        <v>18</v>
      </c>
      <c r="AT27" s="150">
        <v>23</v>
      </c>
      <c r="AU27" s="145">
        <v>9</v>
      </c>
      <c r="AV27" s="146">
        <v>15</v>
      </c>
      <c r="AW27" s="151">
        <v>24</v>
      </c>
      <c r="AX27" s="148">
        <v>0</v>
      </c>
      <c r="AY27" s="146">
        <v>83</v>
      </c>
      <c r="AZ27" s="146">
        <v>82</v>
      </c>
      <c r="BA27" s="146">
        <v>67</v>
      </c>
      <c r="BB27" s="146">
        <v>75</v>
      </c>
      <c r="BC27" s="146">
        <v>54</v>
      </c>
      <c r="BD27" s="149">
        <v>361</v>
      </c>
      <c r="BE27" s="150">
        <v>385</v>
      </c>
      <c r="BF27" s="145">
        <v>0</v>
      </c>
      <c r="BG27" s="146">
        <v>0</v>
      </c>
      <c r="BH27" s="151">
        <v>0</v>
      </c>
      <c r="BI27" s="148">
        <v>0</v>
      </c>
      <c r="BJ27" s="146">
        <v>176</v>
      </c>
      <c r="BK27" s="146">
        <v>102</v>
      </c>
      <c r="BL27" s="146">
        <v>53</v>
      </c>
      <c r="BM27" s="146">
        <v>34</v>
      </c>
      <c r="BN27" s="146">
        <v>17</v>
      </c>
      <c r="BO27" s="151">
        <v>382</v>
      </c>
      <c r="BP27" s="150">
        <v>382</v>
      </c>
      <c r="BQ27" s="145">
        <v>0</v>
      </c>
      <c r="BR27" s="146">
        <v>6</v>
      </c>
      <c r="BS27" s="151">
        <v>6</v>
      </c>
      <c r="BT27" s="148">
        <v>0</v>
      </c>
      <c r="BU27" s="146">
        <v>27</v>
      </c>
      <c r="BV27" s="146">
        <v>56</v>
      </c>
      <c r="BW27" s="146">
        <v>26</v>
      </c>
      <c r="BX27" s="146">
        <v>13</v>
      </c>
      <c r="BY27" s="146">
        <v>3</v>
      </c>
      <c r="BZ27" s="151">
        <v>125</v>
      </c>
      <c r="CA27" s="150">
        <v>131</v>
      </c>
      <c r="CB27" s="145">
        <v>2</v>
      </c>
      <c r="CC27" s="146">
        <v>3</v>
      </c>
      <c r="CD27" s="151">
        <v>5</v>
      </c>
      <c r="CE27" s="148">
        <v>0</v>
      </c>
      <c r="CF27" s="146">
        <v>25</v>
      </c>
      <c r="CG27" s="146">
        <v>27</v>
      </c>
      <c r="CH27" s="146">
        <v>19</v>
      </c>
      <c r="CI27" s="146">
        <v>15</v>
      </c>
      <c r="CJ27" s="146">
        <v>4</v>
      </c>
      <c r="CK27" s="151">
        <v>90</v>
      </c>
      <c r="CL27" s="150">
        <v>95</v>
      </c>
      <c r="CM27" s="145">
        <v>0</v>
      </c>
      <c r="CN27" s="146">
        <v>0</v>
      </c>
      <c r="CO27" s="151">
        <v>0</v>
      </c>
      <c r="CP27" s="148">
        <v>0</v>
      </c>
      <c r="CQ27" s="146">
        <v>2</v>
      </c>
      <c r="CR27" s="146">
        <v>5</v>
      </c>
      <c r="CS27" s="146">
        <v>3</v>
      </c>
      <c r="CT27" s="146">
        <v>2</v>
      </c>
      <c r="CU27" s="146">
        <v>0</v>
      </c>
      <c r="CV27" s="151">
        <v>12</v>
      </c>
      <c r="CW27" s="150">
        <v>12</v>
      </c>
      <c r="CX27" s="145">
        <v>0</v>
      </c>
      <c r="CY27" s="146">
        <v>0</v>
      </c>
      <c r="CZ27" s="151">
        <v>0</v>
      </c>
      <c r="DA27" s="148">
        <v>0</v>
      </c>
      <c r="DB27" s="146">
        <v>0</v>
      </c>
      <c r="DC27" s="146">
        <v>0</v>
      </c>
      <c r="DD27" s="146">
        <v>0</v>
      </c>
      <c r="DE27" s="146">
        <v>0</v>
      </c>
      <c r="DF27" s="146">
        <v>0</v>
      </c>
      <c r="DG27" s="151">
        <v>0</v>
      </c>
      <c r="DH27" s="150">
        <v>0</v>
      </c>
      <c r="DI27" s="145">
        <v>0</v>
      </c>
      <c r="DJ27" s="146">
        <v>0</v>
      </c>
      <c r="DK27" s="151">
        <v>0</v>
      </c>
      <c r="DL27" s="148">
        <v>0</v>
      </c>
      <c r="DM27" s="146">
        <v>0</v>
      </c>
      <c r="DN27" s="146">
        <v>0</v>
      </c>
      <c r="DO27" s="146">
        <v>0</v>
      </c>
      <c r="DP27" s="146">
        <v>0</v>
      </c>
      <c r="DQ27" s="146">
        <v>0</v>
      </c>
      <c r="DR27" s="151">
        <v>0</v>
      </c>
      <c r="DS27" s="150">
        <v>0</v>
      </c>
      <c r="DT27" s="145">
        <v>94</v>
      </c>
      <c r="DU27" s="146">
        <v>176</v>
      </c>
      <c r="DV27" s="151">
        <v>270</v>
      </c>
      <c r="DW27" s="148">
        <v>0</v>
      </c>
      <c r="DX27" s="146">
        <v>143</v>
      </c>
      <c r="DY27" s="146">
        <v>267</v>
      </c>
      <c r="DZ27" s="146">
        <v>120</v>
      </c>
      <c r="EA27" s="146">
        <v>98</v>
      </c>
      <c r="EB27" s="146">
        <v>58</v>
      </c>
      <c r="EC27" s="151">
        <v>686</v>
      </c>
      <c r="ED27" s="150">
        <v>956</v>
      </c>
      <c r="EE27" s="145">
        <v>3</v>
      </c>
      <c r="EF27" s="146">
        <v>6</v>
      </c>
      <c r="EG27" s="151">
        <v>9</v>
      </c>
      <c r="EH27" s="148">
        <v>0</v>
      </c>
      <c r="EI27" s="146">
        <v>21</v>
      </c>
      <c r="EJ27" s="146">
        <v>13</v>
      </c>
      <c r="EK27" s="146">
        <v>13</v>
      </c>
      <c r="EL27" s="146">
        <v>16</v>
      </c>
      <c r="EM27" s="146">
        <v>11</v>
      </c>
      <c r="EN27" s="151">
        <v>74</v>
      </c>
      <c r="EO27" s="150">
        <v>83</v>
      </c>
      <c r="EP27" s="145">
        <v>112</v>
      </c>
      <c r="EQ27" s="146">
        <v>207</v>
      </c>
      <c r="ER27" s="151">
        <v>319</v>
      </c>
      <c r="ES27" s="148">
        <v>0</v>
      </c>
      <c r="ET27" s="146">
        <v>364</v>
      </c>
      <c r="EU27" s="146">
        <v>323</v>
      </c>
      <c r="EV27" s="146">
        <v>147</v>
      </c>
      <c r="EW27" s="146">
        <v>114</v>
      </c>
      <c r="EX27" s="146">
        <v>63</v>
      </c>
      <c r="EY27" s="151">
        <v>1011</v>
      </c>
      <c r="EZ27" s="150">
        <v>1330</v>
      </c>
    </row>
    <row r="28" spans="2:156" ht="21" customHeight="1" x14ac:dyDescent="0.2">
      <c r="B28" s="152" t="s">
        <v>26</v>
      </c>
      <c r="C28" s="145">
        <v>0</v>
      </c>
      <c r="D28" s="146">
        <v>0</v>
      </c>
      <c r="E28" s="147">
        <v>0</v>
      </c>
      <c r="F28" s="148">
        <v>0</v>
      </c>
      <c r="G28" s="146">
        <v>62</v>
      </c>
      <c r="H28" s="146">
        <v>110</v>
      </c>
      <c r="I28" s="146">
        <v>62</v>
      </c>
      <c r="J28" s="146">
        <v>36</v>
      </c>
      <c r="K28" s="146">
        <v>54</v>
      </c>
      <c r="L28" s="149">
        <v>324</v>
      </c>
      <c r="M28" s="150">
        <v>324</v>
      </c>
      <c r="N28" s="145">
        <v>0</v>
      </c>
      <c r="O28" s="146">
        <v>0</v>
      </c>
      <c r="P28" s="151">
        <v>0</v>
      </c>
      <c r="Q28" s="148">
        <v>0</v>
      </c>
      <c r="R28" s="146">
        <v>0</v>
      </c>
      <c r="S28" s="146">
        <v>0</v>
      </c>
      <c r="T28" s="146">
        <v>5</v>
      </c>
      <c r="U28" s="146">
        <v>10</v>
      </c>
      <c r="V28" s="146">
        <v>18</v>
      </c>
      <c r="W28" s="151">
        <v>33</v>
      </c>
      <c r="X28" s="150">
        <v>33</v>
      </c>
      <c r="Y28" s="145">
        <v>17</v>
      </c>
      <c r="Z28" s="146">
        <v>24</v>
      </c>
      <c r="AA28" s="151">
        <v>41</v>
      </c>
      <c r="AB28" s="148">
        <v>0</v>
      </c>
      <c r="AC28" s="146">
        <v>78</v>
      </c>
      <c r="AD28" s="146">
        <v>93</v>
      </c>
      <c r="AE28" s="146">
        <v>51</v>
      </c>
      <c r="AF28" s="146">
        <v>39</v>
      </c>
      <c r="AG28" s="146">
        <v>50</v>
      </c>
      <c r="AH28" s="151">
        <v>311</v>
      </c>
      <c r="AI28" s="150">
        <v>352</v>
      </c>
      <c r="AJ28" s="145">
        <v>1</v>
      </c>
      <c r="AK28" s="146">
        <v>2</v>
      </c>
      <c r="AL28" s="151">
        <v>3</v>
      </c>
      <c r="AM28" s="148">
        <v>0</v>
      </c>
      <c r="AN28" s="146">
        <v>3</v>
      </c>
      <c r="AO28" s="146">
        <v>3</v>
      </c>
      <c r="AP28" s="146">
        <v>6</v>
      </c>
      <c r="AQ28" s="146">
        <v>2</v>
      </c>
      <c r="AR28" s="146">
        <v>2</v>
      </c>
      <c r="AS28" s="151">
        <v>16</v>
      </c>
      <c r="AT28" s="150">
        <v>19</v>
      </c>
      <c r="AU28" s="145">
        <v>10</v>
      </c>
      <c r="AV28" s="146">
        <v>4</v>
      </c>
      <c r="AW28" s="151">
        <v>14</v>
      </c>
      <c r="AX28" s="148">
        <v>0</v>
      </c>
      <c r="AY28" s="146">
        <v>56</v>
      </c>
      <c r="AZ28" s="146">
        <v>86</v>
      </c>
      <c r="BA28" s="146">
        <v>80</v>
      </c>
      <c r="BB28" s="146">
        <v>63</v>
      </c>
      <c r="BC28" s="146">
        <v>66</v>
      </c>
      <c r="BD28" s="149">
        <v>351</v>
      </c>
      <c r="BE28" s="150">
        <v>365</v>
      </c>
      <c r="BF28" s="145">
        <v>0</v>
      </c>
      <c r="BG28" s="146">
        <v>0</v>
      </c>
      <c r="BH28" s="151">
        <v>0</v>
      </c>
      <c r="BI28" s="148">
        <v>0</v>
      </c>
      <c r="BJ28" s="146">
        <v>116</v>
      </c>
      <c r="BK28" s="146">
        <v>116</v>
      </c>
      <c r="BL28" s="146">
        <v>51</v>
      </c>
      <c r="BM28" s="146">
        <v>22</v>
      </c>
      <c r="BN28" s="146">
        <v>23</v>
      </c>
      <c r="BO28" s="151">
        <v>328</v>
      </c>
      <c r="BP28" s="150">
        <v>328</v>
      </c>
      <c r="BQ28" s="145">
        <v>5</v>
      </c>
      <c r="BR28" s="146">
        <v>7</v>
      </c>
      <c r="BS28" s="151">
        <v>12</v>
      </c>
      <c r="BT28" s="148">
        <v>0</v>
      </c>
      <c r="BU28" s="146">
        <v>23</v>
      </c>
      <c r="BV28" s="146">
        <v>31</v>
      </c>
      <c r="BW28" s="146">
        <v>15</v>
      </c>
      <c r="BX28" s="146">
        <v>13</v>
      </c>
      <c r="BY28" s="146">
        <v>4</v>
      </c>
      <c r="BZ28" s="151">
        <v>86</v>
      </c>
      <c r="CA28" s="150">
        <v>98</v>
      </c>
      <c r="CB28" s="145">
        <v>0</v>
      </c>
      <c r="CC28" s="146">
        <v>0</v>
      </c>
      <c r="CD28" s="151">
        <v>0</v>
      </c>
      <c r="CE28" s="148">
        <v>0</v>
      </c>
      <c r="CF28" s="146">
        <v>14</v>
      </c>
      <c r="CG28" s="146">
        <v>29</v>
      </c>
      <c r="CH28" s="146">
        <v>21</v>
      </c>
      <c r="CI28" s="146">
        <v>11</v>
      </c>
      <c r="CJ28" s="146">
        <v>14</v>
      </c>
      <c r="CK28" s="151">
        <v>89</v>
      </c>
      <c r="CL28" s="150">
        <v>89</v>
      </c>
      <c r="CM28" s="145">
        <v>0</v>
      </c>
      <c r="CN28" s="146">
        <v>0</v>
      </c>
      <c r="CO28" s="151">
        <v>0</v>
      </c>
      <c r="CP28" s="148">
        <v>0</v>
      </c>
      <c r="CQ28" s="146">
        <v>3</v>
      </c>
      <c r="CR28" s="146">
        <v>4</v>
      </c>
      <c r="CS28" s="146">
        <v>2</v>
      </c>
      <c r="CT28" s="146">
        <v>1</v>
      </c>
      <c r="CU28" s="146">
        <v>4</v>
      </c>
      <c r="CV28" s="151">
        <v>14</v>
      </c>
      <c r="CW28" s="150">
        <v>14</v>
      </c>
      <c r="CX28" s="145">
        <v>0</v>
      </c>
      <c r="CY28" s="146">
        <v>0</v>
      </c>
      <c r="CZ28" s="151">
        <v>0</v>
      </c>
      <c r="DA28" s="148">
        <v>0</v>
      </c>
      <c r="DB28" s="146">
        <v>0</v>
      </c>
      <c r="DC28" s="146">
        <v>0</v>
      </c>
      <c r="DD28" s="146">
        <v>0</v>
      </c>
      <c r="DE28" s="146">
        <v>0</v>
      </c>
      <c r="DF28" s="146">
        <v>0</v>
      </c>
      <c r="DG28" s="151">
        <v>0</v>
      </c>
      <c r="DH28" s="150">
        <v>0</v>
      </c>
      <c r="DI28" s="145">
        <v>0</v>
      </c>
      <c r="DJ28" s="146">
        <v>0</v>
      </c>
      <c r="DK28" s="151">
        <v>0</v>
      </c>
      <c r="DL28" s="148">
        <v>0</v>
      </c>
      <c r="DM28" s="146">
        <v>0</v>
      </c>
      <c r="DN28" s="146">
        <v>0</v>
      </c>
      <c r="DO28" s="146">
        <v>0</v>
      </c>
      <c r="DP28" s="146">
        <v>0</v>
      </c>
      <c r="DQ28" s="146">
        <v>0</v>
      </c>
      <c r="DR28" s="151">
        <v>0</v>
      </c>
      <c r="DS28" s="150">
        <v>0</v>
      </c>
      <c r="DT28" s="145">
        <v>69</v>
      </c>
      <c r="DU28" s="146">
        <v>120</v>
      </c>
      <c r="DV28" s="151">
        <v>189</v>
      </c>
      <c r="DW28" s="148">
        <v>0</v>
      </c>
      <c r="DX28" s="146">
        <v>138</v>
      </c>
      <c r="DY28" s="146">
        <v>228</v>
      </c>
      <c r="DZ28" s="146">
        <v>117</v>
      </c>
      <c r="EA28" s="146">
        <v>81</v>
      </c>
      <c r="EB28" s="146">
        <v>78</v>
      </c>
      <c r="EC28" s="151">
        <v>642</v>
      </c>
      <c r="ED28" s="150">
        <v>831</v>
      </c>
      <c r="EE28" s="145">
        <v>8</v>
      </c>
      <c r="EF28" s="146">
        <v>3</v>
      </c>
      <c r="EG28" s="151">
        <v>11</v>
      </c>
      <c r="EH28" s="148">
        <v>0</v>
      </c>
      <c r="EI28" s="146">
        <v>28</v>
      </c>
      <c r="EJ28" s="146">
        <v>22</v>
      </c>
      <c r="EK28" s="146">
        <v>26</v>
      </c>
      <c r="EL28" s="146">
        <v>25</v>
      </c>
      <c r="EM28" s="146">
        <v>13</v>
      </c>
      <c r="EN28" s="151">
        <v>114</v>
      </c>
      <c r="EO28" s="150">
        <v>125</v>
      </c>
      <c r="EP28" s="145">
        <v>84</v>
      </c>
      <c r="EQ28" s="146">
        <v>135</v>
      </c>
      <c r="ER28" s="151">
        <v>219</v>
      </c>
      <c r="ES28" s="148">
        <v>0</v>
      </c>
      <c r="ET28" s="146">
        <v>261</v>
      </c>
      <c r="EU28" s="146">
        <v>302</v>
      </c>
      <c r="EV28" s="146">
        <v>142</v>
      </c>
      <c r="EW28" s="146">
        <v>85</v>
      </c>
      <c r="EX28" s="146">
        <v>80</v>
      </c>
      <c r="EY28" s="151">
        <v>870</v>
      </c>
      <c r="EZ28" s="150">
        <v>1089</v>
      </c>
    </row>
    <row r="29" spans="2:156" ht="21" customHeight="1" x14ac:dyDescent="0.2">
      <c r="B29" s="152" t="s">
        <v>27</v>
      </c>
      <c r="C29" s="145">
        <v>0</v>
      </c>
      <c r="D29" s="146">
        <v>0</v>
      </c>
      <c r="E29" s="147">
        <v>0</v>
      </c>
      <c r="F29" s="148">
        <v>0</v>
      </c>
      <c r="G29" s="146">
        <v>61</v>
      </c>
      <c r="H29" s="146">
        <v>62</v>
      </c>
      <c r="I29" s="146">
        <v>33</v>
      </c>
      <c r="J29" s="146">
        <v>38</v>
      </c>
      <c r="K29" s="146">
        <v>29</v>
      </c>
      <c r="L29" s="149">
        <v>223</v>
      </c>
      <c r="M29" s="150">
        <v>223</v>
      </c>
      <c r="N29" s="145">
        <v>0</v>
      </c>
      <c r="O29" s="146">
        <v>0</v>
      </c>
      <c r="P29" s="151">
        <v>0</v>
      </c>
      <c r="Q29" s="148">
        <v>0</v>
      </c>
      <c r="R29" s="146">
        <v>1</v>
      </c>
      <c r="S29" s="146">
        <v>4</v>
      </c>
      <c r="T29" s="146">
        <v>3</v>
      </c>
      <c r="U29" s="146">
        <v>11</v>
      </c>
      <c r="V29" s="146">
        <v>17</v>
      </c>
      <c r="W29" s="151">
        <v>36</v>
      </c>
      <c r="X29" s="150">
        <v>36</v>
      </c>
      <c r="Y29" s="145">
        <v>24</v>
      </c>
      <c r="Z29" s="146">
        <v>47</v>
      </c>
      <c r="AA29" s="151">
        <v>71</v>
      </c>
      <c r="AB29" s="148">
        <v>0</v>
      </c>
      <c r="AC29" s="146">
        <v>40</v>
      </c>
      <c r="AD29" s="146">
        <v>56</v>
      </c>
      <c r="AE29" s="146">
        <v>40</v>
      </c>
      <c r="AF29" s="146">
        <v>33</v>
      </c>
      <c r="AG29" s="146">
        <v>29</v>
      </c>
      <c r="AH29" s="151">
        <v>198</v>
      </c>
      <c r="AI29" s="150">
        <v>269</v>
      </c>
      <c r="AJ29" s="145">
        <v>1</v>
      </c>
      <c r="AK29" s="146">
        <v>3</v>
      </c>
      <c r="AL29" s="151">
        <v>4</v>
      </c>
      <c r="AM29" s="148">
        <v>0</v>
      </c>
      <c r="AN29" s="146">
        <v>1</v>
      </c>
      <c r="AO29" s="146">
        <v>0</v>
      </c>
      <c r="AP29" s="146">
        <v>1</v>
      </c>
      <c r="AQ29" s="146">
        <v>0</v>
      </c>
      <c r="AR29" s="146">
        <v>2</v>
      </c>
      <c r="AS29" s="151">
        <v>4</v>
      </c>
      <c r="AT29" s="150">
        <v>8</v>
      </c>
      <c r="AU29" s="145">
        <v>15</v>
      </c>
      <c r="AV29" s="146">
        <v>23</v>
      </c>
      <c r="AW29" s="151">
        <v>38</v>
      </c>
      <c r="AX29" s="148">
        <v>0</v>
      </c>
      <c r="AY29" s="146">
        <v>87</v>
      </c>
      <c r="AZ29" s="146">
        <v>62</v>
      </c>
      <c r="BA29" s="146">
        <v>66</v>
      </c>
      <c r="BB29" s="146">
        <v>68</v>
      </c>
      <c r="BC29" s="146">
        <v>48</v>
      </c>
      <c r="BD29" s="149">
        <v>331</v>
      </c>
      <c r="BE29" s="150">
        <v>369</v>
      </c>
      <c r="BF29" s="145">
        <v>0</v>
      </c>
      <c r="BG29" s="146">
        <v>0</v>
      </c>
      <c r="BH29" s="151">
        <v>0</v>
      </c>
      <c r="BI29" s="148">
        <v>0</v>
      </c>
      <c r="BJ29" s="146">
        <v>107</v>
      </c>
      <c r="BK29" s="146">
        <v>62</v>
      </c>
      <c r="BL29" s="146">
        <v>39</v>
      </c>
      <c r="BM29" s="146">
        <v>39</v>
      </c>
      <c r="BN29" s="146">
        <v>10</v>
      </c>
      <c r="BO29" s="151">
        <v>257</v>
      </c>
      <c r="BP29" s="150">
        <v>257</v>
      </c>
      <c r="BQ29" s="145">
        <v>19</v>
      </c>
      <c r="BR29" s="146">
        <v>33</v>
      </c>
      <c r="BS29" s="151">
        <v>52</v>
      </c>
      <c r="BT29" s="148">
        <v>0</v>
      </c>
      <c r="BU29" s="146">
        <v>29</v>
      </c>
      <c r="BV29" s="146">
        <v>31</v>
      </c>
      <c r="BW29" s="146">
        <v>18</v>
      </c>
      <c r="BX29" s="146">
        <v>7</v>
      </c>
      <c r="BY29" s="146">
        <v>7</v>
      </c>
      <c r="BZ29" s="151">
        <v>92</v>
      </c>
      <c r="CA29" s="150">
        <v>144</v>
      </c>
      <c r="CB29" s="145">
        <v>1</v>
      </c>
      <c r="CC29" s="146">
        <v>0</v>
      </c>
      <c r="CD29" s="151">
        <v>1</v>
      </c>
      <c r="CE29" s="148">
        <v>0</v>
      </c>
      <c r="CF29" s="146">
        <v>12</v>
      </c>
      <c r="CG29" s="146">
        <v>16</v>
      </c>
      <c r="CH29" s="146">
        <v>14</v>
      </c>
      <c r="CI29" s="146">
        <v>14</v>
      </c>
      <c r="CJ29" s="146">
        <v>7</v>
      </c>
      <c r="CK29" s="151">
        <v>63</v>
      </c>
      <c r="CL29" s="150">
        <v>64</v>
      </c>
      <c r="CM29" s="145">
        <v>1</v>
      </c>
      <c r="CN29" s="146">
        <v>1</v>
      </c>
      <c r="CO29" s="151">
        <v>2</v>
      </c>
      <c r="CP29" s="148">
        <v>0</v>
      </c>
      <c r="CQ29" s="146">
        <v>1</v>
      </c>
      <c r="CR29" s="146">
        <v>1</v>
      </c>
      <c r="CS29" s="146">
        <v>4</v>
      </c>
      <c r="CT29" s="146">
        <v>2</v>
      </c>
      <c r="CU29" s="146">
        <v>2</v>
      </c>
      <c r="CV29" s="151">
        <v>10</v>
      </c>
      <c r="CW29" s="150">
        <v>12</v>
      </c>
      <c r="CX29" s="145">
        <v>0</v>
      </c>
      <c r="CY29" s="146">
        <v>0</v>
      </c>
      <c r="CZ29" s="151">
        <v>0</v>
      </c>
      <c r="DA29" s="148">
        <v>0</v>
      </c>
      <c r="DB29" s="146">
        <v>0</v>
      </c>
      <c r="DC29" s="146">
        <v>0</v>
      </c>
      <c r="DD29" s="146">
        <v>0</v>
      </c>
      <c r="DE29" s="146">
        <v>0</v>
      </c>
      <c r="DF29" s="146">
        <v>0</v>
      </c>
      <c r="DG29" s="151">
        <v>0</v>
      </c>
      <c r="DH29" s="150">
        <v>0</v>
      </c>
      <c r="DI29" s="145">
        <v>0</v>
      </c>
      <c r="DJ29" s="146">
        <v>0</v>
      </c>
      <c r="DK29" s="151">
        <v>0</v>
      </c>
      <c r="DL29" s="148">
        <v>0</v>
      </c>
      <c r="DM29" s="146">
        <v>0</v>
      </c>
      <c r="DN29" s="146">
        <v>0</v>
      </c>
      <c r="DO29" s="146">
        <v>0</v>
      </c>
      <c r="DP29" s="146">
        <v>0</v>
      </c>
      <c r="DQ29" s="146">
        <v>0</v>
      </c>
      <c r="DR29" s="151">
        <v>0</v>
      </c>
      <c r="DS29" s="150">
        <v>0</v>
      </c>
      <c r="DT29" s="145">
        <v>103</v>
      </c>
      <c r="DU29" s="146">
        <v>158</v>
      </c>
      <c r="DV29" s="151">
        <v>261</v>
      </c>
      <c r="DW29" s="148">
        <v>0</v>
      </c>
      <c r="DX29" s="146">
        <v>85</v>
      </c>
      <c r="DY29" s="146">
        <v>128</v>
      </c>
      <c r="DZ29" s="146">
        <v>91</v>
      </c>
      <c r="EA29" s="146">
        <v>77</v>
      </c>
      <c r="EB29" s="146">
        <v>50</v>
      </c>
      <c r="EC29" s="151">
        <v>431</v>
      </c>
      <c r="ED29" s="150">
        <v>692</v>
      </c>
      <c r="EE29" s="145">
        <v>14</v>
      </c>
      <c r="EF29" s="146">
        <v>15</v>
      </c>
      <c r="EG29" s="151">
        <v>29</v>
      </c>
      <c r="EH29" s="148">
        <v>0</v>
      </c>
      <c r="EI29" s="146">
        <v>52</v>
      </c>
      <c r="EJ29" s="146">
        <v>26</v>
      </c>
      <c r="EK29" s="146">
        <v>32</v>
      </c>
      <c r="EL29" s="146">
        <v>29</v>
      </c>
      <c r="EM29" s="146">
        <v>15</v>
      </c>
      <c r="EN29" s="151">
        <v>154</v>
      </c>
      <c r="EO29" s="150">
        <v>183</v>
      </c>
      <c r="EP29" s="145">
        <v>137</v>
      </c>
      <c r="EQ29" s="146">
        <v>191</v>
      </c>
      <c r="ER29" s="151">
        <v>328</v>
      </c>
      <c r="ES29" s="148">
        <v>0</v>
      </c>
      <c r="ET29" s="146">
        <v>227</v>
      </c>
      <c r="EU29" s="146">
        <v>160</v>
      </c>
      <c r="EV29" s="146">
        <v>96</v>
      </c>
      <c r="EW29" s="146">
        <v>82</v>
      </c>
      <c r="EX29" s="146">
        <v>48</v>
      </c>
      <c r="EY29" s="151">
        <v>613</v>
      </c>
      <c r="EZ29" s="150">
        <v>941</v>
      </c>
    </row>
    <row r="30" spans="2:156" ht="21" customHeight="1" x14ac:dyDescent="0.2">
      <c r="B30" s="152" t="s">
        <v>28</v>
      </c>
      <c r="C30" s="145">
        <v>0</v>
      </c>
      <c r="D30" s="146">
        <v>0</v>
      </c>
      <c r="E30" s="147">
        <v>0</v>
      </c>
      <c r="F30" s="148">
        <v>0</v>
      </c>
      <c r="G30" s="146">
        <v>15</v>
      </c>
      <c r="H30" s="146">
        <v>17</v>
      </c>
      <c r="I30" s="146">
        <v>5</v>
      </c>
      <c r="J30" s="146">
        <v>6</v>
      </c>
      <c r="K30" s="146">
        <v>8</v>
      </c>
      <c r="L30" s="149">
        <v>51</v>
      </c>
      <c r="M30" s="150">
        <v>51</v>
      </c>
      <c r="N30" s="145">
        <v>0</v>
      </c>
      <c r="O30" s="146">
        <v>0</v>
      </c>
      <c r="P30" s="151">
        <v>0</v>
      </c>
      <c r="Q30" s="148">
        <v>0</v>
      </c>
      <c r="R30" s="146">
        <v>0</v>
      </c>
      <c r="S30" s="146">
        <v>0</v>
      </c>
      <c r="T30" s="146">
        <v>3</v>
      </c>
      <c r="U30" s="146">
        <v>2</v>
      </c>
      <c r="V30" s="146">
        <v>2</v>
      </c>
      <c r="W30" s="151">
        <v>7</v>
      </c>
      <c r="X30" s="150">
        <v>7</v>
      </c>
      <c r="Y30" s="145">
        <v>2</v>
      </c>
      <c r="Z30" s="146">
        <v>6</v>
      </c>
      <c r="AA30" s="151">
        <v>8</v>
      </c>
      <c r="AB30" s="148">
        <v>0</v>
      </c>
      <c r="AC30" s="146">
        <v>12</v>
      </c>
      <c r="AD30" s="146">
        <v>17</v>
      </c>
      <c r="AE30" s="146">
        <v>9</v>
      </c>
      <c r="AF30" s="146">
        <v>16</v>
      </c>
      <c r="AG30" s="146">
        <v>8</v>
      </c>
      <c r="AH30" s="151">
        <v>62</v>
      </c>
      <c r="AI30" s="150">
        <v>70</v>
      </c>
      <c r="AJ30" s="145">
        <v>0</v>
      </c>
      <c r="AK30" s="146">
        <v>0</v>
      </c>
      <c r="AL30" s="151">
        <v>0</v>
      </c>
      <c r="AM30" s="148">
        <v>0</v>
      </c>
      <c r="AN30" s="146">
        <v>1</v>
      </c>
      <c r="AO30" s="146">
        <v>0</v>
      </c>
      <c r="AP30" s="146">
        <v>1</v>
      </c>
      <c r="AQ30" s="146">
        <v>1</v>
      </c>
      <c r="AR30" s="146">
        <v>2</v>
      </c>
      <c r="AS30" s="151">
        <v>5</v>
      </c>
      <c r="AT30" s="150">
        <v>5</v>
      </c>
      <c r="AU30" s="145">
        <v>1</v>
      </c>
      <c r="AV30" s="146">
        <v>2</v>
      </c>
      <c r="AW30" s="151">
        <v>3</v>
      </c>
      <c r="AX30" s="148">
        <v>0</v>
      </c>
      <c r="AY30" s="146">
        <v>13</v>
      </c>
      <c r="AZ30" s="146">
        <v>18</v>
      </c>
      <c r="BA30" s="146">
        <v>15</v>
      </c>
      <c r="BB30" s="146">
        <v>16</v>
      </c>
      <c r="BC30" s="146">
        <v>18</v>
      </c>
      <c r="BD30" s="149">
        <v>80</v>
      </c>
      <c r="BE30" s="150">
        <v>83</v>
      </c>
      <c r="BF30" s="145">
        <v>0</v>
      </c>
      <c r="BG30" s="146">
        <v>0</v>
      </c>
      <c r="BH30" s="151">
        <v>0</v>
      </c>
      <c r="BI30" s="148">
        <v>0</v>
      </c>
      <c r="BJ30" s="146">
        <v>32</v>
      </c>
      <c r="BK30" s="146">
        <v>39</v>
      </c>
      <c r="BL30" s="146">
        <v>23</v>
      </c>
      <c r="BM30" s="146">
        <v>9</v>
      </c>
      <c r="BN30" s="146">
        <v>8</v>
      </c>
      <c r="BO30" s="151">
        <v>111</v>
      </c>
      <c r="BP30" s="150">
        <v>111</v>
      </c>
      <c r="BQ30" s="145">
        <v>1</v>
      </c>
      <c r="BR30" s="146">
        <v>5</v>
      </c>
      <c r="BS30" s="151">
        <v>6</v>
      </c>
      <c r="BT30" s="148">
        <v>0</v>
      </c>
      <c r="BU30" s="146">
        <v>11</v>
      </c>
      <c r="BV30" s="146">
        <v>14</v>
      </c>
      <c r="BW30" s="146">
        <v>5</v>
      </c>
      <c r="BX30" s="146">
        <v>9</v>
      </c>
      <c r="BY30" s="146">
        <v>4</v>
      </c>
      <c r="BZ30" s="151">
        <v>43</v>
      </c>
      <c r="CA30" s="150">
        <v>49</v>
      </c>
      <c r="CB30" s="145">
        <v>0</v>
      </c>
      <c r="CC30" s="146">
        <v>0</v>
      </c>
      <c r="CD30" s="151">
        <v>0</v>
      </c>
      <c r="CE30" s="148">
        <v>0</v>
      </c>
      <c r="CF30" s="146">
        <v>4</v>
      </c>
      <c r="CG30" s="146">
        <v>6</v>
      </c>
      <c r="CH30" s="146">
        <v>6</v>
      </c>
      <c r="CI30" s="146">
        <v>8</v>
      </c>
      <c r="CJ30" s="146">
        <v>5</v>
      </c>
      <c r="CK30" s="151">
        <v>29</v>
      </c>
      <c r="CL30" s="150">
        <v>29</v>
      </c>
      <c r="CM30" s="145">
        <v>0</v>
      </c>
      <c r="CN30" s="146">
        <v>0</v>
      </c>
      <c r="CO30" s="151">
        <v>0</v>
      </c>
      <c r="CP30" s="148">
        <v>0</v>
      </c>
      <c r="CQ30" s="146">
        <v>2</v>
      </c>
      <c r="CR30" s="146">
        <v>1</v>
      </c>
      <c r="CS30" s="146">
        <v>3</v>
      </c>
      <c r="CT30" s="146">
        <v>1</v>
      </c>
      <c r="CU30" s="146">
        <v>1</v>
      </c>
      <c r="CV30" s="151">
        <v>8</v>
      </c>
      <c r="CW30" s="150">
        <v>8</v>
      </c>
      <c r="CX30" s="145">
        <v>0</v>
      </c>
      <c r="CY30" s="146">
        <v>0</v>
      </c>
      <c r="CZ30" s="151">
        <v>0</v>
      </c>
      <c r="DA30" s="148">
        <v>0</v>
      </c>
      <c r="DB30" s="146">
        <v>0</v>
      </c>
      <c r="DC30" s="146">
        <v>0</v>
      </c>
      <c r="DD30" s="146">
        <v>0</v>
      </c>
      <c r="DE30" s="146">
        <v>0</v>
      </c>
      <c r="DF30" s="146">
        <v>0</v>
      </c>
      <c r="DG30" s="151">
        <v>0</v>
      </c>
      <c r="DH30" s="150">
        <v>0</v>
      </c>
      <c r="DI30" s="145">
        <v>0</v>
      </c>
      <c r="DJ30" s="146">
        <v>0</v>
      </c>
      <c r="DK30" s="151">
        <v>0</v>
      </c>
      <c r="DL30" s="148">
        <v>0</v>
      </c>
      <c r="DM30" s="146">
        <v>0</v>
      </c>
      <c r="DN30" s="146">
        <v>0</v>
      </c>
      <c r="DO30" s="146">
        <v>0</v>
      </c>
      <c r="DP30" s="146">
        <v>0</v>
      </c>
      <c r="DQ30" s="146">
        <v>0</v>
      </c>
      <c r="DR30" s="151">
        <v>0</v>
      </c>
      <c r="DS30" s="150">
        <v>0</v>
      </c>
      <c r="DT30" s="145">
        <v>6</v>
      </c>
      <c r="DU30" s="146">
        <v>23</v>
      </c>
      <c r="DV30" s="151">
        <v>29</v>
      </c>
      <c r="DW30" s="148">
        <v>0</v>
      </c>
      <c r="DX30" s="146">
        <v>52</v>
      </c>
      <c r="DY30" s="146">
        <v>64</v>
      </c>
      <c r="DZ30" s="146">
        <v>35</v>
      </c>
      <c r="EA30" s="146">
        <v>23</v>
      </c>
      <c r="EB30" s="146">
        <v>12</v>
      </c>
      <c r="EC30" s="151">
        <v>186</v>
      </c>
      <c r="ED30" s="150">
        <v>215</v>
      </c>
      <c r="EE30" s="145">
        <v>0</v>
      </c>
      <c r="EF30" s="146">
        <v>0</v>
      </c>
      <c r="EG30" s="151">
        <v>0</v>
      </c>
      <c r="EH30" s="148">
        <v>0</v>
      </c>
      <c r="EI30" s="146">
        <v>5</v>
      </c>
      <c r="EJ30" s="146">
        <v>7</v>
      </c>
      <c r="EK30" s="146">
        <v>3</v>
      </c>
      <c r="EL30" s="146">
        <v>1</v>
      </c>
      <c r="EM30" s="146">
        <v>4</v>
      </c>
      <c r="EN30" s="151">
        <v>20</v>
      </c>
      <c r="EO30" s="150">
        <v>20</v>
      </c>
      <c r="EP30" s="145">
        <v>9</v>
      </c>
      <c r="EQ30" s="146">
        <v>28</v>
      </c>
      <c r="ER30" s="151">
        <v>37</v>
      </c>
      <c r="ES30" s="148">
        <v>0</v>
      </c>
      <c r="ET30" s="146">
        <v>93</v>
      </c>
      <c r="EU30" s="146">
        <v>89</v>
      </c>
      <c r="EV30" s="146">
        <v>45</v>
      </c>
      <c r="EW30" s="146">
        <v>27</v>
      </c>
      <c r="EX30" s="146">
        <v>15</v>
      </c>
      <c r="EY30" s="151">
        <v>269</v>
      </c>
      <c r="EZ30" s="150">
        <v>306</v>
      </c>
    </row>
    <row r="31" spans="2:156" ht="21" customHeight="1" x14ac:dyDescent="0.2">
      <c r="B31" s="152" t="s">
        <v>29</v>
      </c>
      <c r="C31" s="145">
        <v>0</v>
      </c>
      <c r="D31" s="146">
        <v>0</v>
      </c>
      <c r="E31" s="147">
        <v>0</v>
      </c>
      <c r="F31" s="148">
        <v>0</v>
      </c>
      <c r="G31" s="146">
        <v>23</v>
      </c>
      <c r="H31" s="146">
        <v>32</v>
      </c>
      <c r="I31" s="146">
        <v>23</v>
      </c>
      <c r="J31" s="146">
        <v>17</v>
      </c>
      <c r="K31" s="146">
        <v>15</v>
      </c>
      <c r="L31" s="149">
        <v>110</v>
      </c>
      <c r="M31" s="150">
        <v>110</v>
      </c>
      <c r="N31" s="145">
        <v>0</v>
      </c>
      <c r="O31" s="146">
        <v>0</v>
      </c>
      <c r="P31" s="151">
        <v>0</v>
      </c>
      <c r="Q31" s="148">
        <v>0</v>
      </c>
      <c r="R31" s="146">
        <v>0</v>
      </c>
      <c r="S31" s="146">
        <v>2</v>
      </c>
      <c r="T31" s="146">
        <v>1</v>
      </c>
      <c r="U31" s="146">
        <v>2</v>
      </c>
      <c r="V31" s="146">
        <v>9</v>
      </c>
      <c r="W31" s="151">
        <v>14</v>
      </c>
      <c r="X31" s="150">
        <v>14</v>
      </c>
      <c r="Y31" s="145">
        <v>1</v>
      </c>
      <c r="Z31" s="146">
        <v>5</v>
      </c>
      <c r="AA31" s="151">
        <v>6</v>
      </c>
      <c r="AB31" s="148">
        <v>0</v>
      </c>
      <c r="AC31" s="146">
        <v>24</v>
      </c>
      <c r="AD31" s="146">
        <v>28</v>
      </c>
      <c r="AE31" s="146">
        <v>17</v>
      </c>
      <c r="AF31" s="146">
        <v>13</v>
      </c>
      <c r="AG31" s="146">
        <v>13</v>
      </c>
      <c r="AH31" s="151">
        <v>95</v>
      </c>
      <c r="AI31" s="150">
        <v>101</v>
      </c>
      <c r="AJ31" s="145">
        <v>0</v>
      </c>
      <c r="AK31" s="146">
        <v>1</v>
      </c>
      <c r="AL31" s="151">
        <v>1</v>
      </c>
      <c r="AM31" s="148">
        <v>0</v>
      </c>
      <c r="AN31" s="146">
        <v>3</v>
      </c>
      <c r="AO31" s="146">
        <v>4</v>
      </c>
      <c r="AP31" s="146">
        <v>2</v>
      </c>
      <c r="AQ31" s="146">
        <v>2</v>
      </c>
      <c r="AR31" s="146">
        <v>1</v>
      </c>
      <c r="AS31" s="151">
        <v>12</v>
      </c>
      <c r="AT31" s="150">
        <v>13</v>
      </c>
      <c r="AU31" s="145">
        <v>6</v>
      </c>
      <c r="AV31" s="146">
        <v>2</v>
      </c>
      <c r="AW31" s="151">
        <v>8</v>
      </c>
      <c r="AX31" s="148">
        <v>0</v>
      </c>
      <c r="AY31" s="146">
        <v>26</v>
      </c>
      <c r="AZ31" s="146">
        <v>20</v>
      </c>
      <c r="BA31" s="146">
        <v>21</v>
      </c>
      <c r="BB31" s="146">
        <v>26</v>
      </c>
      <c r="BC31" s="146">
        <v>17</v>
      </c>
      <c r="BD31" s="149">
        <v>110</v>
      </c>
      <c r="BE31" s="150">
        <v>118</v>
      </c>
      <c r="BF31" s="145">
        <v>0</v>
      </c>
      <c r="BG31" s="146">
        <v>0</v>
      </c>
      <c r="BH31" s="151">
        <v>0</v>
      </c>
      <c r="BI31" s="148">
        <v>0</v>
      </c>
      <c r="BJ31" s="146">
        <v>34</v>
      </c>
      <c r="BK31" s="146">
        <v>45</v>
      </c>
      <c r="BL31" s="146">
        <v>23</v>
      </c>
      <c r="BM31" s="146">
        <v>15</v>
      </c>
      <c r="BN31" s="146">
        <v>7</v>
      </c>
      <c r="BO31" s="151">
        <v>124</v>
      </c>
      <c r="BP31" s="150">
        <v>124</v>
      </c>
      <c r="BQ31" s="145">
        <v>3</v>
      </c>
      <c r="BR31" s="146">
        <v>6</v>
      </c>
      <c r="BS31" s="151">
        <v>9</v>
      </c>
      <c r="BT31" s="148">
        <v>0</v>
      </c>
      <c r="BU31" s="146">
        <v>14</v>
      </c>
      <c r="BV31" s="146">
        <v>17</v>
      </c>
      <c r="BW31" s="146">
        <v>15</v>
      </c>
      <c r="BX31" s="146">
        <v>6</v>
      </c>
      <c r="BY31" s="146">
        <v>1</v>
      </c>
      <c r="BZ31" s="151">
        <v>53</v>
      </c>
      <c r="CA31" s="150">
        <v>62</v>
      </c>
      <c r="CB31" s="145">
        <v>0</v>
      </c>
      <c r="CC31" s="146">
        <v>0</v>
      </c>
      <c r="CD31" s="151">
        <v>0</v>
      </c>
      <c r="CE31" s="148">
        <v>0</v>
      </c>
      <c r="CF31" s="146">
        <v>3</v>
      </c>
      <c r="CG31" s="146">
        <v>10</v>
      </c>
      <c r="CH31" s="146">
        <v>15</v>
      </c>
      <c r="CI31" s="146">
        <v>6</v>
      </c>
      <c r="CJ31" s="146">
        <v>9</v>
      </c>
      <c r="CK31" s="151">
        <v>43</v>
      </c>
      <c r="CL31" s="150">
        <v>43</v>
      </c>
      <c r="CM31" s="145">
        <v>0</v>
      </c>
      <c r="CN31" s="146">
        <v>0</v>
      </c>
      <c r="CO31" s="151">
        <v>0</v>
      </c>
      <c r="CP31" s="148">
        <v>0</v>
      </c>
      <c r="CQ31" s="146">
        <v>2</v>
      </c>
      <c r="CR31" s="146">
        <v>2</v>
      </c>
      <c r="CS31" s="146">
        <v>0</v>
      </c>
      <c r="CT31" s="146">
        <v>2</v>
      </c>
      <c r="CU31" s="146">
        <v>0</v>
      </c>
      <c r="CV31" s="151">
        <v>6</v>
      </c>
      <c r="CW31" s="150">
        <v>6</v>
      </c>
      <c r="CX31" s="145">
        <v>0</v>
      </c>
      <c r="CY31" s="146">
        <v>0</v>
      </c>
      <c r="CZ31" s="151">
        <v>0</v>
      </c>
      <c r="DA31" s="148">
        <v>0</v>
      </c>
      <c r="DB31" s="146">
        <v>0</v>
      </c>
      <c r="DC31" s="146">
        <v>0</v>
      </c>
      <c r="DD31" s="146">
        <v>0</v>
      </c>
      <c r="DE31" s="146">
        <v>0</v>
      </c>
      <c r="DF31" s="146">
        <v>0</v>
      </c>
      <c r="DG31" s="151">
        <v>0</v>
      </c>
      <c r="DH31" s="150">
        <v>0</v>
      </c>
      <c r="DI31" s="145">
        <v>0</v>
      </c>
      <c r="DJ31" s="146">
        <v>0</v>
      </c>
      <c r="DK31" s="151">
        <v>0</v>
      </c>
      <c r="DL31" s="148">
        <v>0</v>
      </c>
      <c r="DM31" s="146">
        <v>0</v>
      </c>
      <c r="DN31" s="146">
        <v>0</v>
      </c>
      <c r="DO31" s="146">
        <v>0</v>
      </c>
      <c r="DP31" s="146">
        <v>0</v>
      </c>
      <c r="DQ31" s="146">
        <v>0</v>
      </c>
      <c r="DR31" s="151">
        <v>0</v>
      </c>
      <c r="DS31" s="150">
        <v>0</v>
      </c>
      <c r="DT31" s="145">
        <v>31</v>
      </c>
      <c r="DU31" s="146">
        <v>34</v>
      </c>
      <c r="DV31" s="151">
        <v>65</v>
      </c>
      <c r="DW31" s="148">
        <v>0</v>
      </c>
      <c r="DX31" s="146">
        <v>47</v>
      </c>
      <c r="DY31" s="146">
        <v>84</v>
      </c>
      <c r="DZ31" s="146">
        <v>52</v>
      </c>
      <c r="EA31" s="146">
        <v>40</v>
      </c>
      <c r="EB31" s="146">
        <v>25</v>
      </c>
      <c r="EC31" s="151">
        <v>248</v>
      </c>
      <c r="ED31" s="150">
        <v>313</v>
      </c>
      <c r="EE31" s="145">
        <v>3</v>
      </c>
      <c r="EF31" s="146">
        <v>0</v>
      </c>
      <c r="EG31" s="151">
        <v>3</v>
      </c>
      <c r="EH31" s="148">
        <v>0</v>
      </c>
      <c r="EI31" s="146">
        <v>8</v>
      </c>
      <c r="EJ31" s="146">
        <v>5</v>
      </c>
      <c r="EK31" s="146">
        <v>4</v>
      </c>
      <c r="EL31" s="146">
        <v>10</v>
      </c>
      <c r="EM31" s="146">
        <v>4</v>
      </c>
      <c r="EN31" s="151">
        <v>31</v>
      </c>
      <c r="EO31" s="150">
        <v>34</v>
      </c>
      <c r="EP31" s="145">
        <v>34</v>
      </c>
      <c r="EQ31" s="146">
        <v>40</v>
      </c>
      <c r="ER31" s="151">
        <v>74</v>
      </c>
      <c r="ES31" s="148">
        <v>0</v>
      </c>
      <c r="ET31" s="146">
        <v>91</v>
      </c>
      <c r="EU31" s="146">
        <v>108</v>
      </c>
      <c r="EV31" s="146">
        <v>62</v>
      </c>
      <c r="EW31" s="146">
        <v>40</v>
      </c>
      <c r="EX31" s="146">
        <v>24</v>
      </c>
      <c r="EY31" s="151">
        <v>325</v>
      </c>
      <c r="EZ31" s="150">
        <v>399</v>
      </c>
    </row>
    <row r="32" spans="2:156" ht="21" customHeight="1" x14ac:dyDescent="0.2">
      <c r="B32" s="152" t="s">
        <v>30</v>
      </c>
      <c r="C32" s="145">
        <v>0</v>
      </c>
      <c r="D32" s="146">
        <v>0</v>
      </c>
      <c r="E32" s="147">
        <v>0</v>
      </c>
      <c r="F32" s="148">
        <v>0</v>
      </c>
      <c r="G32" s="146">
        <v>25</v>
      </c>
      <c r="H32" s="146">
        <v>23</v>
      </c>
      <c r="I32" s="146">
        <v>14</v>
      </c>
      <c r="J32" s="146">
        <v>11</v>
      </c>
      <c r="K32" s="146">
        <v>8</v>
      </c>
      <c r="L32" s="149">
        <v>81</v>
      </c>
      <c r="M32" s="150">
        <v>81</v>
      </c>
      <c r="N32" s="145">
        <v>0</v>
      </c>
      <c r="O32" s="146">
        <v>0</v>
      </c>
      <c r="P32" s="151">
        <v>0</v>
      </c>
      <c r="Q32" s="148">
        <v>0</v>
      </c>
      <c r="R32" s="146">
        <v>1</v>
      </c>
      <c r="S32" s="146">
        <v>1</v>
      </c>
      <c r="T32" s="146">
        <v>4</v>
      </c>
      <c r="U32" s="146">
        <v>5</v>
      </c>
      <c r="V32" s="146">
        <v>2</v>
      </c>
      <c r="W32" s="151">
        <v>13</v>
      </c>
      <c r="X32" s="150">
        <v>13</v>
      </c>
      <c r="Y32" s="145">
        <v>5</v>
      </c>
      <c r="Z32" s="146">
        <v>10</v>
      </c>
      <c r="AA32" s="151">
        <v>15</v>
      </c>
      <c r="AB32" s="148">
        <v>0</v>
      </c>
      <c r="AC32" s="146">
        <v>25</v>
      </c>
      <c r="AD32" s="146">
        <v>19</v>
      </c>
      <c r="AE32" s="146">
        <v>19</v>
      </c>
      <c r="AF32" s="146">
        <v>9</v>
      </c>
      <c r="AG32" s="146">
        <v>4</v>
      </c>
      <c r="AH32" s="151">
        <v>76</v>
      </c>
      <c r="AI32" s="150">
        <v>91</v>
      </c>
      <c r="AJ32" s="145">
        <v>1</v>
      </c>
      <c r="AK32" s="146">
        <v>0</v>
      </c>
      <c r="AL32" s="151">
        <v>1</v>
      </c>
      <c r="AM32" s="148">
        <v>0</v>
      </c>
      <c r="AN32" s="146">
        <v>4</v>
      </c>
      <c r="AO32" s="146">
        <v>3</v>
      </c>
      <c r="AP32" s="146">
        <v>3</v>
      </c>
      <c r="AQ32" s="146">
        <v>0</v>
      </c>
      <c r="AR32" s="146">
        <v>0</v>
      </c>
      <c r="AS32" s="151">
        <v>10</v>
      </c>
      <c r="AT32" s="150">
        <v>11</v>
      </c>
      <c r="AU32" s="145">
        <v>1</v>
      </c>
      <c r="AV32" s="146">
        <v>2</v>
      </c>
      <c r="AW32" s="151">
        <v>3</v>
      </c>
      <c r="AX32" s="148">
        <v>0</v>
      </c>
      <c r="AY32" s="146">
        <v>30</v>
      </c>
      <c r="AZ32" s="146">
        <v>25</v>
      </c>
      <c r="BA32" s="146">
        <v>21</v>
      </c>
      <c r="BB32" s="146">
        <v>21</v>
      </c>
      <c r="BC32" s="146">
        <v>7</v>
      </c>
      <c r="BD32" s="149">
        <v>104</v>
      </c>
      <c r="BE32" s="150">
        <v>107</v>
      </c>
      <c r="BF32" s="145">
        <v>0</v>
      </c>
      <c r="BG32" s="146">
        <v>0</v>
      </c>
      <c r="BH32" s="151">
        <v>0</v>
      </c>
      <c r="BI32" s="148">
        <v>0</v>
      </c>
      <c r="BJ32" s="146">
        <v>32</v>
      </c>
      <c r="BK32" s="146">
        <v>25</v>
      </c>
      <c r="BL32" s="146">
        <v>20</v>
      </c>
      <c r="BM32" s="146">
        <v>11</v>
      </c>
      <c r="BN32" s="146">
        <v>2</v>
      </c>
      <c r="BO32" s="151">
        <v>90</v>
      </c>
      <c r="BP32" s="150">
        <v>90</v>
      </c>
      <c r="BQ32" s="145">
        <v>6</v>
      </c>
      <c r="BR32" s="146">
        <v>5</v>
      </c>
      <c r="BS32" s="151">
        <v>11</v>
      </c>
      <c r="BT32" s="148">
        <v>0</v>
      </c>
      <c r="BU32" s="146">
        <v>9</v>
      </c>
      <c r="BV32" s="146">
        <v>12</v>
      </c>
      <c r="BW32" s="146">
        <v>6</v>
      </c>
      <c r="BX32" s="146">
        <v>4</v>
      </c>
      <c r="BY32" s="146">
        <v>1</v>
      </c>
      <c r="BZ32" s="151">
        <v>32</v>
      </c>
      <c r="CA32" s="150">
        <v>43</v>
      </c>
      <c r="CB32" s="145">
        <v>0</v>
      </c>
      <c r="CC32" s="146">
        <v>2</v>
      </c>
      <c r="CD32" s="151">
        <v>2</v>
      </c>
      <c r="CE32" s="148">
        <v>0</v>
      </c>
      <c r="CF32" s="146">
        <v>6</v>
      </c>
      <c r="CG32" s="146">
        <v>3</v>
      </c>
      <c r="CH32" s="146">
        <v>9</v>
      </c>
      <c r="CI32" s="146">
        <v>6</v>
      </c>
      <c r="CJ32" s="146">
        <v>1</v>
      </c>
      <c r="CK32" s="151">
        <v>25</v>
      </c>
      <c r="CL32" s="150">
        <v>27</v>
      </c>
      <c r="CM32" s="145">
        <v>0</v>
      </c>
      <c r="CN32" s="146">
        <v>0</v>
      </c>
      <c r="CO32" s="151">
        <v>0</v>
      </c>
      <c r="CP32" s="148">
        <v>0</v>
      </c>
      <c r="CQ32" s="146">
        <v>0</v>
      </c>
      <c r="CR32" s="146">
        <v>1</v>
      </c>
      <c r="CS32" s="146">
        <v>0</v>
      </c>
      <c r="CT32" s="146">
        <v>2</v>
      </c>
      <c r="CU32" s="146">
        <v>1</v>
      </c>
      <c r="CV32" s="151">
        <v>4</v>
      </c>
      <c r="CW32" s="150">
        <v>4</v>
      </c>
      <c r="CX32" s="145">
        <v>0</v>
      </c>
      <c r="CY32" s="146">
        <v>0</v>
      </c>
      <c r="CZ32" s="151">
        <v>0</v>
      </c>
      <c r="DA32" s="148">
        <v>0</v>
      </c>
      <c r="DB32" s="146">
        <v>0</v>
      </c>
      <c r="DC32" s="146">
        <v>0</v>
      </c>
      <c r="DD32" s="146">
        <v>0</v>
      </c>
      <c r="DE32" s="146">
        <v>0</v>
      </c>
      <c r="DF32" s="146">
        <v>0</v>
      </c>
      <c r="DG32" s="151">
        <v>0</v>
      </c>
      <c r="DH32" s="150">
        <v>0</v>
      </c>
      <c r="DI32" s="145">
        <v>0</v>
      </c>
      <c r="DJ32" s="146">
        <v>0</v>
      </c>
      <c r="DK32" s="151">
        <v>0</v>
      </c>
      <c r="DL32" s="148">
        <v>0</v>
      </c>
      <c r="DM32" s="146">
        <v>0</v>
      </c>
      <c r="DN32" s="146">
        <v>0</v>
      </c>
      <c r="DO32" s="146">
        <v>0</v>
      </c>
      <c r="DP32" s="146">
        <v>0</v>
      </c>
      <c r="DQ32" s="146">
        <v>0</v>
      </c>
      <c r="DR32" s="151">
        <v>0</v>
      </c>
      <c r="DS32" s="150">
        <v>0</v>
      </c>
      <c r="DT32" s="145">
        <v>36</v>
      </c>
      <c r="DU32" s="146">
        <v>28</v>
      </c>
      <c r="DV32" s="151">
        <v>64</v>
      </c>
      <c r="DW32" s="148">
        <v>0</v>
      </c>
      <c r="DX32" s="146">
        <v>54</v>
      </c>
      <c r="DY32" s="146">
        <v>54</v>
      </c>
      <c r="DZ32" s="146">
        <v>52</v>
      </c>
      <c r="EA32" s="146">
        <v>23</v>
      </c>
      <c r="EB32" s="146">
        <v>11</v>
      </c>
      <c r="EC32" s="151">
        <v>194</v>
      </c>
      <c r="ED32" s="150">
        <v>258</v>
      </c>
      <c r="EE32" s="145">
        <v>1</v>
      </c>
      <c r="EF32" s="146">
        <v>0</v>
      </c>
      <c r="EG32" s="151">
        <v>1</v>
      </c>
      <c r="EH32" s="148">
        <v>0</v>
      </c>
      <c r="EI32" s="146">
        <v>12</v>
      </c>
      <c r="EJ32" s="146">
        <v>9</v>
      </c>
      <c r="EK32" s="146">
        <v>4</v>
      </c>
      <c r="EL32" s="146">
        <v>5</v>
      </c>
      <c r="EM32" s="146">
        <v>2</v>
      </c>
      <c r="EN32" s="151">
        <v>32</v>
      </c>
      <c r="EO32" s="150">
        <v>33</v>
      </c>
      <c r="EP32" s="145">
        <v>41</v>
      </c>
      <c r="EQ32" s="146">
        <v>32</v>
      </c>
      <c r="ER32" s="151">
        <v>73</v>
      </c>
      <c r="ES32" s="148">
        <v>0</v>
      </c>
      <c r="ET32" s="146">
        <v>96</v>
      </c>
      <c r="EU32" s="146">
        <v>68</v>
      </c>
      <c r="EV32" s="146">
        <v>53</v>
      </c>
      <c r="EW32" s="146">
        <v>25</v>
      </c>
      <c r="EX32" s="146">
        <v>12</v>
      </c>
      <c r="EY32" s="151">
        <v>254</v>
      </c>
      <c r="EZ32" s="150">
        <v>327</v>
      </c>
    </row>
    <row r="33" spans="2:156" ht="21" customHeight="1" x14ac:dyDescent="0.2">
      <c r="B33" s="152" t="s">
        <v>31</v>
      </c>
      <c r="C33" s="145">
        <v>0</v>
      </c>
      <c r="D33" s="146">
        <v>0</v>
      </c>
      <c r="E33" s="147">
        <v>0</v>
      </c>
      <c r="F33" s="148">
        <v>0</v>
      </c>
      <c r="G33" s="146">
        <v>14</v>
      </c>
      <c r="H33" s="146">
        <v>14</v>
      </c>
      <c r="I33" s="146">
        <v>10</v>
      </c>
      <c r="J33" s="146">
        <v>11</v>
      </c>
      <c r="K33" s="146">
        <v>3</v>
      </c>
      <c r="L33" s="149">
        <v>52</v>
      </c>
      <c r="M33" s="150">
        <v>52</v>
      </c>
      <c r="N33" s="145">
        <v>0</v>
      </c>
      <c r="O33" s="146">
        <v>0</v>
      </c>
      <c r="P33" s="151">
        <v>0</v>
      </c>
      <c r="Q33" s="148">
        <v>0</v>
      </c>
      <c r="R33" s="146">
        <v>2</v>
      </c>
      <c r="S33" s="146">
        <v>3</v>
      </c>
      <c r="T33" s="146">
        <v>2</v>
      </c>
      <c r="U33" s="146">
        <v>5</v>
      </c>
      <c r="V33" s="146">
        <v>4</v>
      </c>
      <c r="W33" s="151">
        <v>16</v>
      </c>
      <c r="X33" s="150">
        <v>16</v>
      </c>
      <c r="Y33" s="145">
        <v>2</v>
      </c>
      <c r="Z33" s="146">
        <v>4</v>
      </c>
      <c r="AA33" s="151">
        <v>6</v>
      </c>
      <c r="AB33" s="148">
        <v>0</v>
      </c>
      <c r="AC33" s="146">
        <v>12</v>
      </c>
      <c r="AD33" s="146">
        <v>19</v>
      </c>
      <c r="AE33" s="146">
        <v>21</v>
      </c>
      <c r="AF33" s="146">
        <v>15</v>
      </c>
      <c r="AG33" s="146">
        <v>6</v>
      </c>
      <c r="AH33" s="151">
        <v>73</v>
      </c>
      <c r="AI33" s="150">
        <v>79</v>
      </c>
      <c r="AJ33" s="145">
        <v>0</v>
      </c>
      <c r="AK33" s="146">
        <v>2</v>
      </c>
      <c r="AL33" s="151">
        <v>2</v>
      </c>
      <c r="AM33" s="148">
        <v>0</v>
      </c>
      <c r="AN33" s="146">
        <v>3</v>
      </c>
      <c r="AO33" s="146">
        <v>1</v>
      </c>
      <c r="AP33" s="146">
        <v>2</v>
      </c>
      <c r="AQ33" s="146">
        <v>3</v>
      </c>
      <c r="AR33" s="146">
        <v>0</v>
      </c>
      <c r="AS33" s="151">
        <v>9</v>
      </c>
      <c r="AT33" s="150">
        <v>11</v>
      </c>
      <c r="AU33" s="145">
        <v>2</v>
      </c>
      <c r="AV33" s="146">
        <v>0</v>
      </c>
      <c r="AW33" s="151">
        <v>2</v>
      </c>
      <c r="AX33" s="148">
        <v>0</v>
      </c>
      <c r="AY33" s="146">
        <v>10</v>
      </c>
      <c r="AZ33" s="146">
        <v>21</v>
      </c>
      <c r="BA33" s="146">
        <v>19</v>
      </c>
      <c r="BB33" s="146">
        <v>22</v>
      </c>
      <c r="BC33" s="146">
        <v>9</v>
      </c>
      <c r="BD33" s="149">
        <v>81</v>
      </c>
      <c r="BE33" s="150">
        <v>83</v>
      </c>
      <c r="BF33" s="145">
        <v>0</v>
      </c>
      <c r="BG33" s="146">
        <v>0</v>
      </c>
      <c r="BH33" s="151">
        <v>0</v>
      </c>
      <c r="BI33" s="148">
        <v>0</v>
      </c>
      <c r="BJ33" s="146">
        <v>44</v>
      </c>
      <c r="BK33" s="146">
        <v>37</v>
      </c>
      <c r="BL33" s="146">
        <v>19</v>
      </c>
      <c r="BM33" s="146">
        <v>10</v>
      </c>
      <c r="BN33" s="146">
        <v>5</v>
      </c>
      <c r="BO33" s="151">
        <v>115</v>
      </c>
      <c r="BP33" s="150">
        <v>115</v>
      </c>
      <c r="BQ33" s="145">
        <v>5</v>
      </c>
      <c r="BR33" s="146">
        <v>2</v>
      </c>
      <c r="BS33" s="151">
        <v>7</v>
      </c>
      <c r="BT33" s="148">
        <v>0</v>
      </c>
      <c r="BU33" s="146">
        <v>9</v>
      </c>
      <c r="BV33" s="146">
        <v>6</v>
      </c>
      <c r="BW33" s="146">
        <v>7</v>
      </c>
      <c r="BX33" s="146">
        <v>4</v>
      </c>
      <c r="BY33" s="146">
        <v>2</v>
      </c>
      <c r="BZ33" s="151">
        <v>28</v>
      </c>
      <c r="CA33" s="150">
        <v>35</v>
      </c>
      <c r="CB33" s="145">
        <v>0</v>
      </c>
      <c r="CC33" s="146">
        <v>2</v>
      </c>
      <c r="CD33" s="151">
        <v>2</v>
      </c>
      <c r="CE33" s="148">
        <v>0</v>
      </c>
      <c r="CF33" s="146">
        <v>7</v>
      </c>
      <c r="CG33" s="146">
        <v>7</v>
      </c>
      <c r="CH33" s="146">
        <v>15</v>
      </c>
      <c r="CI33" s="146">
        <v>6</v>
      </c>
      <c r="CJ33" s="146">
        <v>0</v>
      </c>
      <c r="CK33" s="151">
        <v>35</v>
      </c>
      <c r="CL33" s="150">
        <v>37</v>
      </c>
      <c r="CM33" s="145">
        <v>0</v>
      </c>
      <c r="CN33" s="146">
        <v>0</v>
      </c>
      <c r="CO33" s="151">
        <v>0</v>
      </c>
      <c r="CP33" s="148">
        <v>0</v>
      </c>
      <c r="CQ33" s="146">
        <v>1</v>
      </c>
      <c r="CR33" s="146">
        <v>1</v>
      </c>
      <c r="CS33" s="146">
        <v>3</v>
      </c>
      <c r="CT33" s="146">
        <v>1</v>
      </c>
      <c r="CU33" s="146">
        <v>2</v>
      </c>
      <c r="CV33" s="151">
        <v>8</v>
      </c>
      <c r="CW33" s="150">
        <v>8</v>
      </c>
      <c r="CX33" s="145">
        <v>0</v>
      </c>
      <c r="CY33" s="146">
        <v>0</v>
      </c>
      <c r="CZ33" s="151">
        <v>0</v>
      </c>
      <c r="DA33" s="148">
        <v>0</v>
      </c>
      <c r="DB33" s="146">
        <v>0</v>
      </c>
      <c r="DC33" s="146">
        <v>0</v>
      </c>
      <c r="DD33" s="146">
        <v>0</v>
      </c>
      <c r="DE33" s="146">
        <v>0</v>
      </c>
      <c r="DF33" s="146">
        <v>0</v>
      </c>
      <c r="DG33" s="151">
        <v>0</v>
      </c>
      <c r="DH33" s="150">
        <v>0</v>
      </c>
      <c r="DI33" s="145">
        <v>0</v>
      </c>
      <c r="DJ33" s="146">
        <v>0</v>
      </c>
      <c r="DK33" s="151">
        <v>0</v>
      </c>
      <c r="DL33" s="148">
        <v>0</v>
      </c>
      <c r="DM33" s="146">
        <v>0</v>
      </c>
      <c r="DN33" s="146">
        <v>0</v>
      </c>
      <c r="DO33" s="146">
        <v>0</v>
      </c>
      <c r="DP33" s="146">
        <v>0</v>
      </c>
      <c r="DQ33" s="146">
        <v>0</v>
      </c>
      <c r="DR33" s="151">
        <v>0</v>
      </c>
      <c r="DS33" s="150">
        <v>0</v>
      </c>
      <c r="DT33" s="145">
        <v>24</v>
      </c>
      <c r="DU33" s="146">
        <v>65</v>
      </c>
      <c r="DV33" s="151">
        <v>89</v>
      </c>
      <c r="DW33" s="148">
        <v>0</v>
      </c>
      <c r="DX33" s="146">
        <v>52</v>
      </c>
      <c r="DY33" s="146">
        <v>65</v>
      </c>
      <c r="DZ33" s="146">
        <v>43</v>
      </c>
      <c r="EA33" s="146">
        <v>32</v>
      </c>
      <c r="EB33" s="146">
        <v>12</v>
      </c>
      <c r="EC33" s="151">
        <v>204</v>
      </c>
      <c r="ED33" s="150">
        <v>293</v>
      </c>
      <c r="EE33" s="145">
        <v>2</v>
      </c>
      <c r="EF33" s="146">
        <v>0</v>
      </c>
      <c r="EG33" s="151">
        <v>2</v>
      </c>
      <c r="EH33" s="148">
        <v>0</v>
      </c>
      <c r="EI33" s="146">
        <v>6</v>
      </c>
      <c r="EJ33" s="146">
        <v>9</v>
      </c>
      <c r="EK33" s="146">
        <v>6</v>
      </c>
      <c r="EL33" s="146">
        <v>7</v>
      </c>
      <c r="EM33" s="146">
        <v>2</v>
      </c>
      <c r="EN33" s="151">
        <v>30</v>
      </c>
      <c r="EO33" s="150">
        <v>32</v>
      </c>
      <c r="EP33" s="145">
        <v>30</v>
      </c>
      <c r="EQ33" s="146">
        <v>68</v>
      </c>
      <c r="ER33" s="151">
        <v>98</v>
      </c>
      <c r="ES33" s="148">
        <v>0</v>
      </c>
      <c r="ET33" s="146">
        <v>97</v>
      </c>
      <c r="EU33" s="146">
        <v>81</v>
      </c>
      <c r="EV33" s="146">
        <v>53</v>
      </c>
      <c r="EW33" s="146">
        <v>33</v>
      </c>
      <c r="EX33" s="146">
        <v>12</v>
      </c>
      <c r="EY33" s="151">
        <v>276</v>
      </c>
      <c r="EZ33" s="150">
        <v>374</v>
      </c>
    </row>
    <row r="34" spans="2:156" ht="21" customHeight="1" x14ac:dyDescent="0.2">
      <c r="B34" s="152" t="s">
        <v>32</v>
      </c>
      <c r="C34" s="145">
        <v>0</v>
      </c>
      <c r="D34" s="146">
        <v>0</v>
      </c>
      <c r="E34" s="147">
        <v>0</v>
      </c>
      <c r="F34" s="148">
        <v>0</v>
      </c>
      <c r="G34" s="146">
        <v>32</v>
      </c>
      <c r="H34" s="146">
        <v>24</v>
      </c>
      <c r="I34" s="146">
        <v>12</v>
      </c>
      <c r="J34" s="146">
        <v>9</v>
      </c>
      <c r="K34" s="146">
        <v>12</v>
      </c>
      <c r="L34" s="149">
        <v>89</v>
      </c>
      <c r="M34" s="150">
        <v>89</v>
      </c>
      <c r="N34" s="145">
        <v>0</v>
      </c>
      <c r="O34" s="146">
        <v>0</v>
      </c>
      <c r="P34" s="151">
        <v>0</v>
      </c>
      <c r="Q34" s="148">
        <v>0</v>
      </c>
      <c r="R34" s="146">
        <v>1</v>
      </c>
      <c r="S34" s="146">
        <v>0</v>
      </c>
      <c r="T34" s="146">
        <v>2</v>
      </c>
      <c r="U34" s="146">
        <v>10</v>
      </c>
      <c r="V34" s="146">
        <v>6</v>
      </c>
      <c r="W34" s="151">
        <v>19</v>
      </c>
      <c r="X34" s="150">
        <v>19</v>
      </c>
      <c r="Y34" s="145">
        <v>10</v>
      </c>
      <c r="Z34" s="146">
        <v>8</v>
      </c>
      <c r="AA34" s="151">
        <v>18</v>
      </c>
      <c r="AB34" s="148">
        <v>0</v>
      </c>
      <c r="AC34" s="146">
        <v>30</v>
      </c>
      <c r="AD34" s="146">
        <v>32</v>
      </c>
      <c r="AE34" s="146">
        <v>13</v>
      </c>
      <c r="AF34" s="146">
        <v>9</v>
      </c>
      <c r="AG34" s="146">
        <v>9</v>
      </c>
      <c r="AH34" s="151">
        <v>93</v>
      </c>
      <c r="AI34" s="150">
        <v>111</v>
      </c>
      <c r="AJ34" s="145">
        <v>0</v>
      </c>
      <c r="AK34" s="146">
        <v>1</v>
      </c>
      <c r="AL34" s="151">
        <v>1</v>
      </c>
      <c r="AM34" s="148">
        <v>0</v>
      </c>
      <c r="AN34" s="146">
        <v>4</v>
      </c>
      <c r="AO34" s="146">
        <v>0</v>
      </c>
      <c r="AP34" s="146">
        <v>0</v>
      </c>
      <c r="AQ34" s="146">
        <v>4</v>
      </c>
      <c r="AR34" s="146">
        <v>2</v>
      </c>
      <c r="AS34" s="151">
        <v>10</v>
      </c>
      <c r="AT34" s="150">
        <v>11</v>
      </c>
      <c r="AU34" s="145">
        <v>2</v>
      </c>
      <c r="AV34" s="146">
        <v>6</v>
      </c>
      <c r="AW34" s="151">
        <v>8</v>
      </c>
      <c r="AX34" s="148">
        <v>0</v>
      </c>
      <c r="AY34" s="146">
        <v>27</v>
      </c>
      <c r="AZ34" s="146">
        <v>28</v>
      </c>
      <c r="BA34" s="146">
        <v>24</v>
      </c>
      <c r="BB34" s="146">
        <v>36</v>
      </c>
      <c r="BC34" s="146">
        <v>20</v>
      </c>
      <c r="BD34" s="149">
        <v>135</v>
      </c>
      <c r="BE34" s="150">
        <v>143</v>
      </c>
      <c r="BF34" s="145">
        <v>0</v>
      </c>
      <c r="BG34" s="146">
        <v>0</v>
      </c>
      <c r="BH34" s="151">
        <v>0</v>
      </c>
      <c r="BI34" s="148">
        <v>0</v>
      </c>
      <c r="BJ34" s="146">
        <v>54</v>
      </c>
      <c r="BK34" s="146">
        <v>50</v>
      </c>
      <c r="BL34" s="146">
        <v>24</v>
      </c>
      <c r="BM34" s="146">
        <v>14</v>
      </c>
      <c r="BN34" s="146">
        <v>7</v>
      </c>
      <c r="BO34" s="151">
        <v>149</v>
      </c>
      <c r="BP34" s="150">
        <v>149</v>
      </c>
      <c r="BQ34" s="145">
        <v>7</v>
      </c>
      <c r="BR34" s="146">
        <v>4</v>
      </c>
      <c r="BS34" s="151">
        <v>11</v>
      </c>
      <c r="BT34" s="148">
        <v>0</v>
      </c>
      <c r="BU34" s="146">
        <v>11</v>
      </c>
      <c r="BV34" s="146">
        <v>16</v>
      </c>
      <c r="BW34" s="146">
        <v>4</v>
      </c>
      <c r="BX34" s="146">
        <v>4</v>
      </c>
      <c r="BY34" s="146">
        <v>2</v>
      </c>
      <c r="BZ34" s="151">
        <v>37</v>
      </c>
      <c r="CA34" s="150">
        <v>48</v>
      </c>
      <c r="CB34" s="145">
        <v>0</v>
      </c>
      <c r="CC34" s="146">
        <v>2</v>
      </c>
      <c r="CD34" s="151">
        <v>2</v>
      </c>
      <c r="CE34" s="148">
        <v>0</v>
      </c>
      <c r="CF34" s="146">
        <v>7</v>
      </c>
      <c r="CG34" s="146">
        <v>11</v>
      </c>
      <c r="CH34" s="146">
        <v>7</v>
      </c>
      <c r="CI34" s="146">
        <v>3</v>
      </c>
      <c r="CJ34" s="146">
        <v>4</v>
      </c>
      <c r="CK34" s="151">
        <v>32</v>
      </c>
      <c r="CL34" s="150">
        <v>34</v>
      </c>
      <c r="CM34" s="145">
        <v>0</v>
      </c>
      <c r="CN34" s="146">
        <v>1</v>
      </c>
      <c r="CO34" s="151">
        <v>1</v>
      </c>
      <c r="CP34" s="148">
        <v>0</v>
      </c>
      <c r="CQ34" s="146">
        <v>0</v>
      </c>
      <c r="CR34" s="146">
        <v>2</v>
      </c>
      <c r="CS34" s="146">
        <v>0</v>
      </c>
      <c r="CT34" s="146">
        <v>0</v>
      </c>
      <c r="CU34" s="146">
        <v>2</v>
      </c>
      <c r="CV34" s="151">
        <v>4</v>
      </c>
      <c r="CW34" s="150">
        <v>5</v>
      </c>
      <c r="CX34" s="145">
        <v>0</v>
      </c>
      <c r="CY34" s="146">
        <v>0</v>
      </c>
      <c r="CZ34" s="151">
        <v>0</v>
      </c>
      <c r="DA34" s="148">
        <v>0</v>
      </c>
      <c r="DB34" s="146">
        <v>0</v>
      </c>
      <c r="DC34" s="146">
        <v>0</v>
      </c>
      <c r="DD34" s="146">
        <v>0</v>
      </c>
      <c r="DE34" s="146">
        <v>0</v>
      </c>
      <c r="DF34" s="146">
        <v>0</v>
      </c>
      <c r="DG34" s="151">
        <v>0</v>
      </c>
      <c r="DH34" s="150">
        <v>0</v>
      </c>
      <c r="DI34" s="145">
        <v>0</v>
      </c>
      <c r="DJ34" s="146">
        <v>0</v>
      </c>
      <c r="DK34" s="151">
        <v>0</v>
      </c>
      <c r="DL34" s="148">
        <v>0</v>
      </c>
      <c r="DM34" s="146">
        <v>0</v>
      </c>
      <c r="DN34" s="146">
        <v>0</v>
      </c>
      <c r="DO34" s="146">
        <v>0</v>
      </c>
      <c r="DP34" s="146">
        <v>0</v>
      </c>
      <c r="DQ34" s="146">
        <v>0</v>
      </c>
      <c r="DR34" s="151">
        <v>0</v>
      </c>
      <c r="DS34" s="150">
        <v>0</v>
      </c>
      <c r="DT34" s="145">
        <v>30</v>
      </c>
      <c r="DU34" s="146">
        <v>54</v>
      </c>
      <c r="DV34" s="151">
        <v>84</v>
      </c>
      <c r="DW34" s="148">
        <v>0</v>
      </c>
      <c r="DX34" s="146">
        <v>89</v>
      </c>
      <c r="DY34" s="146">
        <v>84</v>
      </c>
      <c r="DZ34" s="146">
        <v>41</v>
      </c>
      <c r="EA34" s="146">
        <v>36</v>
      </c>
      <c r="EB34" s="146">
        <v>24</v>
      </c>
      <c r="EC34" s="151">
        <v>274</v>
      </c>
      <c r="ED34" s="150">
        <v>358</v>
      </c>
      <c r="EE34" s="145">
        <v>4</v>
      </c>
      <c r="EF34" s="146">
        <v>4</v>
      </c>
      <c r="EG34" s="151">
        <v>8</v>
      </c>
      <c r="EH34" s="148">
        <v>0</v>
      </c>
      <c r="EI34" s="146">
        <v>6</v>
      </c>
      <c r="EJ34" s="146">
        <v>6</v>
      </c>
      <c r="EK34" s="146">
        <v>3</v>
      </c>
      <c r="EL34" s="146">
        <v>13</v>
      </c>
      <c r="EM34" s="146">
        <v>5</v>
      </c>
      <c r="EN34" s="151">
        <v>33</v>
      </c>
      <c r="EO34" s="150">
        <v>41</v>
      </c>
      <c r="EP34" s="145">
        <v>39</v>
      </c>
      <c r="EQ34" s="146">
        <v>62</v>
      </c>
      <c r="ER34" s="151">
        <v>101</v>
      </c>
      <c r="ES34" s="148">
        <v>0</v>
      </c>
      <c r="ET34" s="146">
        <v>152</v>
      </c>
      <c r="EU34" s="146">
        <v>115</v>
      </c>
      <c r="EV34" s="146">
        <v>50</v>
      </c>
      <c r="EW34" s="146">
        <v>35</v>
      </c>
      <c r="EX34" s="146">
        <v>25</v>
      </c>
      <c r="EY34" s="151">
        <v>377</v>
      </c>
      <c r="EZ34" s="150">
        <v>478</v>
      </c>
    </row>
    <row r="35" spans="2:156" ht="21" customHeight="1" x14ac:dyDescent="0.2">
      <c r="B35" s="152" t="s">
        <v>33</v>
      </c>
      <c r="C35" s="145">
        <v>0</v>
      </c>
      <c r="D35" s="146">
        <v>0</v>
      </c>
      <c r="E35" s="147">
        <v>0</v>
      </c>
      <c r="F35" s="148">
        <v>0</v>
      </c>
      <c r="G35" s="146">
        <v>38</v>
      </c>
      <c r="H35" s="146">
        <v>15</v>
      </c>
      <c r="I35" s="146">
        <v>12</v>
      </c>
      <c r="J35" s="146">
        <v>3</v>
      </c>
      <c r="K35" s="146">
        <v>6</v>
      </c>
      <c r="L35" s="149">
        <v>74</v>
      </c>
      <c r="M35" s="150">
        <v>74</v>
      </c>
      <c r="N35" s="145">
        <v>0</v>
      </c>
      <c r="O35" s="146">
        <v>0</v>
      </c>
      <c r="P35" s="151">
        <v>0</v>
      </c>
      <c r="Q35" s="148">
        <v>0</v>
      </c>
      <c r="R35" s="146">
        <v>1</v>
      </c>
      <c r="S35" s="146">
        <v>1</v>
      </c>
      <c r="T35" s="146">
        <v>2</v>
      </c>
      <c r="U35" s="146">
        <v>2</v>
      </c>
      <c r="V35" s="146">
        <v>5</v>
      </c>
      <c r="W35" s="151">
        <v>11</v>
      </c>
      <c r="X35" s="150">
        <v>11</v>
      </c>
      <c r="Y35" s="145">
        <v>1</v>
      </c>
      <c r="Z35" s="146">
        <v>4</v>
      </c>
      <c r="AA35" s="151">
        <v>5</v>
      </c>
      <c r="AB35" s="148">
        <v>0</v>
      </c>
      <c r="AC35" s="146">
        <v>26</v>
      </c>
      <c r="AD35" s="146">
        <v>17</v>
      </c>
      <c r="AE35" s="146">
        <v>9</v>
      </c>
      <c r="AF35" s="146">
        <v>4</v>
      </c>
      <c r="AG35" s="146">
        <v>4</v>
      </c>
      <c r="AH35" s="151">
        <v>60</v>
      </c>
      <c r="AI35" s="150">
        <v>65</v>
      </c>
      <c r="AJ35" s="145">
        <v>9</v>
      </c>
      <c r="AK35" s="146">
        <v>19</v>
      </c>
      <c r="AL35" s="151">
        <v>28</v>
      </c>
      <c r="AM35" s="148">
        <v>0</v>
      </c>
      <c r="AN35" s="146">
        <v>44</v>
      </c>
      <c r="AO35" s="146">
        <v>19</v>
      </c>
      <c r="AP35" s="146">
        <v>8</v>
      </c>
      <c r="AQ35" s="146">
        <v>6</v>
      </c>
      <c r="AR35" s="146">
        <v>1</v>
      </c>
      <c r="AS35" s="151">
        <v>78</v>
      </c>
      <c r="AT35" s="150">
        <v>106</v>
      </c>
      <c r="AU35" s="145">
        <v>8</v>
      </c>
      <c r="AV35" s="146">
        <v>7</v>
      </c>
      <c r="AW35" s="151">
        <v>15</v>
      </c>
      <c r="AX35" s="148">
        <v>0</v>
      </c>
      <c r="AY35" s="146">
        <v>36</v>
      </c>
      <c r="AZ35" s="146">
        <v>33</v>
      </c>
      <c r="BA35" s="146">
        <v>36</v>
      </c>
      <c r="BB35" s="146">
        <v>13</v>
      </c>
      <c r="BC35" s="146">
        <v>15</v>
      </c>
      <c r="BD35" s="149">
        <v>133</v>
      </c>
      <c r="BE35" s="150">
        <v>148</v>
      </c>
      <c r="BF35" s="145">
        <v>0</v>
      </c>
      <c r="BG35" s="146">
        <v>0</v>
      </c>
      <c r="BH35" s="151">
        <v>0</v>
      </c>
      <c r="BI35" s="148">
        <v>0</v>
      </c>
      <c r="BJ35" s="146">
        <v>9</v>
      </c>
      <c r="BK35" s="146">
        <v>11</v>
      </c>
      <c r="BL35" s="146">
        <v>6</v>
      </c>
      <c r="BM35" s="146">
        <v>3</v>
      </c>
      <c r="BN35" s="146">
        <v>3</v>
      </c>
      <c r="BO35" s="151">
        <v>32</v>
      </c>
      <c r="BP35" s="150">
        <v>32</v>
      </c>
      <c r="BQ35" s="145">
        <v>6</v>
      </c>
      <c r="BR35" s="146">
        <v>11</v>
      </c>
      <c r="BS35" s="151">
        <v>17</v>
      </c>
      <c r="BT35" s="148">
        <v>0</v>
      </c>
      <c r="BU35" s="146">
        <v>37</v>
      </c>
      <c r="BV35" s="146">
        <v>13</v>
      </c>
      <c r="BW35" s="146">
        <v>6</v>
      </c>
      <c r="BX35" s="146">
        <v>4</v>
      </c>
      <c r="BY35" s="146">
        <v>2</v>
      </c>
      <c r="BZ35" s="151">
        <v>62</v>
      </c>
      <c r="CA35" s="150">
        <v>79</v>
      </c>
      <c r="CB35" s="145">
        <v>0</v>
      </c>
      <c r="CC35" s="146">
        <v>0</v>
      </c>
      <c r="CD35" s="151">
        <v>0</v>
      </c>
      <c r="CE35" s="148">
        <v>0</v>
      </c>
      <c r="CF35" s="146">
        <v>4</v>
      </c>
      <c r="CG35" s="146">
        <v>8</v>
      </c>
      <c r="CH35" s="146">
        <v>4</v>
      </c>
      <c r="CI35" s="146">
        <v>4</v>
      </c>
      <c r="CJ35" s="146">
        <v>4</v>
      </c>
      <c r="CK35" s="151">
        <v>24</v>
      </c>
      <c r="CL35" s="150">
        <v>24</v>
      </c>
      <c r="CM35" s="145">
        <v>0</v>
      </c>
      <c r="CN35" s="146">
        <v>0</v>
      </c>
      <c r="CO35" s="151">
        <v>0</v>
      </c>
      <c r="CP35" s="148">
        <v>0</v>
      </c>
      <c r="CQ35" s="146">
        <v>1</v>
      </c>
      <c r="CR35" s="146">
        <v>0</v>
      </c>
      <c r="CS35" s="146">
        <v>0</v>
      </c>
      <c r="CT35" s="146">
        <v>1</v>
      </c>
      <c r="CU35" s="146">
        <v>1</v>
      </c>
      <c r="CV35" s="151">
        <v>3</v>
      </c>
      <c r="CW35" s="150">
        <v>3</v>
      </c>
      <c r="CX35" s="145">
        <v>0</v>
      </c>
      <c r="CY35" s="146">
        <v>0</v>
      </c>
      <c r="CZ35" s="151">
        <v>0</v>
      </c>
      <c r="DA35" s="148">
        <v>0</v>
      </c>
      <c r="DB35" s="146">
        <v>0</v>
      </c>
      <c r="DC35" s="146">
        <v>0</v>
      </c>
      <c r="DD35" s="146">
        <v>0</v>
      </c>
      <c r="DE35" s="146">
        <v>0</v>
      </c>
      <c r="DF35" s="146">
        <v>0</v>
      </c>
      <c r="DG35" s="151">
        <v>0</v>
      </c>
      <c r="DH35" s="150">
        <v>0</v>
      </c>
      <c r="DI35" s="145">
        <v>0</v>
      </c>
      <c r="DJ35" s="146">
        <v>0</v>
      </c>
      <c r="DK35" s="151">
        <v>0</v>
      </c>
      <c r="DL35" s="148">
        <v>0</v>
      </c>
      <c r="DM35" s="146">
        <v>2</v>
      </c>
      <c r="DN35" s="146">
        <v>0</v>
      </c>
      <c r="DO35" s="146">
        <v>0</v>
      </c>
      <c r="DP35" s="146">
        <v>0</v>
      </c>
      <c r="DQ35" s="146">
        <v>0</v>
      </c>
      <c r="DR35" s="151">
        <v>2</v>
      </c>
      <c r="DS35" s="150">
        <v>2</v>
      </c>
      <c r="DT35" s="145">
        <v>19</v>
      </c>
      <c r="DU35" s="146">
        <v>26</v>
      </c>
      <c r="DV35" s="151">
        <v>45</v>
      </c>
      <c r="DW35" s="148">
        <v>0</v>
      </c>
      <c r="DX35" s="146">
        <v>80</v>
      </c>
      <c r="DY35" s="146">
        <v>57</v>
      </c>
      <c r="DZ35" s="146">
        <v>26</v>
      </c>
      <c r="EA35" s="146">
        <v>16</v>
      </c>
      <c r="EB35" s="146">
        <v>12</v>
      </c>
      <c r="EC35" s="151">
        <v>191</v>
      </c>
      <c r="ED35" s="150">
        <v>236</v>
      </c>
      <c r="EE35" s="145">
        <v>3</v>
      </c>
      <c r="EF35" s="146">
        <v>1</v>
      </c>
      <c r="EG35" s="151">
        <v>4</v>
      </c>
      <c r="EH35" s="148">
        <v>0</v>
      </c>
      <c r="EI35" s="146">
        <v>16</v>
      </c>
      <c r="EJ35" s="146">
        <v>16</v>
      </c>
      <c r="EK35" s="146">
        <v>21</v>
      </c>
      <c r="EL35" s="146">
        <v>3</v>
      </c>
      <c r="EM35" s="146">
        <v>8</v>
      </c>
      <c r="EN35" s="151">
        <v>64</v>
      </c>
      <c r="EO35" s="150">
        <v>68</v>
      </c>
      <c r="EP35" s="145">
        <v>30</v>
      </c>
      <c r="EQ35" s="146">
        <v>47</v>
      </c>
      <c r="ER35" s="151">
        <v>77</v>
      </c>
      <c r="ES35" s="148">
        <v>0</v>
      </c>
      <c r="ET35" s="146">
        <v>149</v>
      </c>
      <c r="EU35" s="146">
        <v>72</v>
      </c>
      <c r="EV35" s="146">
        <v>34</v>
      </c>
      <c r="EW35" s="146">
        <v>18</v>
      </c>
      <c r="EX35" s="146">
        <v>15</v>
      </c>
      <c r="EY35" s="151">
        <v>288</v>
      </c>
      <c r="EZ35" s="150">
        <v>365</v>
      </c>
    </row>
    <row r="36" spans="2:156" ht="21" customHeight="1" x14ac:dyDescent="0.2">
      <c r="B36" s="152" t="s">
        <v>34</v>
      </c>
      <c r="C36" s="145">
        <v>0</v>
      </c>
      <c r="D36" s="146">
        <v>0</v>
      </c>
      <c r="E36" s="147">
        <v>0</v>
      </c>
      <c r="F36" s="148">
        <v>0</v>
      </c>
      <c r="G36" s="146">
        <v>16</v>
      </c>
      <c r="H36" s="146">
        <v>11</v>
      </c>
      <c r="I36" s="146">
        <v>6</v>
      </c>
      <c r="J36" s="146">
        <v>4</v>
      </c>
      <c r="K36" s="146">
        <v>6</v>
      </c>
      <c r="L36" s="149">
        <v>43</v>
      </c>
      <c r="M36" s="150">
        <v>43</v>
      </c>
      <c r="N36" s="145">
        <v>0</v>
      </c>
      <c r="O36" s="146">
        <v>0</v>
      </c>
      <c r="P36" s="151">
        <v>0</v>
      </c>
      <c r="Q36" s="148">
        <v>0</v>
      </c>
      <c r="R36" s="146">
        <v>0</v>
      </c>
      <c r="S36" s="146">
        <v>1</v>
      </c>
      <c r="T36" s="146">
        <v>0</v>
      </c>
      <c r="U36" s="146">
        <v>0</v>
      </c>
      <c r="V36" s="146">
        <v>6</v>
      </c>
      <c r="W36" s="151">
        <v>7</v>
      </c>
      <c r="X36" s="150">
        <v>7</v>
      </c>
      <c r="Y36" s="145">
        <v>5</v>
      </c>
      <c r="Z36" s="146">
        <v>7</v>
      </c>
      <c r="AA36" s="151">
        <v>12</v>
      </c>
      <c r="AB36" s="148">
        <v>0</v>
      </c>
      <c r="AC36" s="146">
        <v>18</v>
      </c>
      <c r="AD36" s="146">
        <v>11</v>
      </c>
      <c r="AE36" s="146">
        <v>5</v>
      </c>
      <c r="AF36" s="146">
        <v>4</v>
      </c>
      <c r="AG36" s="146">
        <v>11</v>
      </c>
      <c r="AH36" s="151">
        <v>49</v>
      </c>
      <c r="AI36" s="150">
        <v>61</v>
      </c>
      <c r="AJ36" s="145">
        <v>0</v>
      </c>
      <c r="AK36" s="146">
        <v>0</v>
      </c>
      <c r="AL36" s="151">
        <v>0</v>
      </c>
      <c r="AM36" s="148">
        <v>0</v>
      </c>
      <c r="AN36" s="146">
        <v>3</v>
      </c>
      <c r="AO36" s="146">
        <v>2</v>
      </c>
      <c r="AP36" s="146">
        <v>2</v>
      </c>
      <c r="AQ36" s="146">
        <v>3</v>
      </c>
      <c r="AR36" s="146">
        <v>2</v>
      </c>
      <c r="AS36" s="151">
        <v>12</v>
      </c>
      <c r="AT36" s="150">
        <v>12</v>
      </c>
      <c r="AU36" s="145">
        <v>10</v>
      </c>
      <c r="AV36" s="146">
        <v>6</v>
      </c>
      <c r="AW36" s="151">
        <v>16</v>
      </c>
      <c r="AX36" s="148">
        <v>0</v>
      </c>
      <c r="AY36" s="146">
        <v>33</v>
      </c>
      <c r="AZ36" s="146">
        <v>31</v>
      </c>
      <c r="BA36" s="146">
        <v>16</v>
      </c>
      <c r="BB36" s="146">
        <v>19</v>
      </c>
      <c r="BC36" s="146">
        <v>22</v>
      </c>
      <c r="BD36" s="149">
        <v>121</v>
      </c>
      <c r="BE36" s="150">
        <v>137</v>
      </c>
      <c r="BF36" s="145">
        <v>0</v>
      </c>
      <c r="BG36" s="146">
        <v>0</v>
      </c>
      <c r="BH36" s="151">
        <v>0</v>
      </c>
      <c r="BI36" s="148">
        <v>0</v>
      </c>
      <c r="BJ36" s="146">
        <v>32</v>
      </c>
      <c r="BK36" s="146">
        <v>14</v>
      </c>
      <c r="BL36" s="146">
        <v>12</v>
      </c>
      <c r="BM36" s="146">
        <v>10</v>
      </c>
      <c r="BN36" s="146">
        <v>2</v>
      </c>
      <c r="BO36" s="151">
        <v>70</v>
      </c>
      <c r="BP36" s="150">
        <v>70</v>
      </c>
      <c r="BQ36" s="145">
        <v>0</v>
      </c>
      <c r="BR36" s="146">
        <v>1</v>
      </c>
      <c r="BS36" s="151">
        <v>1</v>
      </c>
      <c r="BT36" s="148">
        <v>0</v>
      </c>
      <c r="BU36" s="146">
        <v>11</v>
      </c>
      <c r="BV36" s="146">
        <v>1</v>
      </c>
      <c r="BW36" s="146">
        <v>0</v>
      </c>
      <c r="BX36" s="146">
        <v>1</v>
      </c>
      <c r="BY36" s="146">
        <v>0</v>
      </c>
      <c r="BZ36" s="151">
        <v>13</v>
      </c>
      <c r="CA36" s="150">
        <v>14</v>
      </c>
      <c r="CB36" s="145">
        <v>0</v>
      </c>
      <c r="CC36" s="146">
        <v>0</v>
      </c>
      <c r="CD36" s="151">
        <v>0</v>
      </c>
      <c r="CE36" s="148">
        <v>0</v>
      </c>
      <c r="CF36" s="146">
        <v>3</v>
      </c>
      <c r="CG36" s="146">
        <v>2</v>
      </c>
      <c r="CH36" s="146">
        <v>3</v>
      </c>
      <c r="CI36" s="146">
        <v>2</v>
      </c>
      <c r="CJ36" s="146">
        <v>1</v>
      </c>
      <c r="CK36" s="151">
        <v>11</v>
      </c>
      <c r="CL36" s="150">
        <v>11</v>
      </c>
      <c r="CM36" s="145">
        <v>0</v>
      </c>
      <c r="CN36" s="146">
        <v>0</v>
      </c>
      <c r="CO36" s="151">
        <v>0</v>
      </c>
      <c r="CP36" s="148">
        <v>0</v>
      </c>
      <c r="CQ36" s="146">
        <v>2</v>
      </c>
      <c r="CR36" s="146">
        <v>0</v>
      </c>
      <c r="CS36" s="146">
        <v>0</v>
      </c>
      <c r="CT36" s="146">
        <v>0</v>
      </c>
      <c r="CU36" s="146">
        <v>0</v>
      </c>
      <c r="CV36" s="151">
        <v>2</v>
      </c>
      <c r="CW36" s="150">
        <v>2</v>
      </c>
      <c r="CX36" s="145">
        <v>0</v>
      </c>
      <c r="CY36" s="146">
        <v>0</v>
      </c>
      <c r="CZ36" s="151">
        <v>0</v>
      </c>
      <c r="DA36" s="148">
        <v>0</v>
      </c>
      <c r="DB36" s="146">
        <v>0</v>
      </c>
      <c r="DC36" s="146">
        <v>0</v>
      </c>
      <c r="DD36" s="146">
        <v>0</v>
      </c>
      <c r="DE36" s="146">
        <v>0</v>
      </c>
      <c r="DF36" s="146">
        <v>0</v>
      </c>
      <c r="DG36" s="151">
        <v>0</v>
      </c>
      <c r="DH36" s="150">
        <v>0</v>
      </c>
      <c r="DI36" s="145">
        <v>0</v>
      </c>
      <c r="DJ36" s="146">
        <v>0</v>
      </c>
      <c r="DK36" s="151">
        <v>0</v>
      </c>
      <c r="DL36" s="148">
        <v>0</v>
      </c>
      <c r="DM36" s="146">
        <v>0</v>
      </c>
      <c r="DN36" s="146">
        <v>0</v>
      </c>
      <c r="DO36" s="146">
        <v>0</v>
      </c>
      <c r="DP36" s="146">
        <v>0</v>
      </c>
      <c r="DQ36" s="146">
        <v>0</v>
      </c>
      <c r="DR36" s="151">
        <v>0</v>
      </c>
      <c r="DS36" s="150">
        <v>0</v>
      </c>
      <c r="DT36" s="145">
        <v>15</v>
      </c>
      <c r="DU36" s="146">
        <v>24</v>
      </c>
      <c r="DV36" s="151">
        <v>39</v>
      </c>
      <c r="DW36" s="148">
        <v>0</v>
      </c>
      <c r="DX36" s="146">
        <v>54</v>
      </c>
      <c r="DY36" s="146">
        <v>42</v>
      </c>
      <c r="DZ36" s="146">
        <v>22</v>
      </c>
      <c r="EA36" s="146">
        <v>17</v>
      </c>
      <c r="EB36" s="146">
        <v>17</v>
      </c>
      <c r="EC36" s="151">
        <v>152</v>
      </c>
      <c r="ED36" s="150">
        <v>191</v>
      </c>
      <c r="EE36" s="145">
        <v>6</v>
      </c>
      <c r="EF36" s="146">
        <v>3</v>
      </c>
      <c r="EG36" s="151">
        <v>9</v>
      </c>
      <c r="EH36" s="148">
        <v>0</v>
      </c>
      <c r="EI36" s="146">
        <v>10</v>
      </c>
      <c r="EJ36" s="146">
        <v>6</v>
      </c>
      <c r="EK36" s="146">
        <v>2</v>
      </c>
      <c r="EL36" s="146">
        <v>7</v>
      </c>
      <c r="EM36" s="146">
        <v>4</v>
      </c>
      <c r="EN36" s="151">
        <v>29</v>
      </c>
      <c r="EO36" s="150">
        <v>38</v>
      </c>
      <c r="EP36" s="145">
        <v>17</v>
      </c>
      <c r="EQ36" s="146">
        <v>26</v>
      </c>
      <c r="ER36" s="151">
        <v>43</v>
      </c>
      <c r="ES36" s="148">
        <v>0</v>
      </c>
      <c r="ET36" s="146">
        <v>90</v>
      </c>
      <c r="EU36" s="146">
        <v>40</v>
      </c>
      <c r="EV36" s="146">
        <v>20</v>
      </c>
      <c r="EW36" s="146">
        <v>19</v>
      </c>
      <c r="EX36" s="146">
        <v>15</v>
      </c>
      <c r="EY36" s="151">
        <v>184</v>
      </c>
      <c r="EZ36" s="150">
        <v>227</v>
      </c>
    </row>
    <row r="37" spans="2:156" ht="21" customHeight="1" x14ac:dyDescent="0.2">
      <c r="B37" s="152" t="s">
        <v>35</v>
      </c>
      <c r="C37" s="145">
        <v>0</v>
      </c>
      <c r="D37" s="146">
        <v>0</v>
      </c>
      <c r="E37" s="147">
        <v>0</v>
      </c>
      <c r="F37" s="148">
        <v>0</v>
      </c>
      <c r="G37" s="146">
        <v>122</v>
      </c>
      <c r="H37" s="146">
        <v>64</v>
      </c>
      <c r="I37" s="146">
        <v>31</v>
      </c>
      <c r="J37" s="146">
        <v>32</v>
      </c>
      <c r="K37" s="146">
        <v>27</v>
      </c>
      <c r="L37" s="149">
        <v>276</v>
      </c>
      <c r="M37" s="150">
        <v>276</v>
      </c>
      <c r="N37" s="145">
        <v>0</v>
      </c>
      <c r="O37" s="146">
        <v>0</v>
      </c>
      <c r="P37" s="151">
        <v>0</v>
      </c>
      <c r="Q37" s="148">
        <v>0</v>
      </c>
      <c r="R37" s="146">
        <v>0</v>
      </c>
      <c r="S37" s="146">
        <v>3</v>
      </c>
      <c r="T37" s="146">
        <v>5</v>
      </c>
      <c r="U37" s="146">
        <v>14</v>
      </c>
      <c r="V37" s="146">
        <v>12</v>
      </c>
      <c r="W37" s="151">
        <v>34</v>
      </c>
      <c r="X37" s="150">
        <v>34</v>
      </c>
      <c r="Y37" s="145">
        <v>6</v>
      </c>
      <c r="Z37" s="146">
        <v>20</v>
      </c>
      <c r="AA37" s="151">
        <v>26</v>
      </c>
      <c r="AB37" s="148">
        <v>0</v>
      </c>
      <c r="AC37" s="146">
        <v>61</v>
      </c>
      <c r="AD37" s="146">
        <v>41</v>
      </c>
      <c r="AE37" s="146">
        <v>29</v>
      </c>
      <c r="AF37" s="146">
        <v>26</v>
      </c>
      <c r="AG37" s="146">
        <v>21</v>
      </c>
      <c r="AH37" s="151">
        <v>178</v>
      </c>
      <c r="AI37" s="150">
        <v>204</v>
      </c>
      <c r="AJ37" s="145">
        <v>8</v>
      </c>
      <c r="AK37" s="146">
        <v>15</v>
      </c>
      <c r="AL37" s="151">
        <v>23</v>
      </c>
      <c r="AM37" s="148">
        <v>0</v>
      </c>
      <c r="AN37" s="146">
        <v>18</v>
      </c>
      <c r="AO37" s="146">
        <v>12</v>
      </c>
      <c r="AP37" s="146">
        <v>10</v>
      </c>
      <c r="AQ37" s="146">
        <v>10</v>
      </c>
      <c r="AR37" s="146">
        <v>8</v>
      </c>
      <c r="AS37" s="151">
        <v>58</v>
      </c>
      <c r="AT37" s="150">
        <v>81</v>
      </c>
      <c r="AU37" s="145">
        <v>15</v>
      </c>
      <c r="AV37" s="146">
        <v>25</v>
      </c>
      <c r="AW37" s="151">
        <v>40</v>
      </c>
      <c r="AX37" s="148">
        <v>0</v>
      </c>
      <c r="AY37" s="146">
        <v>90</v>
      </c>
      <c r="AZ37" s="146">
        <v>73</v>
      </c>
      <c r="BA37" s="146">
        <v>67</v>
      </c>
      <c r="BB37" s="146">
        <v>89</v>
      </c>
      <c r="BC37" s="146">
        <v>53</v>
      </c>
      <c r="BD37" s="149">
        <v>372</v>
      </c>
      <c r="BE37" s="150">
        <v>412</v>
      </c>
      <c r="BF37" s="145">
        <v>0</v>
      </c>
      <c r="BG37" s="146">
        <v>0</v>
      </c>
      <c r="BH37" s="151">
        <v>0</v>
      </c>
      <c r="BI37" s="148">
        <v>0</v>
      </c>
      <c r="BJ37" s="146">
        <v>150</v>
      </c>
      <c r="BK37" s="146">
        <v>69</v>
      </c>
      <c r="BL37" s="146">
        <v>52</v>
      </c>
      <c r="BM37" s="146">
        <v>32</v>
      </c>
      <c r="BN37" s="146">
        <v>18</v>
      </c>
      <c r="BO37" s="151">
        <v>321</v>
      </c>
      <c r="BP37" s="150">
        <v>321</v>
      </c>
      <c r="BQ37" s="145">
        <v>11</v>
      </c>
      <c r="BR37" s="146">
        <v>20</v>
      </c>
      <c r="BS37" s="151">
        <v>31</v>
      </c>
      <c r="BT37" s="148">
        <v>0</v>
      </c>
      <c r="BU37" s="146">
        <v>63</v>
      </c>
      <c r="BV37" s="146">
        <v>34</v>
      </c>
      <c r="BW37" s="146">
        <v>18</v>
      </c>
      <c r="BX37" s="146">
        <v>8</v>
      </c>
      <c r="BY37" s="146">
        <v>3</v>
      </c>
      <c r="BZ37" s="151">
        <v>126</v>
      </c>
      <c r="CA37" s="150">
        <v>157</v>
      </c>
      <c r="CB37" s="145">
        <v>1</v>
      </c>
      <c r="CC37" s="146">
        <v>0</v>
      </c>
      <c r="CD37" s="151">
        <v>1</v>
      </c>
      <c r="CE37" s="148">
        <v>0</v>
      </c>
      <c r="CF37" s="146">
        <v>10</v>
      </c>
      <c r="CG37" s="146">
        <v>5</v>
      </c>
      <c r="CH37" s="146">
        <v>13</v>
      </c>
      <c r="CI37" s="146">
        <v>16</v>
      </c>
      <c r="CJ37" s="146">
        <v>6</v>
      </c>
      <c r="CK37" s="151">
        <v>50</v>
      </c>
      <c r="CL37" s="150">
        <v>51</v>
      </c>
      <c r="CM37" s="145">
        <v>0</v>
      </c>
      <c r="CN37" s="146">
        <v>0</v>
      </c>
      <c r="CO37" s="151">
        <v>0</v>
      </c>
      <c r="CP37" s="148">
        <v>0</v>
      </c>
      <c r="CQ37" s="146">
        <v>1</v>
      </c>
      <c r="CR37" s="146">
        <v>2</v>
      </c>
      <c r="CS37" s="146">
        <v>2</v>
      </c>
      <c r="CT37" s="146">
        <v>2</v>
      </c>
      <c r="CU37" s="146">
        <v>2</v>
      </c>
      <c r="CV37" s="151">
        <v>9</v>
      </c>
      <c r="CW37" s="150">
        <v>9</v>
      </c>
      <c r="CX37" s="145">
        <v>0</v>
      </c>
      <c r="CY37" s="146">
        <v>0</v>
      </c>
      <c r="CZ37" s="151">
        <v>0</v>
      </c>
      <c r="DA37" s="148">
        <v>0</v>
      </c>
      <c r="DB37" s="146">
        <v>0</v>
      </c>
      <c r="DC37" s="146">
        <v>0</v>
      </c>
      <c r="DD37" s="146">
        <v>0</v>
      </c>
      <c r="DE37" s="146">
        <v>0</v>
      </c>
      <c r="DF37" s="146">
        <v>0</v>
      </c>
      <c r="DG37" s="151">
        <v>0</v>
      </c>
      <c r="DH37" s="150">
        <v>0</v>
      </c>
      <c r="DI37" s="145">
        <v>0</v>
      </c>
      <c r="DJ37" s="146">
        <v>0</v>
      </c>
      <c r="DK37" s="151">
        <v>0</v>
      </c>
      <c r="DL37" s="148">
        <v>0</v>
      </c>
      <c r="DM37" s="146">
        <v>0</v>
      </c>
      <c r="DN37" s="146">
        <v>0</v>
      </c>
      <c r="DO37" s="146">
        <v>0</v>
      </c>
      <c r="DP37" s="146">
        <v>0</v>
      </c>
      <c r="DQ37" s="146">
        <v>0</v>
      </c>
      <c r="DR37" s="151">
        <v>0</v>
      </c>
      <c r="DS37" s="150">
        <v>0</v>
      </c>
      <c r="DT37" s="145">
        <v>64</v>
      </c>
      <c r="DU37" s="146">
        <v>99</v>
      </c>
      <c r="DV37" s="151">
        <v>163</v>
      </c>
      <c r="DW37" s="148">
        <v>0</v>
      </c>
      <c r="DX37" s="146">
        <v>191</v>
      </c>
      <c r="DY37" s="146">
        <v>143</v>
      </c>
      <c r="DZ37" s="146">
        <v>88</v>
      </c>
      <c r="EA37" s="146">
        <v>67</v>
      </c>
      <c r="EB37" s="146">
        <v>46</v>
      </c>
      <c r="EC37" s="151">
        <v>535</v>
      </c>
      <c r="ED37" s="150">
        <v>698</v>
      </c>
      <c r="EE37" s="145">
        <v>15</v>
      </c>
      <c r="EF37" s="146">
        <v>11</v>
      </c>
      <c r="EG37" s="151">
        <v>26</v>
      </c>
      <c r="EH37" s="148">
        <v>0</v>
      </c>
      <c r="EI37" s="146">
        <v>38</v>
      </c>
      <c r="EJ37" s="146">
        <v>12</v>
      </c>
      <c r="EK37" s="146">
        <v>17</v>
      </c>
      <c r="EL37" s="146">
        <v>37</v>
      </c>
      <c r="EM37" s="146">
        <v>10</v>
      </c>
      <c r="EN37" s="151">
        <v>114</v>
      </c>
      <c r="EO37" s="150">
        <v>140</v>
      </c>
      <c r="EP37" s="145">
        <v>75</v>
      </c>
      <c r="EQ37" s="146">
        <v>128</v>
      </c>
      <c r="ER37" s="151">
        <v>203</v>
      </c>
      <c r="ES37" s="148">
        <v>0</v>
      </c>
      <c r="ET37" s="146">
        <v>325</v>
      </c>
      <c r="EU37" s="146">
        <v>172</v>
      </c>
      <c r="EV37" s="146">
        <v>100</v>
      </c>
      <c r="EW37" s="146">
        <v>79</v>
      </c>
      <c r="EX37" s="146">
        <v>48</v>
      </c>
      <c r="EY37" s="151">
        <v>724</v>
      </c>
      <c r="EZ37" s="150">
        <v>927</v>
      </c>
    </row>
    <row r="38" spans="2:156" ht="21" customHeight="1" x14ac:dyDescent="0.2">
      <c r="B38" s="152" t="s">
        <v>36</v>
      </c>
      <c r="C38" s="145">
        <v>0</v>
      </c>
      <c r="D38" s="146">
        <v>0</v>
      </c>
      <c r="E38" s="147">
        <v>0</v>
      </c>
      <c r="F38" s="148">
        <v>0</v>
      </c>
      <c r="G38" s="146">
        <v>58</v>
      </c>
      <c r="H38" s="146">
        <v>73</v>
      </c>
      <c r="I38" s="146">
        <v>47</v>
      </c>
      <c r="J38" s="146">
        <v>29</v>
      </c>
      <c r="K38" s="146">
        <v>38</v>
      </c>
      <c r="L38" s="149">
        <v>245</v>
      </c>
      <c r="M38" s="150">
        <v>245</v>
      </c>
      <c r="N38" s="145">
        <v>0</v>
      </c>
      <c r="O38" s="146">
        <v>1</v>
      </c>
      <c r="P38" s="151">
        <v>1</v>
      </c>
      <c r="Q38" s="148">
        <v>0</v>
      </c>
      <c r="R38" s="146">
        <v>3</v>
      </c>
      <c r="S38" s="146">
        <v>3</v>
      </c>
      <c r="T38" s="146">
        <v>7</v>
      </c>
      <c r="U38" s="146">
        <v>6</v>
      </c>
      <c r="V38" s="146">
        <v>14</v>
      </c>
      <c r="W38" s="151">
        <v>33</v>
      </c>
      <c r="X38" s="150">
        <v>34</v>
      </c>
      <c r="Y38" s="145">
        <v>7</v>
      </c>
      <c r="Z38" s="146">
        <v>22</v>
      </c>
      <c r="AA38" s="151">
        <v>29</v>
      </c>
      <c r="AB38" s="148">
        <v>0</v>
      </c>
      <c r="AC38" s="146">
        <v>60</v>
      </c>
      <c r="AD38" s="146">
        <v>56</v>
      </c>
      <c r="AE38" s="146">
        <v>44</v>
      </c>
      <c r="AF38" s="146">
        <v>26</v>
      </c>
      <c r="AG38" s="146">
        <v>38</v>
      </c>
      <c r="AH38" s="151">
        <v>224</v>
      </c>
      <c r="AI38" s="150">
        <v>253</v>
      </c>
      <c r="AJ38" s="145">
        <v>2</v>
      </c>
      <c r="AK38" s="146">
        <v>13</v>
      </c>
      <c r="AL38" s="151">
        <v>15</v>
      </c>
      <c r="AM38" s="148">
        <v>0</v>
      </c>
      <c r="AN38" s="146">
        <v>21</v>
      </c>
      <c r="AO38" s="146">
        <v>17</v>
      </c>
      <c r="AP38" s="146">
        <v>6</v>
      </c>
      <c r="AQ38" s="146">
        <v>5</v>
      </c>
      <c r="AR38" s="146">
        <v>7</v>
      </c>
      <c r="AS38" s="151">
        <v>56</v>
      </c>
      <c r="AT38" s="150">
        <v>71</v>
      </c>
      <c r="AU38" s="145">
        <v>5</v>
      </c>
      <c r="AV38" s="146">
        <v>5</v>
      </c>
      <c r="AW38" s="151">
        <v>10</v>
      </c>
      <c r="AX38" s="148">
        <v>0</v>
      </c>
      <c r="AY38" s="146">
        <v>59</v>
      </c>
      <c r="AZ38" s="146">
        <v>104</v>
      </c>
      <c r="BA38" s="146">
        <v>78</v>
      </c>
      <c r="BB38" s="146">
        <v>51</v>
      </c>
      <c r="BC38" s="146">
        <v>58</v>
      </c>
      <c r="BD38" s="149">
        <v>350</v>
      </c>
      <c r="BE38" s="150">
        <v>360</v>
      </c>
      <c r="BF38" s="145">
        <v>0</v>
      </c>
      <c r="BG38" s="146">
        <v>0</v>
      </c>
      <c r="BH38" s="151">
        <v>0</v>
      </c>
      <c r="BI38" s="148">
        <v>0</v>
      </c>
      <c r="BJ38" s="146">
        <v>79</v>
      </c>
      <c r="BK38" s="146">
        <v>86</v>
      </c>
      <c r="BL38" s="146">
        <v>51</v>
      </c>
      <c r="BM38" s="146">
        <v>32</v>
      </c>
      <c r="BN38" s="146">
        <v>19</v>
      </c>
      <c r="BO38" s="151">
        <v>267</v>
      </c>
      <c r="BP38" s="150">
        <v>267</v>
      </c>
      <c r="BQ38" s="145">
        <v>7</v>
      </c>
      <c r="BR38" s="146">
        <v>9</v>
      </c>
      <c r="BS38" s="151">
        <v>16</v>
      </c>
      <c r="BT38" s="148">
        <v>0</v>
      </c>
      <c r="BU38" s="146">
        <v>34</v>
      </c>
      <c r="BV38" s="146">
        <v>39</v>
      </c>
      <c r="BW38" s="146">
        <v>21</v>
      </c>
      <c r="BX38" s="146">
        <v>9</v>
      </c>
      <c r="BY38" s="146">
        <v>4</v>
      </c>
      <c r="BZ38" s="151">
        <v>107</v>
      </c>
      <c r="CA38" s="150">
        <v>123</v>
      </c>
      <c r="CB38" s="145">
        <v>1</v>
      </c>
      <c r="CC38" s="146">
        <v>0</v>
      </c>
      <c r="CD38" s="151">
        <v>1</v>
      </c>
      <c r="CE38" s="148">
        <v>0</v>
      </c>
      <c r="CF38" s="146">
        <v>9</v>
      </c>
      <c r="CG38" s="146">
        <v>22</v>
      </c>
      <c r="CH38" s="146">
        <v>18</v>
      </c>
      <c r="CI38" s="146">
        <v>19</v>
      </c>
      <c r="CJ38" s="146">
        <v>13</v>
      </c>
      <c r="CK38" s="151">
        <v>81</v>
      </c>
      <c r="CL38" s="150">
        <v>82</v>
      </c>
      <c r="CM38" s="145">
        <v>0</v>
      </c>
      <c r="CN38" s="146">
        <v>0</v>
      </c>
      <c r="CO38" s="151">
        <v>0</v>
      </c>
      <c r="CP38" s="148">
        <v>0</v>
      </c>
      <c r="CQ38" s="146">
        <v>0</v>
      </c>
      <c r="CR38" s="146">
        <v>1</v>
      </c>
      <c r="CS38" s="146">
        <v>0</v>
      </c>
      <c r="CT38" s="146">
        <v>3</v>
      </c>
      <c r="CU38" s="146">
        <v>0</v>
      </c>
      <c r="CV38" s="151">
        <v>4</v>
      </c>
      <c r="CW38" s="150">
        <v>4</v>
      </c>
      <c r="CX38" s="145">
        <v>0</v>
      </c>
      <c r="CY38" s="146">
        <v>0</v>
      </c>
      <c r="CZ38" s="151">
        <v>0</v>
      </c>
      <c r="DA38" s="148">
        <v>0</v>
      </c>
      <c r="DB38" s="146">
        <v>0</v>
      </c>
      <c r="DC38" s="146">
        <v>0</v>
      </c>
      <c r="DD38" s="146">
        <v>0</v>
      </c>
      <c r="DE38" s="146">
        <v>0</v>
      </c>
      <c r="DF38" s="146">
        <v>0</v>
      </c>
      <c r="DG38" s="151">
        <v>0</v>
      </c>
      <c r="DH38" s="150">
        <v>0</v>
      </c>
      <c r="DI38" s="145">
        <v>0</v>
      </c>
      <c r="DJ38" s="146">
        <v>0</v>
      </c>
      <c r="DK38" s="151">
        <v>0</v>
      </c>
      <c r="DL38" s="148">
        <v>0</v>
      </c>
      <c r="DM38" s="146">
        <v>0</v>
      </c>
      <c r="DN38" s="146">
        <v>0</v>
      </c>
      <c r="DO38" s="146">
        <v>0</v>
      </c>
      <c r="DP38" s="146">
        <v>0</v>
      </c>
      <c r="DQ38" s="146">
        <v>0</v>
      </c>
      <c r="DR38" s="151">
        <v>0</v>
      </c>
      <c r="DS38" s="150">
        <v>0</v>
      </c>
      <c r="DT38" s="145">
        <v>38</v>
      </c>
      <c r="DU38" s="146">
        <v>124</v>
      </c>
      <c r="DV38" s="151">
        <v>162</v>
      </c>
      <c r="DW38" s="148">
        <v>0</v>
      </c>
      <c r="DX38" s="146">
        <v>157</v>
      </c>
      <c r="DY38" s="146">
        <v>200</v>
      </c>
      <c r="DZ38" s="146">
        <v>121</v>
      </c>
      <c r="EA38" s="146">
        <v>73</v>
      </c>
      <c r="EB38" s="146">
        <v>58</v>
      </c>
      <c r="EC38" s="151">
        <v>609</v>
      </c>
      <c r="ED38" s="150">
        <v>771</v>
      </c>
      <c r="EE38" s="145">
        <v>3</v>
      </c>
      <c r="EF38" s="146">
        <v>2</v>
      </c>
      <c r="EG38" s="151">
        <v>5</v>
      </c>
      <c r="EH38" s="148">
        <v>0</v>
      </c>
      <c r="EI38" s="146">
        <v>20</v>
      </c>
      <c r="EJ38" s="146">
        <v>15</v>
      </c>
      <c r="EK38" s="146">
        <v>15</v>
      </c>
      <c r="EL38" s="146">
        <v>9</v>
      </c>
      <c r="EM38" s="146">
        <v>3</v>
      </c>
      <c r="EN38" s="151">
        <v>62</v>
      </c>
      <c r="EO38" s="150">
        <v>67</v>
      </c>
      <c r="EP38" s="145">
        <v>49</v>
      </c>
      <c r="EQ38" s="146">
        <v>146</v>
      </c>
      <c r="ER38" s="151">
        <v>195</v>
      </c>
      <c r="ES38" s="148">
        <v>0</v>
      </c>
      <c r="ET38" s="146">
        <v>267</v>
      </c>
      <c r="EU38" s="146">
        <v>260</v>
      </c>
      <c r="EV38" s="146">
        <v>150</v>
      </c>
      <c r="EW38" s="146">
        <v>85</v>
      </c>
      <c r="EX38" s="146">
        <v>77</v>
      </c>
      <c r="EY38" s="151">
        <v>839</v>
      </c>
      <c r="EZ38" s="150">
        <v>1034</v>
      </c>
    </row>
    <row r="39" spans="2:156" ht="21" customHeight="1" thickBot="1" x14ac:dyDescent="0.25">
      <c r="B39" s="153" t="s">
        <v>37</v>
      </c>
      <c r="C39" s="154">
        <v>0</v>
      </c>
      <c r="D39" s="155">
        <v>0</v>
      </c>
      <c r="E39" s="156">
        <v>0</v>
      </c>
      <c r="F39" s="157">
        <v>0</v>
      </c>
      <c r="G39" s="155">
        <v>5</v>
      </c>
      <c r="H39" s="155">
        <v>5</v>
      </c>
      <c r="I39" s="155">
        <v>7</v>
      </c>
      <c r="J39" s="155">
        <v>1</v>
      </c>
      <c r="K39" s="155">
        <v>4</v>
      </c>
      <c r="L39" s="158">
        <v>22</v>
      </c>
      <c r="M39" s="159">
        <v>22</v>
      </c>
      <c r="N39" s="154">
        <v>0</v>
      </c>
      <c r="O39" s="155">
        <v>0</v>
      </c>
      <c r="P39" s="160">
        <v>0</v>
      </c>
      <c r="Q39" s="157">
        <v>0</v>
      </c>
      <c r="R39" s="155">
        <v>0</v>
      </c>
      <c r="S39" s="155">
        <v>0</v>
      </c>
      <c r="T39" s="155">
        <v>0</v>
      </c>
      <c r="U39" s="155">
        <v>0</v>
      </c>
      <c r="V39" s="155">
        <v>1</v>
      </c>
      <c r="W39" s="160">
        <v>1</v>
      </c>
      <c r="X39" s="159">
        <v>1</v>
      </c>
      <c r="Y39" s="154">
        <v>1</v>
      </c>
      <c r="Z39" s="155">
        <v>1</v>
      </c>
      <c r="AA39" s="160">
        <v>2</v>
      </c>
      <c r="AB39" s="157">
        <v>0</v>
      </c>
      <c r="AC39" s="155">
        <v>6</v>
      </c>
      <c r="AD39" s="155">
        <v>6</v>
      </c>
      <c r="AE39" s="155">
        <v>5</v>
      </c>
      <c r="AF39" s="155">
        <v>4</v>
      </c>
      <c r="AG39" s="155">
        <v>4</v>
      </c>
      <c r="AH39" s="160">
        <v>25</v>
      </c>
      <c r="AI39" s="159">
        <v>27</v>
      </c>
      <c r="AJ39" s="154">
        <v>0</v>
      </c>
      <c r="AK39" s="155">
        <v>0</v>
      </c>
      <c r="AL39" s="160">
        <v>0</v>
      </c>
      <c r="AM39" s="157">
        <v>0</v>
      </c>
      <c r="AN39" s="155">
        <v>1</v>
      </c>
      <c r="AO39" s="155">
        <v>1</v>
      </c>
      <c r="AP39" s="155">
        <v>0</v>
      </c>
      <c r="AQ39" s="155">
        <v>0</v>
      </c>
      <c r="AR39" s="155">
        <v>1</v>
      </c>
      <c r="AS39" s="160">
        <v>3</v>
      </c>
      <c r="AT39" s="159">
        <v>3</v>
      </c>
      <c r="AU39" s="154">
        <v>1</v>
      </c>
      <c r="AV39" s="155">
        <v>0</v>
      </c>
      <c r="AW39" s="160">
        <v>1</v>
      </c>
      <c r="AX39" s="157">
        <v>0</v>
      </c>
      <c r="AY39" s="155">
        <v>4</v>
      </c>
      <c r="AZ39" s="155">
        <v>2</v>
      </c>
      <c r="BA39" s="155">
        <v>6</v>
      </c>
      <c r="BB39" s="155">
        <v>9</v>
      </c>
      <c r="BC39" s="155">
        <v>6</v>
      </c>
      <c r="BD39" s="158">
        <v>27</v>
      </c>
      <c r="BE39" s="159">
        <v>28</v>
      </c>
      <c r="BF39" s="154">
        <v>0</v>
      </c>
      <c r="BG39" s="155">
        <v>0</v>
      </c>
      <c r="BH39" s="160">
        <v>0</v>
      </c>
      <c r="BI39" s="157">
        <v>0</v>
      </c>
      <c r="BJ39" s="155">
        <v>5</v>
      </c>
      <c r="BK39" s="155">
        <v>7</v>
      </c>
      <c r="BL39" s="155">
        <v>4</v>
      </c>
      <c r="BM39" s="155">
        <v>1</v>
      </c>
      <c r="BN39" s="155">
        <v>2</v>
      </c>
      <c r="BO39" s="160">
        <v>19</v>
      </c>
      <c r="BP39" s="159">
        <v>19</v>
      </c>
      <c r="BQ39" s="154">
        <v>1</v>
      </c>
      <c r="BR39" s="155">
        <v>1</v>
      </c>
      <c r="BS39" s="160">
        <v>2</v>
      </c>
      <c r="BT39" s="157">
        <v>0</v>
      </c>
      <c r="BU39" s="155">
        <v>7</v>
      </c>
      <c r="BV39" s="155">
        <v>6</v>
      </c>
      <c r="BW39" s="155">
        <v>1</v>
      </c>
      <c r="BX39" s="155">
        <v>2</v>
      </c>
      <c r="BY39" s="155">
        <v>1</v>
      </c>
      <c r="BZ39" s="160">
        <v>17</v>
      </c>
      <c r="CA39" s="159">
        <v>19</v>
      </c>
      <c r="CB39" s="154">
        <v>0</v>
      </c>
      <c r="CC39" s="155">
        <v>0</v>
      </c>
      <c r="CD39" s="160">
        <v>0</v>
      </c>
      <c r="CE39" s="157">
        <v>0</v>
      </c>
      <c r="CF39" s="155">
        <v>1</v>
      </c>
      <c r="CG39" s="155">
        <v>2</v>
      </c>
      <c r="CH39" s="155">
        <v>2</v>
      </c>
      <c r="CI39" s="155">
        <v>1</v>
      </c>
      <c r="CJ39" s="155">
        <v>0</v>
      </c>
      <c r="CK39" s="160">
        <v>6</v>
      </c>
      <c r="CL39" s="159">
        <v>6</v>
      </c>
      <c r="CM39" s="154">
        <v>0</v>
      </c>
      <c r="CN39" s="155">
        <v>0</v>
      </c>
      <c r="CO39" s="160">
        <v>0</v>
      </c>
      <c r="CP39" s="157">
        <v>0</v>
      </c>
      <c r="CQ39" s="155">
        <v>0</v>
      </c>
      <c r="CR39" s="155">
        <v>0</v>
      </c>
      <c r="CS39" s="155">
        <v>0</v>
      </c>
      <c r="CT39" s="155">
        <v>0</v>
      </c>
      <c r="CU39" s="155">
        <v>1</v>
      </c>
      <c r="CV39" s="160">
        <v>1</v>
      </c>
      <c r="CW39" s="159">
        <v>1</v>
      </c>
      <c r="CX39" s="154">
        <v>0</v>
      </c>
      <c r="CY39" s="155">
        <v>0</v>
      </c>
      <c r="CZ39" s="160">
        <v>0</v>
      </c>
      <c r="DA39" s="157">
        <v>0</v>
      </c>
      <c r="DB39" s="155">
        <v>0</v>
      </c>
      <c r="DC39" s="155">
        <v>0</v>
      </c>
      <c r="DD39" s="155">
        <v>0</v>
      </c>
      <c r="DE39" s="155">
        <v>0</v>
      </c>
      <c r="DF39" s="155">
        <v>0</v>
      </c>
      <c r="DG39" s="160">
        <v>0</v>
      </c>
      <c r="DH39" s="159">
        <v>0</v>
      </c>
      <c r="DI39" s="154">
        <v>0</v>
      </c>
      <c r="DJ39" s="155">
        <v>0</v>
      </c>
      <c r="DK39" s="160">
        <v>0</v>
      </c>
      <c r="DL39" s="157">
        <v>0</v>
      </c>
      <c r="DM39" s="155">
        <v>0</v>
      </c>
      <c r="DN39" s="155">
        <v>0</v>
      </c>
      <c r="DO39" s="155">
        <v>0</v>
      </c>
      <c r="DP39" s="155">
        <v>0</v>
      </c>
      <c r="DQ39" s="155">
        <v>0</v>
      </c>
      <c r="DR39" s="160">
        <v>0</v>
      </c>
      <c r="DS39" s="159">
        <v>0</v>
      </c>
      <c r="DT39" s="154">
        <v>8</v>
      </c>
      <c r="DU39" s="155">
        <v>4</v>
      </c>
      <c r="DV39" s="160">
        <v>12</v>
      </c>
      <c r="DW39" s="157">
        <v>0</v>
      </c>
      <c r="DX39" s="155">
        <v>16</v>
      </c>
      <c r="DY39" s="155">
        <v>26</v>
      </c>
      <c r="DZ39" s="155">
        <v>14</v>
      </c>
      <c r="EA39" s="155">
        <v>6</v>
      </c>
      <c r="EB39" s="155">
        <v>5</v>
      </c>
      <c r="EC39" s="160">
        <v>67</v>
      </c>
      <c r="ED39" s="159">
        <v>79</v>
      </c>
      <c r="EE39" s="154">
        <v>0</v>
      </c>
      <c r="EF39" s="155">
        <v>0</v>
      </c>
      <c r="EG39" s="160">
        <v>0</v>
      </c>
      <c r="EH39" s="157">
        <v>0</v>
      </c>
      <c r="EI39" s="155">
        <v>0</v>
      </c>
      <c r="EJ39" s="155">
        <v>0</v>
      </c>
      <c r="EK39" s="155">
        <v>0</v>
      </c>
      <c r="EL39" s="155">
        <v>0</v>
      </c>
      <c r="EM39" s="155">
        <v>0</v>
      </c>
      <c r="EN39" s="160">
        <v>0</v>
      </c>
      <c r="EO39" s="159">
        <v>0</v>
      </c>
      <c r="EP39" s="154">
        <v>10</v>
      </c>
      <c r="EQ39" s="155">
        <v>5</v>
      </c>
      <c r="ER39" s="160">
        <v>15</v>
      </c>
      <c r="ES39" s="157">
        <v>0</v>
      </c>
      <c r="ET39" s="155">
        <v>24</v>
      </c>
      <c r="EU39" s="155">
        <v>29</v>
      </c>
      <c r="EV39" s="155">
        <v>17</v>
      </c>
      <c r="EW39" s="155">
        <v>6</v>
      </c>
      <c r="EX39" s="155">
        <v>5</v>
      </c>
      <c r="EY39" s="160">
        <v>81</v>
      </c>
      <c r="EZ39" s="159">
        <v>96</v>
      </c>
    </row>
  </sheetData>
  <mergeCells count="59">
    <mergeCell ref="X4:X5"/>
    <mergeCell ref="Y4:AA4"/>
    <mergeCell ref="AB4:AH4"/>
    <mergeCell ref="AI4:AI5"/>
    <mergeCell ref="CW4:CW5"/>
    <mergeCell ref="BQ4:BS4"/>
    <mergeCell ref="BT4:BZ4"/>
    <mergeCell ref="BP4:BP5"/>
    <mergeCell ref="CB4:CD4"/>
    <mergeCell ref="CE4:CK4"/>
    <mergeCell ref="CL4:CL5"/>
    <mergeCell ref="CM4:CO4"/>
    <mergeCell ref="CP4:CV4"/>
    <mergeCell ref="CA4:CA5"/>
    <mergeCell ref="AX4:BD4"/>
    <mergeCell ref="BF4:BH4"/>
    <mergeCell ref="B3:B5"/>
    <mergeCell ref="N3:X3"/>
    <mergeCell ref="Y3:AI3"/>
    <mergeCell ref="AJ3:AT3"/>
    <mergeCell ref="AU3:BE3"/>
    <mergeCell ref="C3:M3"/>
    <mergeCell ref="C4:E4"/>
    <mergeCell ref="F4:L4"/>
    <mergeCell ref="M4:M5"/>
    <mergeCell ref="BE4:BE5"/>
    <mergeCell ref="N4:P4"/>
    <mergeCell ref="Q4:W4"/>
    <mergeCell ref="AJ4:AL4"/>
    <mergeCell ref="AM4:AS4"/>
    <mergeCell ref="AT4:AT5"/>
    <mergeCell ref="AU4:AW4"/>
    <mergeCell ref="I1:J1"/>
    <mergeCell ref="L1:M1"/>
    <mergeCell ref="BF3:BP3"/>
    <mergeCell ref="BQ3:CA3"/>
    <mergeCell ref="CB3:CL3"/>
    <mergeCell ref="DI3:DS3"/>
    <mergeCell ref="DI4:DK4"/>
    <mergeCell ref="DL4:DR4"/>
    <mergeCell ref="DS4:DS5"/>
    <mergeCell ref="BI4:BO4"/>
    <mergeCell ref="CX3:DH3"/>
    <mergeCell ref="CM3:CW3"/>
    <mergeCell ref="CX4:CZ4"/>
    <mergeCell ref="DA4:DG4"/>
    <mergeCell ref="DH4:DH5"/>
    <mergeCell ref="EP3:EZ3"/>
    <mergeCell ref="EE3:EO3"/>
    <mergeCell ref="ES4:EY4"/>
    <mergeCell ref="EZ4:EZ5"/>
    <mergeCell ref="ED4:ED5"/>
    <mergeCell ref="EE4:EG4"/>
    <mergeCell ref="EH4:EN4"/>
    <mergeCell ref="EO4:EO5"/>
    <mergeCell ref="EP4:ER4"/>
    <mergeCell ref="DT3:ED3"/>
    <mergeCell ref="DT4:DV4"/>
    <mergeCell ref="DW4:EC4"/>
  </mergeCells>
  <phoneticPr fontId="4"/>
  <pageMargins left="0.59055118110236227" right="0.39370078740157483" top="0.74803149606299213" bottom="0.74803149606299213" header="0.31496062992125984" footer="0.31496062992125984"/>
  <pageSetup paperSize="9" scale="33" orientation="landscape" r:id="rId1"/>
  <headerFooter>
    <oddFooter>&amp;L&amp;20&amp;A&amp;C&amp;P/&amp;N</oddFooter>
  </headerFooter>
  <colBreaks count="3" manualBreakCount="3">
    <brk id="46" max="1048575" man="1"/>
    <brk id="90" max="1048575" man="1"/>
    <brk id="134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B1:EZ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129" customWidth="1"/>
    <col min="2" max="2" width="9.77734375" style="129" customWidth="1"/>
    <col min="3" max="4" width="9" style="129"/>
    <col min="5" max="5" width="10.33203125" style="129" customWidth="1"/>
    <col min="6" max="6" width="7.6640625" style="129" customWidth="1"/>
    <col min="7" max="7" width="10.21875" style="129" customWidth="1"/>
    <col min="8" max="8" width="10.44140625" style="129" customWidth="1"/>
    <col min="9" max="16" width="9" style="129"/>
    <col min="17" max="17" width="7.21875" style="129" customWidth="1"/>
    <col min="18" max="27" width="9" style="129"/>
    <col min="28" max="28" width="7.6640625" style="129" customWidth="1"/>
    <col min="29" max="38" width="9" style="129"/>
    <col min="39" max="39" width="7.6640625" style="129" customWidth="1"/>
    <col min="40" max="49" width="9" style="129"/>
    <col min="50" max="50" width="7.21875" style="129" customWidth="1"/>
    <col min="51" max="60" width="9" style="129"/>
    <col min="61" max="61" width="7.21875" style="129" customWidth="1"/>
    <col min="62" max="71" width="9" style="129"/>
    <col min="72" max="72" width="7.33203125" style="129" customWidth="1"/>
    <col min="73" max="82" width="9" style="129"/>
    <col min="83" max="83" width="7.44140625" style="129" customWidth="1"/>
    <col min="84" max="93" width="9" style="129"/>
    <col min="94" max="94" width="7.6640625" style="129" customWidth="1"/>
    <col min="95" max="104" width="9" style="129"/>
    <col min="105" max="105" width="7.44140625" style="129" customWidth="1"/>
    <col min="106" max="115" width="9" style="129"/>
    <col min="116" max="116" width="7.44140625" style="129" customWidth="1"/>
    <col min="117" max="126" width="9" style="129"/>
    <col min="127" max="127" width="7.44140625" style="129" customWidth="1"/>
    <col min="128" max="137" width="9" style="129"/>
    <col min="138" max="138" width="7.33203125" style="129" customWidth="1"/>
    <col min="139" max="148" width="9" style="129"/>
    <col min="149" max="149" width="7.77734375" style="129" customWidth="1"/>
    <col min="150" max="16384" width="9" style="129"/>
  </cols>
  <sheetData>
    <row r="1" spans="2:156" ht="24" customHeight="1" x14ac:dyDescent="0.2">
      <c r="B1" s="128" t="s">
        <v>120</v>
      </c>
      <c r="I1" s="441">
        <f>第１表!F2</f>
        <v>7</v>
      </c>
      <c r="J1" s="441"/>
      <c r="K1" s="15">
        <f>第１表!G2</f>
        <v>1</v>
      </c>
      <c r="L1" s="458">
        <f>IF(K1&lt;3,K1+12-2,K1-2)</f>
        <v>11</v>
      </c>
      <c r="M1" s="458"/>
    </row>
    <row r="2" spans="2:156" ht="24" customHeight="1" thickBot="1" x14ac:dyDescent="0.25">
      <c r="B2" s="128" t="s">
        <v>127</v>
      </c>
      <c r="G2" s="14"/>
      <c r="H2" s="15"/>
      <c r="J2" s="54"/>
      <c r="K2" s="54"/>
    </row>
    <row r="3" spans="2:156" ht="21" customHeight="1" thickBot="1" x14ac:dyDescent="0.25">
      <c r="B3" s="459"/>
      <c r="C3" s="449" t="s">
        <v>70</v>
      </c>
      <c r="D3" s="450"/>
      <c r="E3" s="450"/>
      <c r="F3" s="450"/>
      <c r="G3" s="450"/>
      <c r="H3" s="450"/>
      <c r="I3" s="450"/>
      <c r="J3" s="450"/>
      <c r="K3" s="450"/>
      <c r="L3" s="450"/>
      <c r="M3" s="451"/>
      <c r="N3" s="449" t="s">
        <v>71</v>
      </c>
      <c r="O3" s="450"/>
      <c r="P3" s="450"/>
      <c r="Q3" s="450"/>
      <c r="R3" s="450"/>
      <c r="S3" s="450"/>
      <c r="T3" s="450"/>
      <c r="U3" s="450"/>
      <c r="V3" s="450"/>
      <c r="W3" s="450"/>
      <c r="X3" s="451"/>
      <c r="Y3" s="449" t="s">
        <v>72</v>
      </c>
      <c r="Z3" s="450"/>
      <c r="AA3" s="450"/>
      <c r="AB3" s="450"/>
      <c r="AC3" s="450"/>
      <c r="AD3" s="450"/>
      <c r="AE3" s="450"/>
      <c r="AF3" s="450"/>
      <c r="AG3" s="450"/>
      <c r="AH3" s="450"/>
      <c r="AI3" s="451"/>
      <c r="AJ3" s="449" t="s">
        <v>73</v>
      </c>
      <c r="AK3" s="450"/>
      <c r="AL3" s="450"/>
      <c r="AM3" s="450"/>
      <c r="AN3" s="450"/>
      <c r="AO3" s="450"/>
      <c r="AP3" s="450"/>
      <c r="AQ3" s="450"/>
      <c r="AR3" s="450"/>
      <c r="AS3" s="450"/>
      <c r="AT3" s="451"/>
      <c r="AU3" s="449" t="s">
        <v>74</v>
      </c>
      <c r="AV3" s="450"/>
      <c r="AW3" s="450"/>
      <c r="AX3" s="450"/>
      <c r="AY3" s="450"/>
      <c r="AZ3" s="450"/>
      <c r="BA3" s="450"/>
      <c r="BB3" s="450"/>
      <c r="BC3" s="450"/>
      <c r="BD3" s="450"/>
      <c r="BE3" s="451"/>
      <c r="BF3" s="449" t="s">
        <v>75</v>
      </c>
      <c r="BG3" s="450"/>
      <c r="BH3" s="450"/>
      <c r="BI3" s="450"/>
      <c r="BJ3" s="450"/>
      <c r="BK3" s="450"/>
      <c r="BL3" s="450"/>
      <c r="BM3" s="450"/>
      <c r="BN3" s="450"/>
      <c r="BO3" s="450"/>
      <c r="BP3" s="451"/>
      <c r="BQ3" s="449" t="s">
        <v>76</v>
      </c>
      <c r="BR3" s="450"/>
      <c r="BS3" s="450"/>
      <c r="BT3" s="450"/>
      <c r="BU3" s="450"/>
      <c r="BV3" s="450"/>
      <c r="BW3" s="450"/>
      <c r="BX3" s="450"/>
      <c r="BY3" s="450"/>
      <c r="BZ3" s="450"/>
      <c r="CA3" s="451"/>
      <c r="CB3" s="449" t="s">
        <v>77</v>
      </c>
      <c r="CC3" s="450"/>
      <c r="CD3" s="450"/>
      <c r="CE3" s="450"/>
      <c r="CF3" s="450"/>
      <c r="CG3" s="450"/>
      <c r="CH3" s="450"/>
      <c r="CI3" s="450"/>
      <c r="CJ3" s="450"/>
      <c r="CK3" s="450"/>
      <c r="CL3" s="451"/>
      <c r="CM3" s="449" t="s">
        <v>78</v>
      </c>
      <c r="CN3" s="450"/>
      <c r="CO3" s="450"/>
      <c r="CP3" s="450"/>
      <c r="CQ3" s="450"/>
      <c r="CR3" s="450"/>
      <c r="CS3" s="450"/>
      <c r="CT3" s="450"/>
      <c r="CU3" s="450"/>
      <c r="CV3" s="450"/>
      <c r="CW3" s="451"/>
      <c r="CX3" s="449" t="s">
        <v>79</v>
      </c>
      <c r="CY3" s="450"/>
      <c r="CZ3" s="450"/>
      <c r="DA3" s="450"/>
      <c r="DB3" s="450"/>
      <c r="DC3" s="450"/>
      <c r="DD3" s="450"/>
      <c r="DE3" s="450"/>
      <c r="DF3" s="450"/>
      <c r="DG3" s="450"/>
      <c r="DH3" s="451"/>
      <c r="DI3" s="449" t="s">
        <v>146</v>
      </c>
      <c r="DJ3" s="450"/>
      <c r="DK3" s="450"/>
      <c r="DL3" s="450"/>
      <c r="DM3" s="450"/>
      <c r="DN3" s="450"/>
      <c r="DO3" s="450"/>
      <c r="DP3" s="450"/>
      <c r="DQ3" s="450"/>
      <c r="DR3" s="450"/>
      <c r="DS3" s="451"/>
      <c r="DT3" s="449" t="s">
        <v>80</v>
      </c>
      <c r="DU3" s="450"/>
      <c r="DV3" s="450"/>
      <c r="DW3" s="450"/>
      <c r="DX3" s="450"/>
      <c r="DY3" s="450"/>
      <c r="DZ3" s="450"/>
      <c r="EA3" s="450"/>
      <c r="EB3" s="450"/>
      <c r="EC3" s="450"/>
      <c r="ED3" s="451"/>
      <c r="EE3" s="449" t="s">
        <v>68</v>
      </c>
      <c r="EF3" s="450"/>
      <c r="EG3" s="450"/>
      <c r="EH3" s="450"/>
      <c r="EI3" s="450"/>
      <c r="EJ3" s="450"/>
      <c r="EK3" s="450"/>
      <c r="EL3" s="450"/>
      <c r="EM3" s="450"/>
      <c r="EN3" s="450"/>
      <c r="EO3" s="451"/>
      <c r="EP3" s="446" t="s">
        <v>69</v>
      </c>
      <c r="EQ3" s="447"/>
      <c r="ER3" s="447"/>
      <c r="ES3" s="447"/>
      <c r="ET3" s="447"/>
      <c r="EU3" s="447"/>
      <c r="EV3" s="447"/>
      <c r="EW3" s="447"/>
      <c r="EX3" s="447"/>
      <c r="EY3" s="447"/>
      <c r="EZ3" s="448"/>
    </row>
    <row r="4" spans="2:156" ht="21" customHeight="1" x14ac:dyDescent="0.2">
      <c r="B4" s="460"/>
      <c r="C4" s="457" t="s">
        <v>61</v>
      </c>
      <c r="D4" s="453"/>
      <c r="E4" s="454"/>
      <c r="F4" s="452" t="s">
        <v>62</v>
      </c>
      <c r="G4" s="453"/>
      <c r="H4" s="453"/>
      <c r="I4" s="453"/>
      <c r="J4" s="453"/>
      <c r="K4" s="453"/>
      <c r="L4" s="462"/>
      <c r="M4" s="455" t="s">
        <v>52</v>
      </c>
      <c r="N4" s="457" t="s">
        <v>61</v>
      </c>
      <c r="O4" s="453"/>
      <c r="P4" s="454"/>
      <c r="Q4" s="452" t="s">
        <v>62</v>
      </c>
      <c r="R4" s="453"/>
      <c r="S4" s="453"/>
      <c r="T4" s="453"/>
      <c r="U4" s="453"/>
      <c r="V4" s="453"/>
      <c r="W4" s="454"/>
      <c r="X4" s="455" t="s">
        <v>52</v>
      </c>
      <c r="Y4" s="457" t="s">
        <v>61</v>
      </c>
      <c r="Z4" s="453"/>
      <c r="AA4" s="454"/>
      <c r="AB4" s="452" t="s">
        <v>62</v>
      </c>
      <c r="AC4" s="453"/>
      <c r="AD4" s="453"/>
      <c r="AE4" s="453"/>
      <c r="AF4" s="453"/>
      <c r="AG4" s="453"/>
      <c r="AH4" s="454"/>
      <c r="AI4" s="455" t="s">
        <v>52</v>
      </c>
      <c r="AJ4" s="457" t="s">
        <v>61</v>
      </c>
      <c r="AK4" s="453"/>
      <c r="AL4" s="454"/>
      <c r="AM4" s="452" t="s">
        <v>62</v>
      </c>
      <c r="AN4" s="453"/>
      <c r="AO4" s="453"/>
      <c r="AP4" s="453"/>
      <c r="AQ4" s="453"/>
      <c r="AR4" s="453"/>
      <c r="AS4" s="454"/>
      <c r="AT4" s="455" t="s">
        <v>52</v>
      </c>
      <c r="AU4" s="457" t="s">
        <v>61</v>
      </c>
      <c r="AV4" s="453"/>
      <c r="AW4" s="454"/>
      <c r="AX4" s="452" t="s">
        <v>62</v>
      </c>
      <c r="AY4" s="453"/>
      <c r="AZ4" s="453"/>
      <c r="BA4" s="453"/>
      <c r="BB4" s="453"/>
      <c r="BC4" s="453"/>
      <c r="BD4" s="462"/>
      <c r="BE4" s="455" t="s">
        <v>52</v>
      </c>
      <c r="BF4" s="457" t="s">
        <v>61</v>
      </c>
      <c r="BG4" s="453"/>
      <c r="BH4" s="454"/>
      <c r="BI4" s="452" t="s">
        <v>62</v>
      </c>
      <c r="BJ4" s="453"/>
      <c r="BK4" s="453"/>
      <c r="BL4" s="453"/>
      <c r="BM4" s="453"/>
      <c r="BN4" s="453"/>
      <c r="BO4" s="454"/>
      <c r="BP4" s="455" t="s">
        <v>52</v>
      </c>
      <c r="BQ4" s="457" t="s">
        <v>61</v>
      </c>
      <c r="BR4" s="453"/>
      <c r="BS4" s="454"/>
      <c r="BT4" s="452" t="s">
        <v>62</v>
      </c>
      <c r="BU4" s="453"/>
      <c r="BV4" s="453"/>
      <c r="BW4" s="453"/>
      <c r="BX4" s="453"/>
      <c r="BY4" s="453"/>
      <c r="BZ4" s="454"/>
      <c r="CA4" s="455" t="s">
        <v>52</v>
      </c>
      <c r="CB4" s="457" t="s">
        <v>61</v>
      </c>
      <c r="CC4" s="453"/>
      <c r="CD4" s="454"/>
      <c r="CE4" s="452" t="s">
        <v>62</v>
      </c>
      <c r="CF4" s="453"/>
      <c r="CG4" s="453"/>
      <c r="CH4" s="453"/>
      <c r="CI4" s="453"/>
      <c r="CJ4" s="453"/>
      <c r="CK4" s="454"/>
      <c r="CL4" s="455" t="s">
        <v>52</v>
      </c>
      <c r="CM4" s="457" t="s">
        <v>61</v>
      </c>
      <c r="CN4" s="453"/>
      <c r="CO4" s="454"/>
      <c r="CP4" s="452" t="s">
        <v>62</v>
      </c>
      <c r="CQ4" s="453"/>
      <c r="CR4" s="453"/>
      <c r="CS4" s="453"/>
      <c r="CT4" s="453"/>
      <c r="CU4" s="453"/>
      <c r="CV4" s="454"/>
      <c r="CW4" s="455" t="s">
        <v>52</v>
      </c>
      <c r="CX4" s="457" t="s">
        <v>61</v>
      </c>
      <c r="CY4" s="453"/>
      <c r="CZ4" s="454"/>
      <c r="DA4" s="452" t="s">
        <v>62</v>
      </c>
      <c r="DB4" s="453"/>
      <c r="DC4" s="453"/>
      <c r="DD4" s="453"/>
      <c r="DE4" s="453"/>
      <c r="DF4" s="453"/>
      <c r="DG4" s="454"/>
      <c r="DH4" s="455" t="s">
        <v>52</v>
      </c>
      <c r="DI4" s="457" t="s">
        <v>61</v>
      </c>
      <c r="DJ4" s="453"/>
      <c r="DK4" s="454"/>
      <c r="DL4" s="452" t="s">
        <v>62</v>
      </c>
      <c r="DM4" s="453"/>
      <c r="DN4" s="453"/>
      <c r="DO4" s="453"/>
      <c r="DP4" s="453"/>
      <c r="DQ4" s="453"/>
      <c r="DR4" s="454"/>
      <c r="DS4" s="455" t="s">
        <v>52</v>
      </c>
      <c r="DT4" s="457" t="s">
        <v>61</v>
      </c>
      <c r="DU4" s="453"/>
      <c r="DV4" s="454"/>
      <c r="DW4" s="452" t="s">
        <v>62</v>
      </c>
      <c r="DX4" s="453"/>
      <c r="DY4" s="453"/>
      <c r="DZ4" s="453"/>
      <c r="EA4" s="453"/>
      <c r="EB4" s="453"/>
      <c r="EC4" s="454"/>
      <c r="ED4" s="455" t="s">
        <v>52</v>
      </c>
      <c r="EE4" s="457" t="s">
        <v>61</v>
      </c>
      <c r="EF4" s="453"/>
      <c r="EG4" s="454"/>
      <c r="EH4" s="452" t="s">
        <v>62</v>
      </c>
      <c r="EI4" s="453"/>
      <c r="EJ4" s="453"/>
      <c r="EK4" s="453"/>
      <c r="EL4" s="453"/>
      <c r="EM4" s="453"/>
      <c r="EN4" s="454"/>
      <c r="EO4" s="455" t="s">
        <v>52</v>
      </c>
      <c r="EP4" s="457" t="s">
        <v>61</v>
      </c>
      <c r="EQ4" s="453"/>
      <c r="ER4" s="454"/>
      <c r="ES4" s="452" t="s">
        <v>62</v>
      </c>
      <c r="ET4" s="453"/>
      <c r="EU4" s="453"/>
      <c r="EV4" s="453"/>
      <c r="EW4" s="453"/>
      <c r="EX4" s="453"/>
      <c r="EY4" s="454"/>
      <c r="EZ4" s="455" t="s">
        <v>52</v>
      </c>
    </row>
    <row r="5" spans="2:156" ht="30" customHeight="1" thickBot="1" x14ac:dyDescent="0.25">
      <c r="B5" s="461"/>
      <c r="C5" s="130" t="s">
        <v>43</v>
      </c>
      <c r="D5" s="131" t="s">
        <v>44</v>
      </c>
      <c r="E5" s="132" t="s">
        <v>45</v>
      </c>
      <c r="F5" s="133" t="s">
        <v>83</v>
      </c>
      <c r="G5" s="131" t="s">
        <v>47</v>
      </c>
      <c r="H5" s="131" t="s">
        <v>48</v>
      </c>
      <c r="I5" s="131" t="s">
        <v>49</v>
      </c>
      <c r="J5" s="131" t="s">
        <v>50</v>
      </c>
      <c r="K5" s="131" t="s">
        <v>51</v>
      </c>
      <c r="L5" s="134" t="s">
        <v>45</v>
      </c>
      <c r="M5" s="456"/>
      <c r="N5" s="130" t="s">
        <v>43</v>
      </c>
      <c r="O5" s="131" t="s">
        <v>44</v>
      </c>
      <c r="P5" s="135" t="s">
        <v>45</v>
      </c>
      <c r="Q5" s="133" t="s">
        <v>83</v>
      </c>
      <c r="R5" s="131" t="s">
        <v>47</v>
      </c>
      <c r="S5" s="131" t="s">
        <v>48</v>
      </c>
      <c r="T5" s="131" t="s">
        <v>49</v>
      </c>
      <c r="U5" s="131" t="s">
        <v>50</v>
      </c>
      <c r="V5" s="131" t="s">
        <v>51</v>
      </c>
      <c r="W5" s="135" t="s">
        <v>45</v>
      </c>
      <c r="X5" s="456"/>
      <c r="Y5" s="130" t="s">
        <v>43</v>
      </c>
      <c r="Z5" s="131" t="s">
        <v>44</v>
      </c>
      <c r="AA5" s="135" t="s">
        <v>45</v>
      </c>
      <c r="AB5" s="133" t="s">
        <v>83</v>
      </c>
      <c r="AC5" s="131" t="s">
        <v>47</v>
      </c>
      <c r="AD5" s="131" t="s">
        <v>48</v>
      </c>
      <c r="AE5" s="131" t="s">
        <v>49</v>
      </c>
      <c r="AF5" s="131" t="s">
        <v>50</v>
      </c>
      <c r="AG5" s="131" t="s">
        <v>51</v>
      </c>
      <c r="AH5" s="135" t="s">
        <v>45</v>
      </c>
      <c r="AI5" s="456"/>
      <c r="AJ5" s="130" t="s">
        <v>43</v>
      </c>
      <c r="AK5" s="131" t="s">
        <v>44</v>
      </c>
      <c r="AL5" s="135" t="s">
        <v>45</v>
      </c>
      <c r="AM5" s="133" t="s">
        <v>83</v>
      </c>
      <c r="AN5" s="131" t="s">
        <v>47</v>
      </c>
      <c r="AO5" s="131" t="s">
        <v>48</v>
      </c>
      <c r="AP5" s="131" t="s">
        <v>49</v>
      </c>
      <c r="AQ5" s="131" t="s">
        <v>50</v>
      </c>
      <c r="AR5" s="131" t="s">
        <v>51</v>
      </c>
      <c r="AS5" s="135" t="s">
        <v>45</v>
      </c>
      <c r="AT5" s="456"/>
      <c r="AU5" s="130" t="s">
        <v>43</v>
      </c>
      <c r="AV5" s="131" t="s">
        <v>44</v>
      </c>
      <c r="AW5" s="135" t="s">
        <v>45</v>
      </c>
      <c r="AX5" s="133" t="s">
        <v>83</v>
      </c>
      <c r="AY5" s="131" t="s">
        <v>47</v>
      </c>
      <c r="AZ5" s="131" t="s">
        <v>48</v>
      </c>
      <c r="BA5" s="131" t="s">
        <v>49</v>
      </c>
      <c r="BB5" s="131" t="s">
        <v>50</v>
      </c>
      <c r="BC5" s="131" t="s">
        <v>51</v>
      </c>
      <c r="BD5" s="134" t="s">
        <v>45</v>
      </c>
      <c r="BE5" s="456"/>
      <c r="BF5" s="130" t="s">
        <v>43</v>
      </c>
      <c r="BG5" s="131" t="s">
        <v>44</v>
      </c>
      <c r="BH5" s="135" t="s">
        <v>45</v>
      </c>
      <c r="BI5" s="133" t="s">
        <v>83</v>
      </c>
      <c r="BJ5" s="131" t="s">
        <v>47</v>
      </c>
      <c r="BK5" s="131" t="s">
        <v>48</v>
      </c>
      <c r="BL5" s="131" t="s">
        <v>49</v>
      </c>
      <c r="BM5" s="131" t="s">
        <v>50</v>
      </c>
      <c r="BN5" s="131" t="s">
        <v>51</v>
      </c>
      <c r="BO5" s="135" t="s">
        <v>45</v>
      </c>
      <c r="BP5" s="456"/>
      <c r="BQ5" s="130" t="s">
        <v>43</v>
      </c>
      <c r="BR5" s="131" t="s">
        <v>44</v>
      </c>
      <c r="BS5" s="135" t="s">
        <v>45</v>
      </c>
      <c r="BT5" s="133" t="s">
        <v>83</v>
      </c>
      <c r="BU5" s="131" t="s">
        <v>47</v>
      </c>
      <c r="BV5" s="131" t="s">
        <v>48</v>
      </c>
      <c r="BW5" s="131" t="s">
        <v>49</v>
      </c>
      <c r="BX5" s="131" t="s">
        <v>50</v>
      </c>
      <c r="BY5" s="131" t="s">
        <v>51</v>
      </c>
      <c r="BZ5" s="135" t="s">
        <v>45</v>
      </c>
      <c r="CA5" s="456"/>
      <c r="CB5" s="130" t="s">
        <v>43</v>
      </c>
      <c r="CC5" s="131" t="s">
        <v>44</v>
      </c>
      <c r="CD5" s="135" t="s">
        <v>45</v>
      </c>
      <c r="CE5" s="133" t="s">
        <v>83</v>
      </c>
      <c r="CF5" s="131" t="s">
        <v>47</v>
      </c>
      <c r="CG5" s="131" t="s">
        <v>48</v>
      </c>
      <c r="CH5" s="131" t="s">
        <v>49</v>
      </c>
      <c r="CI5" s="131" t="s">
        <v>50</v>
      </c>
      <c r="CJ5" s="131" t="s">
        <v>51</v>
      </c>
      <c r="CK5" s="135" t="s">
        <v>45</v>
      </c>
      <c r="CL5" s="456"/>
      <c r="CM5" s="130" t="s">
        <v>43</v>
      </c>
      <c r="CN5" s="131" t="s">
        <v>44</v>
      </c>
      <c r="CO5" s="135" t="s">
        <v>45</v>
      </c>
      <c r="CP5" s="133" t="s">
        <v>83</v>
      </c>
      <c r="CQ5" s="131" t="s">
        <v>47</v>
      </c>
      <c r="CR5" s="131" t="s">
        <v>48</v>
      </c>
      <c r="CS5" s="131" t="s">
        <v>49</v>
      </c>
      <c r="CT5" s="131" t="s">
        <v>50</v>
      </c>
      <c r="CU5" s="131" t="s">
        <v>51</v>
      </c>
      <c r="CV5" s="135" t="s">
        <v>45</v>
      </c>
      <c r="CW5" s="456"/>
      <c r="CX5" s="130" t="s">
        <v>43</v>
      </c>
      <c r="CY5" s="131" t="s">
        <v>44</v>
      </c>
      <c r="CZ5" s="135" t="s">
        <v>45</v>
      </c>
      <c r="DA5" s="133" t="s">
        <v>83</v>
      </c>
      <c r="DB5" s="131" t="s">
        <v>47</v>
      </c>
      <c r="DC5" s="131" t="s">
        <v>48</v>
      </c>
      <c r="DD5" s="131" t="s">
        <v>49</v>
      </c>
      <c r="DE5" s="131" t="s">
        <v>50</v>
      </c>
      <c r="DF5" s="131" t="s">
        <v>51</v>
      </c>
      <c r="DG5" s="135" t="s">
        <v>45</v>
      </c>
      <c r="DH5" s="456"/>
      <c r="DI5" s="130" t="s">
        <v>43</v>
      </c>
      <c r="DJ5" s="131" t="s">
        <v>44</v>
      </c>
      <c r="DK5" s="135" t="s">
        <v>45</v>
      </c>
      <c r="DL5" s="133" t="s">
        <v>83</v>
      </c>
      <c r="DM5" s="131" t="s">
        <v>47</v>
      </c>
      <c r="DN5" s="131" t="s">
        <v>48</v>
      </c>
      <c r="DO5" s="131" t="s">
        <v>49</v>
      </c>
      <c r="DP5" s="131" t="s">
        <v>50</v>
      </c>
      <c r="DQ5" s="131" t="s">
        <v>51</v>
      </c>
      <c r="DR5" s="135" t="s">
        <v>45</v>
      </c>
      <c r="DS5" s="456"/>
      <c r="DT5" s="130" t="s">
        <v>43</v>
      </c>
      <c r="DU5" s="131" t="s">
        <v>44</v>
      </c>
      <c r="DV5" s="135" t="s">
        <v>45</v>
      </c>
      <c r="DW5" s="133" t="s">
        <v>83</v>
      </c>
      <c r="DX5" s="131" t="s">
        <v>47</v>
      </c>
      <c r="DY5" s="131" t="s">
        <v>48</v>
      </c>
      <c r="DZ5" s="131" t="s">
        <v>49</v>
      </c>
      <c r="EA5" s="131" t="s">
        <v>50</v>
      </c>
      <c r="EB5" s="131" t="s">
        <v>51</v>
      </c>
      <c r="EC5" s="135" t="s">
        <v>45</v>
      </c>
      <c r="ED5" s="456"/>
      <c r="EE5" s="130" t="s">
        <v>43</v>
      </c>
      <c r="EF5" s="131" t="s">
        <v>44</v>
      </c>
      <c r="EG5" s="135" t="s">
        <v>45</v>
      </c>
      <c r="EH5" s="133" t="s">
        <v>83</v>
      </c>
      <c r="EI5" s="131" t="s">
        <v>47</v>
      </c>
      <c r="EJ5" s="131" t="s">
        <v>48</v>
      </c>
      <c r="EK5" s="131" t="s">
        <v>49</v>
      </c>
      <c r="EL5" s="131" t="s">
        <v>50</v>
      </c>
      <c r="EM5" s="131" t="s">
        <v>51</v>
      </c>
      <c r="EN5" s="135" t="s">
        <v>45</v>
      </c>
      <c r="EO5" s="456"/>
      <c r="EP5" s="130" t="s">
        <v>43</v>
      </c>
      <c r="EQ5" s="131" t="s">
        <v>44</v>
      </c>
      <c r="ER5" s="135" t="s">
        <v>45</v>
      </c>
      <c r="ES5" s="133" t="s">
        <v>83</v>
      </c>
      <c r="ET5" s="131" t="s">
        <v>47</v>
      </c>
      <c r="EU5" s="131" t="s">
        <v>48</v>
      </c>
      <c r="EV5" s="131" t="s">
        <v>49</v>
      </c>
      <c r="EW5" s="131" t="s">
        <v>50</v>
      </c>
      <c r="EX5" s="131" t="s">
        <v>51</v>
      </c>
      <c r="EY5" s="135" t="s">
        <v>45</v>
      </c>
      <c r="EZ5" s="456"/>
    </row>
    <row r="6" spans="2:156" ht="21" customHeight="1" x14ac:dyDescent="0.2">
      <c r="B6" s="136" t="s">
        <v>4</v>
      </c>
      <c r="C6" s="137">
        <v>0</v>
      </c>
      <c r="D6" s="138">
        <v>0</v>
      </c>
      <c r="E6" s="139">
        <v>0</v>
      </c>
      <c r="F6" s="140">
        <v>0</v>
      </c>
      <c r="G6" s="138">
        <v>1222</v>
      </c>
      <c r="H6" s="138">
        <v>1403</v>
      </c>
      <c r="I6" s="138">
        <v>728</v>
      </c>
      <c r="J6" s="138">
        <v>551</v>
      </c>
      <c r="K6" s="138">
        <v>397</v>
      </c>
      <c r="L6" s="141">
        <v>4301</v>
      </c>
      <c r="M6" s="142">
        <v>4301</v>
      </c>
      <c r="N6" s="137">
        <v>0</v>
      </c>
      <c r="O6" s="138">
        <v>1</v>
      </c>
      <c r="P6" s="143">
        <v>1</v>
      </c>
      <c r="Q6" s="140">
        <v>0</v>
      </c>
      <c r="R6" s="138">
        <v>7</v>
      </c>
      <c r="S6" s="138">
        <v>30</v>
      </c>
      <c r="T6" s="138">
        <v>53</v>
      </c>
      <c r="U6" s="138">
        <v>111</v>
      </c>
      <c r="V6" s="138">
        <v>176</v>
      </c>
      <c r="W6" s="143">
        <v>377</v>
      </c>
      <c r="X6" s="142">
        <v>378</v>
      </c>
      <c r="Y6" s="137">
        <v>209</v>
      </c>
      <c r="Z6" s="138">
        <v>470</v>
      </c>
      <c r="AA6" s="143">
        <v>679</v>
      </c>
      <c r="AB6" s="140">
        <v>0</v>
      </c>
      <c r="AC6" s="138">
        <v>994</v>
      </c>
      <c r="AD6" s="138">
        <v>1518</v>
      </c>
      <c r="AE6" s="138">
        <v>797</v>
      </c>
      <c r="AF6" s="138">
        <v>587</v>
      </c>
      <c r="AG6" s="138">
        <v>378</v>
      </c>
      <c r="AH6" s="143">
        <v>4274</v>
      </c>
      <c r="AI6" s="142">
        <v>4953</v>
      </c>
      <c r="AJ6" s="137">
        <v>24</v>
      </c>
      <c r="AK6" s="138">
        <v>50</v>
      </c>
      <c r="AL6" s="143">
        <v>74</v>
      </c>
      <c r="AM6" s="140">
        <v>0</v>
      </c>
      <c r="AN6" s="138">
        <v>96</v>
      </c>
      <c r="AO6" s="138">
        <v>121</v>
      </c>
      <c r="AP6" s="138">
        <v>85</v>
      </c>
      <c r="AQ6" s="138">
        <v>51</v>
      </c>
      <c r="AR6" s="138">
        <v>38</v>
      </c>
      <c r="AS6" s="143">
        <v>391</v>
      </c>
      <c r="AT6" s="142">
        <v>465</v>
      </c>
      <c r="AU6" s="137">
        <v>299</v>
      </c>
      <c r="AV6" s="138">
        <v>403</v>
      </c>
      <c r="AW6" s="143">
        <v>702</v>
      </c>
      <c r="AX6" s="140">
        <v>0</v>
      </c>
      <c r="AY6" s="138">
        <v>1534</v>
      </c>
      <c r="AZ6" s="138">
        <v>1861</v>
      </c>
      <c r="BA6" s="138">
        <v>1513</v>
      </c>
      <c r="BB6" s="138">
        <v>1399</v>
      </c>
      <c r="BC6" s="138">
        <v>856</v>
      </c>
      <c r="BD6" s="141">
        <v>7163</v>
      </c>
      <c r="BE6" s="142">
        <v>7865</v>
      </c>
      <c r="BF6" s="137">
        <v>0</v>
      </c>
      <c r="BG6" s="138">
        <v>0</v>
      </c>
      <c r="BH6" s="143">
        <v>0</v>
      </c>
      <c r="BI6" s="140">
        <v>0</v>
      </c>
      <c r="BJ6" s="138">
        <v>1712</v>
      </c>
      <c r="BK6" s="138">
        <v>1517</v>
      </c>
      <c r="BL6" s="138">
        <v>765</v>
      </c>
      <c r="BM6" s="138">
        <v>356</v>
      </c>
      <c r="BN6" s="138">
        <v>156</v>
      </c>
      <c r="BO6" s="143">
        <v>4506</v>
      </c>
      <c r="BP6" s="142">
        <v>4506</v>
      </c>
      <c r="BQ6" s="137">
        <v>147</v>
      </c>
      <c r="BR6" s="138">
        <v>197</v>
      </c>
      <c r="BS6" s="143">
        <v>344</v>
      </c>
      <c r="BT6" s="140">
        <v>0</v>
      </c>
      <c r="BU6" s="138">
        <v>396</v>
      </c>
      <c r="BV6" s="138">
        <v>532</v>
      </c>
      <c r="BW6" s="138">
        <v>295</v>
      </c>
      <c r="BX6" s="138">
        <v>154</v>
      </c>
      <c r="BY6" s="138">
        <v>50</v>
      </c>
      <c r="BZ6" s="143">
        <v>1427</v>
      </c>
      <c r="CA6" s="142">
        <v>1771</v>
      </c>
      <c r="CB6" s="137">
        <v>6</v>
      </c>
      <c r="CC6" s="138">
        <v>21</v>
      </c>
      <c r="CD6" s="143">
        <v>27</v>
      </c>
      <c r="CE6" s="140">
        <v>0</v>
      </c>
      <c r="CF6" s="138">
        <v>188</v>
      </c>
      <c r="CG6" s="138">
        <v>289</v>
      </c>
      <c r="CH6" s="138">
        <v>316</v>
      </c>
      <c r="CI6" s="138">
        <v>190</v>
      </c>
      <c r="CJ6" s="138">
        <v>95</v>
      </c>
      <c r="CK6" s="143">
        <v>1078</v>
      </c>
      <c r="CL6" s="142">
        <v>1105</v>
      </c>
      <c r="CM6" s="137">
        <v>0</v>
      </c>
      <c r="CN6" s="138">
        <v>1</v>
      </c>
      <c r="CO6" s="143">
        <v>1</v>
      </c>
      <c r="CP6" s="140">
        <v>0</v>
      </c>
      <c r="CQ6" s="138">
        <v>27</v>
      </c>
      <c r="CR6" s="138">
        <v>57</v>
      </c>
      <c r="CS6" s="138">
        <v>51</v>
      </c>
      <c r="CT6" s="138">
        <v>41</v>
      </c>
      <c r="CU6" s="138">
        <v>25</v>
      </c>
      <c r="CV6" s="143">
        <v>201</v>
      </c>
      <c r="CW6" s="142">
        <v>202</v>
      </c>
      <c r="CX6" s="137">
        <v>0</v>
      </c>
      <c r="CY6" s="138">
        <v>0</v>
      </c>
      <c r="CZ6" s="143">
        <v>0</v>
      </c>
      <c r="DA6" s="140">
        <v>0</v>
      </c>
      <c r="DB6" s="138">
        <v>0</v>
      </c>
      <c r="DC6" s="138">
        <v>0</v>
      </c>
      <c r="DD6" s="138">
        <v>0</v>
      </c>
      <c r="DE6" s="138">
        <v>0</v>
      </c>
      <c r="DF6" s="138">
        <v>0</v>
      </c>
      <c r="DG6" s="143">
        <v>0</v>
      </c>
      <c r="DH6" s="142">
        <v>0</v>
      </c>
      <c r="DI6" s="137">
        <v>0</v>
      </c>
      <c r="DJ6" s="138">
        <v>0</v>
      </c>
      <c r="DK6" s="143">
        <v>0</v>
      </c>
      <c r="DL6" s="140">
        <v>0</v>
      </c>
      <c r="DM6" s="138">
        <v>0</v>
      </c>
      <c r="DN6" s="138">
        <v>0</v>
      </c>
      <c r="DO6" s="138">
        <v>0</v>
      </c>
      <c r="DP6" s="138">
        <v>0</v>
      </c>
      <c r="DQ6" s="138">
        <v>0</v>
      </c>
      <c r="DR6" s="143">
        <v>0</v>
      </c>
      <c r="DS6" s="142">
        <v>0</v>
      </c>
      <c r="DT6" s="137">
        <v>667</v>
      </c>
      <c r="DU6" s="138">
        <v>1436</v>
      </c>
      <c r="DV6" s="143">
        <v>2103</v>
      </c>
      <c r="DW6" s="140">
        <v>0</v>
      </c>
      <c r="DX6" s="138">
        <v>1922</v>
      </c>
      <c r="DY6" s="138">
        <v>3341</v>
      </c>
      <c r="DZ6" s="138">
        <v>1826</v>
      </c>
      <c r="EA6" s="138">
        <v>1235</v>
      </c>
      <c r="EB6" s="138">
        <v>744</v>
      </c>
      <c r="EC6" s="143">
        <v>9068</v>
      </c>
      <c r="ED6" s="142">
        <v>11171</v>
      </c>
      <c r="EE6" s="137">
        <v>173</v>
      </c>
      <c r="EF6" s="138">
        <v>135</v>
      </c>
      <c r="EG6" s="143">
        <v>308</v>
      </c>
      <c r="EH6" s="140">
        <v>0</v>
      </c>
      <c r="EI6" s="138">
        <v>594</v>
      </c>
      <c r="EJ6" s="138">
        <v>589</v>
      </c>
      <c r="EK6" s="138">
        <v>449</v>
      </c>
      <c r="EL6" s="138">
        <v>508</v>
      </c>
      <c r="EM6" s="138">
        <v>234</v>
      </c>
      <c r="EN6" s="143">
        <v>2374</v>
      </c>
      <c r="EO6" s="142">
        <v>2682</v>
      </c>
      <c r="EP6" s="137">
        <v>965</v>
      </c>
      <c r="EQ6" s="138">
        <v>1821</v>
      </c>
      <c r="ER6" s="143">
        <v>2786</v>
      </c>
      <c r="ES6" s="140">
        <v>0</v>
      </c>
      <c r="ET6" s="138">
        <v>4432</v>
      </c>
      <c r="EU6" s="138">
        <v>4584</v>
      </c>
      <c r="EV6" s="138">
        <v>2214</v>
      </c>
      <c r="EW6" s="138">
        <v>1328</v>
      </c>
      <c r="EX6" s="138">
        <v>735</v>
      </c>
      <c r="EY6" s="143">
        <v>13293</v>
      </c>
      <c r="EZ6" s="142">
        <v>16079</v>
      </c>
    </row>
    <row r="7" spans="2:156" ht="21" customHeight="1" x14ac:dyDescent="0.2">
      <c r="B7" s="144" t="s">
        <v>5</v>
      </c>
      <c r="C7" s="145">
        <v>0</v>
      </c>
      <c r="D7" s="146">
        <v>0</v>
      </c>
      <c r="E7" s="147">
        <v>0</v>
      </c>
      <c r="F7" s="148">
        <v>0</v>
      </c>
      <c r="G7" s="146">
        <v>499</v>
      </c>
      <c r="H7" s="146">
        <v>707</v>
      </c>
      <c r="I7" s="146">
        <v>359</v>
      </c>
      <c r="J7" s="146">
        <v>253</v>
      </c>
      <c r="K7" s="146">
        <v>167</v>
      </c>
      <c r="L7" s="149">
        <v>1985</v>
      </c>
      <c r="M7" s="150">
        <v>1985</v>
      </c>
      <c r="N7" s="145">
        <v>0</v>
      </c>
      <c r="O7" s="146">
        <v>1</v>
      </c>
      <c r="P7" s="151">
        <v>1</v>
      </c>
      <c r="Q7" s="148">
        <v>0</v>
      </c>
      <c r="R7" s="146">
        <v>4</v>
      </c>
      <c r="S7" s="146">
        <v>15</v>
      </c>
      <c r="T7" s="146">
        <v>23</v>
      </c>
      <c r="U7" s="146">
        <v>54</v>
      </c>
      <c r="V7" s="146">
        <v>82</v>
      </c>
      <c r="W7" s="151">
        <v>178</v>
      </c>
      <c r="X7" s="150">
        <v>179</v>
      </c>
      <c r="Y7" s="145">
        <v>88</v>
      </c>
      <c r="Z7" s="146">
        <v>267</v>
      </c>
      <c r="AA7" s="151">
        <v>355</v>
      </c>
      <c r="AB7" s="148">
        <v>0</v>
      </c>
      <c r="AC7" s="146">
        <v>394</v>
      </c>
      <c r="AD7" s="146">
        <v>797</v>
      </c>
      <c r="AE7" s="146">
        <v>409</v>
      </c>
      <c r="AF7" s="146">
        <v>293</v>
      </c>
      <c r="AG7" s="146">
        <v>163</v>
      </c>
      <c r="AH7" s="151">
        <v>2056</v>
      </c>
      <c r="AI7" s="150">
        <v>2411</v>
      </c>
      <c r="AJ7" s="145">
        <v>9</v>
      </c>
      <c r="AK7" s="146">
        <v>25</v>
      </c>
      <c r="AL7" s="151">
        <v>34</v>
      </c>
      <c r="AM7" s="148">
        <v>0</v>
      </c>
      <c r="AN7" s="146">
        <v>28</v>
      </c>
      <c r="AO7" s="146">
        <v>47</v>
      </c>
      <c r="AP7" s="146">
        <v>41</v>
      </c>
      <c r="AQ7" s="146">
        <v>25</v>
      </c>
      <c r="AR7" s="146">
        <v>15</v>
      </c>
      <c r="AS7" s="151">
        <v>156</v>
      </c>
      <c r="AT7" s="150">
        <v>190</v>
      </c>
      <c r="AU7" s="145">
        <v>117</v>
      </c>
      <c r="AV7" s="146">
        <v>219</v>
      </c>
      <c r="AW7" s="151">
        <v>336</v>
      </c>
      <c r="AX7" s="148">
        <v>0</v>
      </c>
      <c r="AY7" s="146">
        <v>560</v>
      </c>
      <c r="AZ7" s="146">
        <v>870</v>
      </c>
      <c r="BA7" s="146">
        <v>680</v>
      </c>
      <c r="BB7" s="146">
        <v>622</v>
      </c>
      <c r="BC7" s="146">
        <v>369</v>
      </c>
      <c r="BD7" s="149">
        <v>3101</v>
      </c>
      <c r="BE7" s="150">
        <v>3437</v>
      </c>
      <c r="BF7" s="145">
        <v>0</v>
      </c>
      <c r="BG7" s="146">
        <v>0</v>
      </c>
      <c r="BH7" s="151">
        <v>0</v>
      </c>
      <c r="BI7" s="148">
        <v>0</v>
      </c>
      <c r="BJ7" s="146">
        <v>597</v>
      </c>
      <c r="BK7" s="146">
        <v>624</v>
      </c>
      <c r="BL7" s="146">
        <v>319</v>
      </c>
      <c r="BM7" s="146">
        <v>145</v>
      </c>
      <c r="BN7" s="146">
        <v>76</v>
      </c>
      <c r="BO7" s="151">
        <v>1761</v>
      </c>
      <c r="BP7" s="150">
        <v>1761</v>
      </c>
      <c r="BQ7" s="145">
        <v>67</v>
      </c>
      <c r="BR7" s="146">
        <v>100</v>
      </c>
      <c r="BS7" s="151">
        <v>167</v>
      </c>
      <c r="BT7" s="148">
        <v>0</v>
      </c>
      <c r="BU7" s="146">
        <v>143</v>
      </c>
      <c r="BV7" s="146">
        <v>240</v>
      </c>
      <c r="BW7" s="146">
        <v>154</v>
      </c>
      <c r="BX7" s="146">
        <v>75</v>
      </c>
      <c r="BY7" s="146">
        <v>21</v>
      </c>
      <c r="BZ7" s="151">
        <v>633</v>
      </c>
      <c r="CA7" s="150">
        <v>800</v>
      </c>
      <c r="CB7" s="145">
        <v>3</v>
      </c>
      <c r="CC7" s="146">
        <v>8</v>
      </c>
      <c r="CD7" s="151">
        <v>11</v>
      </c>
      <c r="CE7" s="148">
        <v>0</v>
      </c>
      <c r="CF7" s="146">
        <v>59</v>
      </c>
      <c r="CG7" s="146">
        <v>104</v>
      </c>
      <c r="CH7" s="146">
        <v>143</v>
      </c>
      <c r="CI7" s="146">
        <v>72</v>
      </c>
      <c r="CJ7" s="146">
        <v>36</v>
      </c>
      <c r="CK7" s="151">
        <v>414</v>
      </c>
      <c r="CL7" s="150">
        <v>425</v>
      </c>
      <c r="CM7" s="145">
        <v>0</v>
      </c>
      <c r="CN7" s="146">
        <v>1</v>
      </c>
      <c r="CO7" s="151">
        <v>1</v>
      </c>
      <c r="CP7" s="148">
        <v>0</v>
      </c>
      <c r="CQ7" s="146">
        <v>15</v>
      </c>
      <c r="CR7" s="146">
        <v>34</v>
      </c>
      <c r="CS7" s="146">
        <v>28</v>
      </c>
      <c r="CT7" s="146">
        <v>22</v>
      </c>
      <c r="CU7" s="146">
        <v>18</v>
      </c>
      <c r="CV7" s="151">
        <v>117</v>
      </c>
      <c r="CW7" s="150">
        <v>118</v>
      </c>
      <c r="CX7" s="145">
        <v>0</v>
      </c>
      <c r="CY7" s="146">
        <v>0</v>
      </c>
      <c r="CZ7" s="151">
        <v>0</v>
      </c>
      <c r="DA7" s="148">
        <v>0</v>
      </c>
      <c r="DB7" s="146">
        <v>0</v>
      </c>
      <c r="DC7" s="146">
        <v>0</v>
      </c>
      <c r="DD7" s="146">
        <v>0</v>
      </c>
      <c r="DE7" s="146">
        <v>0</v>
      </c>
      <c r="DF7" s="146">
        <v>0</v>
      </c>
      <c r="DG7" s="151">
        <v>0</v>
      </c>
      <c r="DH7" s="150">
        <v>0</v>
      </c>
      <c r="DI7" s="145">
        <v>0</v>
      </c>
      <c r="DJ7" s="146">
        <v>0</v>
      </c>
      <c r="DK7" s="151">
        <v>0</v>
      </c>
      <c r="DL7" s="148">
        <v>0</v>
      </c>
      <c r="DM7" s="146">
        <v>0</v>
      </c>
      <c r="DN7" s="146">
        <v>0</v>
      </c>
      <c r="DO7" s="146">
        <v>0</v>
      </c>
      <c r="DP7" s="146">
        <v>0</v>
      </c>
      <c r="DQ7" s="146">
        <v>0</v>
      </c>
      <c r="DR7" s="151">
        <v>0</v>
      </c>
      <c r="DS7" s="150">
        <v>0</v>
      </c>
      <c r="DT7" s="145">
        <v>213</v>
      </c>
      <c r="DU7" s="146">
        <v>682</v>
      </c>
      <c r="DV7" s="151">
        <v>895</v>
      </c>
      <c r="DW7" s="148">
        <v>0</v>
      </c>
      <c r="DX7" s="146">
        <v>604</v>
      </c>
      <c r="DY7" s="146">
        <v>1562</v>
      </c>
      <c r="DZ7" s="146">
        <v>840</v>
      </c>
      <c r="EA7" s="146">
        <v>556</v>
      </c>
      <c r="EB7" s="146">
        <v>328</v>
      </c>
      <c r="EC7" s="151">
        <v>3890</v>
      </c>
      <c r="ED7" s="150">
        <v>4785</v>
      </c>
      <c r="EE7" s="145">
        <v>67</v>
      </c>
      <c r="EF7" s="146">
        <v>69</v>
      </c>
      <c r="EG7" s="151">
        <v>136</v>
      </c>
      <c r="EH7" s="148">
        <v>0</v>
      </c>
      <c r="EI7" s="146">
        <v>217</v>
      </c>
      <c r="EJ7" s="146">
        <v>278</v>
      </c>
      <c r="EK7" s="146">
        <v>214</v>
      </c>
      <c r="EL7" s="146">
        <v>236</v>
      </c>
      <c r="EM7" s="146">
        <v>104</v>
      </c>
      <c r="EN7" s="151">
        <v>1049</v>
      </c>
      <c r="EO7" s="150">
        <v>1185</v>
      </c>
      <c r="EP7" s="145">
        <v>355</v>
      </c>
      <c r="EQ7" s="146">
        <v>887</v>
      </c>
      <c r="ER7" s="151">
        <v>1242</v>
      </c>
      <c r="ES7" s="148">
        <v>0</v>
      </c>
      <c r="ET7" s="146">
        <v>1594</v>
      </c>
      <c r="EU7" s="146">
        <v>2150</v>
      </c>
      <c r="EV7" s="146">
        <v>1038</v>
      </c>
      <c r="EW7" s="146">
        <v>604</v>
      </c>
      <c r="EX7" s="146">
        <v>324</v>
      </c>
      <c r="EY7" s="151">
        <v>5710</v>
      </c>
      <c r="EZ7" s="150">
        <v>6952</v>
      </c>
    </row>
    <row r="8" spans="2:156" ht="21" customHeight="1" x14ac:dyDescent="0.2">
      <c r="B8" s="152" t="s">
        <v>6</v>
      </c>
      <c r="C8" s="145">
        <v>0</v>
      </c>
      <c r="D8" s="146">
        <v>0</v>
      </c>
      <c r="E8" s="147">
        <v>0</v>
      </c>
      <c r="F8" s="148">
        <v>0</v>
      </c>
      <c r="G8" s="146">
        <v>158</v>
      </c>
      <c r="H8" s="146">
        <v>168</v>
      </c>
      <c r="I8" s="146">
        <v>70</v>
      </c>
      <c r="J8" s="146">
        <v>72</v>
      </c>
      <c r="K8" s="146">
        <v>50</v>
      </c>
      <c r="L8" s="149">
        <v>518</v>
      </c>
      <c r="M8" s="150">
        <v>518</v>
      </c>
      <c r="N8" s="145">
        <v>0</v>
      </c>
      <c r="O8" s="146">
        <v>0</v>
      </c>
      <c r="P8" s="151">
        <v>0</v>
      </c>
      <c r="Q8" s="148">
        <v>0</v>
      </c>
      <c r="R8" s="146">
        <v>2</v>
      </c>
      <c r="S8" s="146">
        <v>1</v>
      </c>
      <c r="T8" s="146">
        <v>3</v>
      </c>
      <c r="U8" s="146">
        <v>11</v>
      </c>
      <c r="V8" s="146">
        <v>24</v>
      </c>
      <c r="W8" s="151">
        <v>41</v>
      </c>
      <c r="X8" s="150">
        <v>41</v>
      </c>
      <c r="Y8" s="145">
        <v>28</v>
      </c>
      <c r="Z8" s="146">
        <v>49</v>
      </c>
      <c r="AA8" s="151">
        <v>77</v>
      </c>
      <c r="AB8" s="148">
        <v>0</v>
      </c>
      <c r="AC8" s="146">
        <v>153</v>
      </c>
      <c r="AD8" s="146">
        <v>179</v>
      </c>
      <c r="AE8" s="146">
        <v>79</v>
      </c>
      <c r="AF8" s="146">
        <v>64</v>
      </c>
      <c r="AG8" s="146">
        <v>50</v>
      </c>
      <c r="AH8" s="151">
        <v>525</v>
      </c>
      <c r="AI8" s="150">
        <v>602</v>
      </c>
      <c r="AJ8" s="145">
        <v>4</v>
      </c>
      <c r="AK8" s="146">
        <v>1</v>
      </c>
      <c r="AL8" s="151">
        <v>5</v>
      </c>
      <c r="AM8" s="148">
        <v>0</v>
      </c>
      <c r="AN8" s="146">
        <v>9</v>
      </c>
      <c r="AO8" s="146">
        <v>14</v>
      </c>
      <c r="AP8" s="146">
        <v>5</v>
      </c>
      <c r="AQ8" s="146">
        <v>2</v>
      </c>
      <c r="AR8" s="146">
        <v>5</v>
      </c>
      <c r="AS8" s="151">
        <v>35</v>
      </c>
      <c r="AT8" s="150">
        <v>40</v>
      </c>
      <c r="AU8" s="145">
        <v>48</v>
      </c>
      <c r="AV8" s="146">
        <v>54</v>
      </c>
      <c r="AW8" s="151">
        <v>102</v>
      </c>
      <c r="AX8" s="148">
        <v>0</v>
      </c>
      <c r="AY8" s="146">
        <v>252</v>
      </c>
      <c r="AZ8" s="146">
        <v>234</v>
      </c>
      <c r="BA8" s="146">
        <v>198</v>
      </c>
      <c r="BB8" s="146">
        <v>178</v>
      </c>
      <c r="BC8" s="146">
        <v>122</v>
      </c>
      <c r="BD8" s="149">
        <v>984</v>
      </c>
      <c r="BE8" s="150">
        <v>1086</v>
      </c>
      <c r="BF8" s="145">
        <v>0</v>
      </c>
      <c r="BG8" s="146">
        <v>0</v>
      </c>
      <c r="BH8" s="151">
        <v>0</v>
      </c>
      <c r="BI8" s="148">
        <v>0</v>
      </c>
      <c r="BJ8" s="146">
        <v>230</v>
      </c>
      <c r="BK8" s="146">
        <v>208</v>
      </c>
      <c r="BL8" s="146">
        <v>78</v>
      </c>
      <c r="BM8" s="146">
        <v>50</v>
      </c>
      <c r="BN8" s="146">
        <v>13</v>
      </c>
      <c r="BO8" s="151">
        <v>579</v>
      </c>
      <c r="BP8" s="150">
        <v>579</v>
      </c>
      <c r="BQ8" s="145">
        <v>13</v>
      </c>
      <c r="BR8" s="146">
        <v>9</v>
      </c>
      <c r="BS8" s="151">
        <v>22</v>
      </c>
      <c r="BT8" s="148">
        <v>0</v>
      </c>
      <c r="BU8" s="146">
        <v>43</v>
      </c>
      <c r="BV8" s="146">
        <v>61</v>
      </c>
      <c r="BW8" s="146">
        <v>29</v>
      </c>
      <c r="BX8" s="146">
        <v>17</v>
      </c>
      <c r="BY8" s="146">
        <v>9</v>
      </c>
      <c r="BZ8" s="151">
        <v>159</v>
      </c>
      <c r="CA8" s="150">
        <v>181</v>
      </c>
      <c r="CB8" s="145">
        <v>1</v>
      </c>
      <c r="CC8" s="146">
        <v>1</v>
      </c>
      <c r="CD8" s="151">
        <v>2</v>
      </c>
      <c r="CE8" s="148">
        <v>0</v>
      </c>
      <c r="CF8" s="146">
        <v>21</v>
      </c>
      <c r="CG8" s="146">
        <v>38</v>
      </c>
      <c r="CH8" s="146">
        <v>35</v>
      </c>
      <c r="CI8" s="146">
        <v>19</v>
      </c>
      <c r="CJ8" s="146">
        <v>13</v>
      </c>
      <c r="CK8" s="151">
        <v>126</v>
      </c>
      <c r="CL8" s="150">
        <v>128</v>
      </c>
      <c r="CM8" s="145">
        <v>0</v>
      </c>
      <c r="CN8" s="146">
        <v>0</v>
      </c>
      <c r="CO8" s="151">
        <v>0</v>
      </c>
      <c r="CP8" s="148">
        <v>0</v>
      </c>
      <c r="CQ8" s="146">
        <v>3</v>
      </c>
      <c r="CR8" s="146">
        <v>9</v>
      </c>
      <c r="CS8" s="146">
        <v>4</v>
      </c>
      <c r="CT8" s="146">
        <v>11</v>
      </c>
      <c r="CU8" s="146">
        <v>4</v>
      </c>
      <c r="CV8" s="151">
        <v>31</v>
      </c>
      <c r="CW8" s="150">
        <v>31</v>
      </c>
      <c r="CX8" s="145">
        <v>0</v>
      </c>
      <c r="CY8" s="146">
        <v>0</v>
      </c>
      <c r="CZ8" s="151">
        <v>0</v>
      </c>
      <c r="DA8" s="148">
        <v>0</v>
      </c>
      <c r="DB8" s="146">
        <v>0</v>
      </c>
      <c r="DC8" s="146">
        <v>0</v>
      </c>
      <c r="DD8" s="146">
        <v>0</v>
      </c>
      <c r="DE8" s="146">
        <v>0</v>
      </c>
      <c r="DF8" s="146">
        <v>0</v>
      </c>
      <c r="DG8" s="151">
        <v>0</v>
      </c>
      <c r="DH8" s="150">
        <v>0</v>
      </c>
      <c r="DI8" s="145">
        <v>0</v>
      </c>
      <c r="DJ8" s="146">
        <v>0</v>
      </c>
      <c r="DK8" s="151">
        <v>0</v>
      </c>
      <c r="DL8" s="148">
        <v>0</v>
      </c>
      <c r="DM8" s="146">
        <v>0</v>
      </c>
      <c r="DN8" s="146">
        <v>0</v>
      </c>
      <c r="DO8" s="146">
        <v>0</v>
      </c>
      <c r="DP8" s="146">
        <v>0</v>
      </c>
      <c r="DQ8" s="146">
        <v>0</v>
      </c>
      <c r="DR8" s="151">
        <v>0</v>
      </c>
      <c r="DS8" s="150">
        <v>0</v>
      </c>
      <c r="DT8" s="145">
        <v>78</v>
      </c>
      <c r="DU8" s="146">
        <v>158</v>
      </c>
      <c r="DV8" s="151">
        <v>236</v>
      </c>
      <c r="DW8" s="148">
        <v>0</v>
      </c>
      <c r="DX8" s="146">
        <v>273</v>
      </c>
      <c r="DY8" s="146">
        <v>375</v>
      </c>
      <c r="DZ8" s="146">
        <v>203</v>
      </c>
      <c r="EA8" s="146">
        <v>153</v>
      </c>
      <c r="EB8" s="146">
        <v>99</v>
      </c>
      <c r="EC8" s="151">
        <v>1103</v>
      </c>
      <c r="ED8" s="150">
        <v>1339</v>
      </c>
      <c r="EE8" s="145">
        <v>30</v>
      </c>
      <c r="EF8" s="146">
        <v>14</v>
      </c>
      <c r="EG8" s="151">
        <v>44</v>
      </c>
      <c r="EH8" s="148">
        <v>0</v>
      </c>
      <c r="EI8" s="146">
        <v>92</v>
      </c>
      <c r="EJ8" s="146">
        <v>73</v>
      </c>
      <c r="EK8" s="146">
        <v>60</v>
      </c>
      <c r="EL8" s="146">
        <v>62</v>
      </c>
      <c r="EM8" s="146">
        <v>35</v>
      </c>
      <c r="EN8" s="151">
        <v>322</v>
      </c>
      <c r="EO8" s="150">
        <v>366</v>
      </c>
      <c r="EP8" s="145">
        <v>111</v>
      </c>
      <c r="EQ8" s="146">
        <v>185</v>
      </c>
      <c r="ER8" s="151">
        <v>296</v>
      </c>
      <c r="ES8" s="148">
        <v>0</v>
      </c>
      <c r="ET8" s="146">
        <v>584</v>
      </c>
      <c r="EU8" s="146">
        <v>531</v>
      </c>
      <c r="EV8" s="146">
        <v>228</v>
      </c>
      <c r="EW8" s="146">
        <v>164</v>
      </c>
      <c r="EX8" s="146">
        <v>98</v>
      </c>
      <c r="EY8" s="151">
        <v>1605</v>
      </c>
      <c r="EZ8" s="150">
        <v>1901</v>
      </c>
    </row>
    <row r="9" spans="2:156" ht="21" customHeight="1" x14ac:dyDescent="0.2">
      <c r="B9" s="152" t="s">
        <v>14</v>
      </c>
      <c r="C9" s="145">
        <v>0</v>
      </c>
      <c r="D9" s="146">
        <v>0</v>
      </c>
      <c r="E9" s="147">
        <v>0</v>
      </c>
      <c r="F9" s="148">
        <v>0</v>
      </c>
      <c r="G9" s="146">
        <v>55</v>
      </c>
      <c r="H9" s="146">
        <v>108</v>
      </c>
      <c r="I9" s="146">
        <v>52</v>
      </c>
      <c r="J9" s="146">
        <v>27</v>
      </c>
      <c r="K9" s="146">
        <v>32</v>
      </c>
      <c r="L9" s="149">
        <v>274</v>
      </c>
      <c r="M9" s="150">
        <v>274</v>
      </c>
      <c r="N9" s="145">
        <v>0</v>
      </c>
      <c r="O9" s="146">
        <v>0</v>
      </c>
      <c r="P9" s="151">
        <v>0</v>
      </c>
      <c r="Q9" s="148">
        <v>0</v>
      </c>
      <c r="R9" s="146">
        <v>0</v>
      </c>
      <c r="S9" s="146">
        <v>1</v>
      </c>
      <c r="T9" s="146">
        <v>2</v>
      </c>
      <c r="U9" s="146">
        <v>6</v>
      </c>
      <c r="V9" s="146">
        <v>5</v>
      </c>
      <c r="W9" s="151">
        <v>14</v>
      </c>
      <c r="X9" s="150">
        <v>14</v>
      </c>
      <c r="Y9" s="145">
        <v>12</v>
      </c>
      <c r="Z9" s="146">
        <v>32</v>
      </c>
      <c r="AA9" s="151">
        <v>44</v>
      </c>
      <c r="AB9" s="148">
        <v>0</v>
      </c>
      <c r="AC9" s="146">
        <v>50</v>
      </c>
      <c r="AD9" s="146">
        <v>114</v>
      </c>
      <c r="AE9" s="146">
        <v>56</v>
      </c>
      <c r="AF9" s="146">
        <v>37</v>
      </c>
      <c r="AG9" s="146">
        <v>27</v>
      </c>
      <c r="AH9" s="151">
        <v>284</v>
      </c>
      <c r="AI9" s="150">
        <v>328</v>
      </c>
      <c r="AJ9" s="145">
        <v>2</v>
      </c>
      <c r="AK9" s="146">
        <v>2</v>
      </c>
      <c r="AL9" s="151">
        <v>4</v>
      </c>
      <c r="AM9" s="148">
        <v>0</v>
      </c>
      <c r="AN9" s="146">
        <v>2</v>
      </c>
      <c r="AO9" s="146">
        <v>4</v>
      </c>
      <c r="AP9" s="146">
        <v>2</v>
      </c>
      <c r="AQ9" s="146">
        <v>4</v>
      </c>
      <c r="AR9" s="146">
        <v>0</v>
      </c>
      <c r="AS9" s="151">
        <v>12</v>
      </c>
      <c r="AT9" s="150">
        <v>16</v>
      </c>
      <c r="AU9" s="145">
        <v>26</v>
      </c>
      <c r="AV9" s="146">
        <v>23</v>
      </c>
      <c r="AW9" s="151">
        <v>49</v>
      </c>
      <c r="AX9" s="148">
        <v>0</v>
      </c>
      <c r="AY9" s="146">
        <v>89</v>
      </c>
      <c r="AZ9" s="146">
        <v>136</v>
      </c>
      <c r="BA9" s="146">
        <v>108</v>
      </c>
      <c r="BB9" s="146">
        <v>98</v>
      </c>
      <c r="BC9" s="146">
        <v>66</v>
      </c>
      <c r="BD9" s="149">
        <v>497</v>
      </c>
      <c r="BE9" s="150">
        <v>546</v>
      </c>
      <c r="BF9" s="145">
        <v>0</v>
      </c>
      <c r="BG9" s="146">
        <v>0</v>
      </c>
      <c r="BH9" s="151">
        <v>0</v>
      </c>
      <c r="BI9" s="148">
        <v>0</v>
      </c>
      <c r="BJ9" s="146">
        <v>108</v>
      </c>
      <c r="BK9" s="146">
        <v>132</v>
      </c>
      <c r="BL9" s="146">
        <v>88</v>
      </c>
      <c r="BM9" s="146">
        <v>34</v>
      </c>
      <c r="BN9" s="146">
        <v>13</v>
      </c>
      <c r="BO9" s="151">
        <v>375</v>
      </c>
      <c r="BP9" s="150">
        <v>375</v>
      </c>
      <c r="BQ9" s="145">
        <v>6</v>
      </c>
      <c r="BR9" s="146">
        <v>11</v>
      </c>
      <c r="BS9" s="151">
        <v>17</v>
      </c>
      <c r="BT9" s="148">
        <v>0</v>
      </c>
      <c r="BU9" s="146">
        <v>8</v>
      </c>
      <c r="BV9" s="146">
        <v>29</v>
      </c>
      <c r="BW9" s="146">
        <v>14</v>
      </c>
      <c r="BX9" s="146">
        <v>11</v>
      </c>
      <c r="BY9" s="146">
        <v>2</v>
      </c>
      <c r="BZ9" s="151">
        <v>64</v>
      </c>
      <c r="CA9" s="150">
        <v>81</v>
      </c>
      <c r="CB9" s="145">
        <v>0</v>
      </c>
      <c r="CC9" s="146">
        <v>1</v>
      </c>
      <c r="CD9" s="151">
        <v>1</v>
      </c>
      <c r="CE9" s="148">
        <v>0</v>
      </c>
      <c r="CF9" s="146">
        <v>9</v>
      </c>
      <c r="CG9" s="146">
        <v>30</v>
      </c>
      <c r="CH9" s="146">
        <v>27</v>
      </c>
      <c r="CI9" s="146">
        <v>17</v>
      </c>
      <c r="CJ9" s="146">
        <v>9</v>
      </c>
      <c r="CK9" s="151">
        <v>92</v>
      </c>
      <c r="CL9" s="150">
        <v>93</v>
      </c>
      <c r="CM9" s="145">
        <v>0</v>
      </c>
      <c r="CN9" s="146">
        <v>0</v>
      </c>
      <c r="CO9" s="151">
        <v>0</v>
      </c>
      <c r="CP9" s="148">
        <v>0</v>
      </c>
      <c r="CQ9" s="146">
        <v>0</v>
      </c>
      <c r="CR9" s="146">
        <v>1</v>
      </c>
      <c r="CS9" s="146">
        <v>0</v>
      </c>
      <c r="CT9" s="146">
        <v>2</v>
      </c>
      <c r="CU9" s="146">
        <v>1</v>
      </c>
      <c r="CV9" s="151">
        <v>4</v>
      </c>
      <c r="CW9" s="150">
        <v>4</v>
      </c>
      <c r="CX9" s="145">
        <v>0</v>
      </c>
      <c r="CY9" s="146">
        <v>0</v>
      </c>
      <c r="CZ9" s="151">
        <v>0</v>
      </c>
      <c r="DA9" s="148">
        <v>0</v>
      </c>
      <c r="DB9" s="146">
        <v>0</v>
      </c>
      <c r="DC9" s="146">
        <v>0</v>
      </c>
      <c r="DD9" s="146">
        <v>0</v>
      </c>
      <c r="DE9" s="146">
        <v>0</v>
      </c>
      <c r="DF9" s="146">
        <v>0</v>
      </c>
      <c r="DG9" s="151">
        <v>0</v>
      </c>
      <c r="DH9" s="150">
        <v>0</v>
      </c>
      <c r="DI9" s="145">
        <v>0</v>
      </c>
      <c r="DJ9" s="146">
        <v>0</v>
      </c>
      <c r="DK9" s="151">
        <v>0</v>
      </c>
      <c r="DL9" s="148">
        <v>0</v>
      </c>
      <c r="DM9" s="146">
        <v>0</v>
      </c>
      <c r="DN9" s="146">
        <v>0</v>
      </c>
      <c r="DO9" s="146">
        <v>0</v>
      </c>
      <c r="DP9" s="146">
        <v>0</v>
      </c>
      <c r="DQ9" s="146">
        <v>0</v>
      </c>
      <c r="DR9" s="151">
        <v>0</v>
      </c>
      <c r="DS9" s="150">
        <v>0</v>
      </c>
      <c r="DT9" s="145">
        <v>39</v>
      </c>
      <c r="DU9" s="146">
        <v>119</v>
      </c>
      <c r="DV9" s="151">
        <v>158</v>
      </c>
      <c r="DW9" s="148">
        <v>0</v>
      </c>
      <c r="DX9" s="146">
        <v>112</v>
      </c>
      <c r="DY9" s="146">
        <v>268</v>
      </c>
      <c r="DZ9" s="146">
        <v>152</v>
      </c>
      <c r="EA9" s="146">
        <v>102</v>
      </c>
      <c r="EB9" s="146">
        <v>58</v>
      </c>
      <c r="EC9" s="151">
        <v>692</v>
      </c>
      <c r="ED9" s="150">
        <v>850</v>
      </c>
      <c r="EE9" s="145">
        <v>11</v>
      </c>
      <c r="EF9" s="146">
        <v>4</v>
      </c>
      <c r="EG9" s="151">
        <v>15</v>
      </c>
      <c r="EH9" s="148">
        <v>0</v>
      </c>
      <c r="EI9" s="146">
        <v>29</v>
      </c>
      <c r="EJ9" s="146">
        <v>33</v>
      </c>
      <c r="EK9" s="146">
        <v>25</v>
      </c>
      <c r="EL9" s="146">
        <v>19</v>
      </c>
      <c r="EM9" s="146">
        <v>13</v>
      </c>
      <c r="EN9" s="151">
        <v>119</v>
      </c>
      <c r="EO9" s="150">
        <v>134</v>
      </c>
      <c r="EP9" s="145">
        <v>57</v>
      </c>
      <c r="EQ9" s="146">
        <v>143</v>
      </c>
      <c r="ER9" s="151">
        <v>200</v>
      </c>
      <c r="ES9" s="148">
        <v>0</v>
      </c>
      <c r="ET9" s="146">
        <v>270</v>
      </c>
      <c r="EU9" s="146">
        <v>363</v>
      </c>
      <c r="EV9" s="146">
        <v>192</v>
      </c>
      <c r="EW9" s="146">
        <v>104</v>
      </c>
      <c r="EX9" s="146">
        <v>56</v>
      </c>
      <c r="EY9" s="151">
        <v>985</v>
      </c>
      <c r="EZ9" s="150">
        <v>1185</v>
      </c>
    </row>
    <row r="10" spans="2:156" ht="21" customHeight="1" x14ac:dyDescent="0.2">
      <c r="B10" s="152" t="s">
        <v>7</v>
      </c>
      <c r="C10" s="145">
        <v>0</v>
      </c>
      <c r="D10" s="146">
        <v>0</v>
      </c>
      <c r="E10" s="147">
        <v>0</v>
      </c>
      <c r="F10" s="148">
        <v>0</v>
      </c>
      <c r="G10" s="146">
        <v>111</v>
      </c>
      <c r="H10" s="146">
        <v>84</v>
      </c>
      <c r="I10" s="146">
        <v>37</v>
      </c>
      <c r="J10" s="146">
        <v>32</v>
      </c>
      <c r="K10" s="146">
        <v>23</v>
      </c>
      <c r="L10" s="149">
        <v>287</v>
      </c>
      <c r="M10" s="150">
        <v>287</v>
      </c>
      <c r="N10" s="145">
        <v>0</v>
      </c>
      <c r="O10" s="146">
        <v>0</v>
      </c>
      <c r="P10" s="151">
        <v>0</v>
      </c>
      <c r="Q10" s="148">
        <v>0</v>
      </c>
      <c r="R10" s="146">
        <v>0</v>
      </c>
      <c r="S10" s="146">
        <v>5</v>
      </c>
      <c r="T10" s="146">
        <v>5</v>
      </c>
      <c r="U10" s="146">
        <v>11</v>
      </c>
      <c r="V10" s="146">
        <v>11</v>
      </c>
      <c r="W10" s="151">
        <v>32</v>
      </c>
      <c r="X10" s="150">
        <v>32</v>
      </c>
      <c r="Y10" s="145">
        <v>1</v>
      </c>
      <c r="Z10" s="146">
        <v>2</v>
      </c>
      <c r="AA10" s="151">
        <v>3</v>
      </c>
      <c r="AB10" s="148">
        <v>0</v>
      </c>
      <c r="AC10" s="146">
        <v>49</v>
      </c>
      <c r="AD10" s="146">
        <v>56</v>
      </c>
      <c r="AE10" s="146">
        <v>21</v>
      </c>
      <c r="AF10" s="146">
        <v>24</v>
      </c>
      <c r="AG10" s="146">
        <v>22</v>
      </c>
      <c r="AH10" s="151">
        <v>172</v>
      </c>
      <c r="AI10" s="150">
        <v>175</v>
      </c>
      <c r="AJ10" s="145">
        <v>0</v>
      </c>
      <c r="AK10" s="146">
        <v>1</v>
      </c>
      <c r="AL10" s="151">
        <v>1</v>
      </c>
      <c r="AM10" s="148">
        <v>0</v>
      </c>
      <c r="AN10" s="146">
        <v>12</v>
      </c>
      <c r="AO10" s="146">
        <v>6</v>
      </c>
      <c r="AP10" s="146">
        <v>4</v>
      </c>
      <c r="AQ10" s="146">
        <v>4</v>
      </c>
      <c r="AR10" s="146">
        <v>1</v>
      </c>
      <c r="AS10" s="151">
        <v>27</v>
      </c>
      <c r="AT10" s="150">
        <v>28</v>
      </c>
      <c r="AU10" s="145">
        <v>27</v>
      </c>
      <c r="AV10" s="146">
        <v>17</v>
      </c>
      <c r="AW10" s="151">
        <v>44</v>
      </c>
      <c r="AX10" s="148">
        <v>0</v>
      </c>
      <c r="AY10" s="146">
        <v>133</v>
      </c>
      <c r="AZ10" s="146">
        <v>131</v>
      </c>
      <c r="BA10" s="146">
        <v>86</v>
      </c>
      <c r="BB10" s="146">
        <v>81</v>
      </c>
      <c r="BC10" s="146">
        <v>57</v>
      </c>
      <c r="BD10" s="149">
        <v>488</v>
      </c>
      <c r="BE10" s="150">
        <v>532</v>
      </c>
      <c r="BF10" s="145">
        <v>0</v>
      </c>
      <c r="BG10" s="146">
        <v>0</v>
      </c>
      <c r="BH10" s="151">
        <v>0</v>
      </c>
      <c r="BI10" s="148">
        <v>0</v>
      </c>
      <c r="BJ10" s="146">
        <v>160</v>
      </c>
      <c r="BK10" s="146">
        <v>86</v>
      </c>
      <c r="BL10" s="146">
        <v>44</v>
      </c>
      <c r="BM10" s="146">
        <v>20</v>
      </c>
      <c r="BN10" s="146">
        <v>13</v>
      </c>
      <c r="BO10" s="151">
        <v>323</v>
      </c>
      <c r="BP10" s="150">
        <v>323</v>
      </c>
      <c r="BQ10" s="145">
        <v>3</v>
      </c>
      <c r="BR10" s="146">
        <v>6</v>
      </c>
      <c r="BS10" s="151">
        <v>9</v>
      </c>
      <c r="BT10" s="148">
        <v>0</v>
      </c>
      <c r="BU10" s="146">
        <v>25</v>
      </c>
      <c r="BV10" s="146">
        <v>29</v>
      </c>
      <c r="BW10" s="146">
        <v>8</v>
      </c>
      <c r="BX10" s="146">
        <v>4</v>
      </c>
      <c r="BY10" s="146">
        <v>4</v>
      </c>
      <c r="BZ10" s="151">
        <v>70</v>
      </c>
      <c r="CA10" s="150">
        <v>79</v>
      </c>
      <c r="CB10" s="145">
        <v>0</v>
      </c>
      <c r="CC10" s="146">
        <v>0</v>
      </c>
      <c r="CD10" s="151">
        <v>0</v>
      </c>
      <c r="CE10" s="148">
        <v>0</v>
      </c>
      <c r="CF10" s="146">
        <v>27</v>
      </c>
      <c r="CG10" s="146">
        <v>28</v>
      </c>
      <c r="CH10" s="146">
        <v>24</v>
      </c>
      <c r="CI10" s="146">
        <v>20</v>
      </c>
      <c r="CJ10" s="146">
        <v>10</v>
      </c>
      <c r="CK10" s="151">
        <v>109</v>
      </c>
      <c r="CL10" s="150">
        <v>109</v>
      </c>
      <c r="CM10" s="145">
        <v>0</v>
      </c>
      <c r="CN10" s="146">
        <v>0</v>
      </c>
      <c r="CO10" s="151">
        <v>0</v>
      </c>
      <c r="CP10" s="148">
        <v>0</v>
      </c>
      <c r="CQ10" s="146">
        <v>0</v>
      </c>
      <c r="CR10" s="146">
        <v>4</v>
      </c>
      <c r="CS10" s="146">
        <v>5</v>
      </c>
      <c r="CT10" s="146">
        <v>0</v>
      </c>
      <c r="CU10" s="146">
        <v>0</v>
      </c>
      <c r="CV10" s="151">
        <v>9</v>
      </c>
      <c r="CW10" s="150">
        <v>9</v>
      </c>
      <c r="CX10" s="145">
        <v>0</v>
      </c>
      <c r="CY10" s="146">
        <v>0</v>
      </c>
      <c r="CZ10" s="151">
        <v>0</v>
      </c>
      <c r="DA10" s="148">
        <v>0</v>
      </c>
      <c r="DB10" s="146">
        <v>0</v>
      </c>
      <c r="DC10" s="146">
        <v>0</v>
      </c>
      <c r="DD10" s="146">
        <v>0</v>
      </c>
      <c r="DE10" s="146">
        <v>0</v>
      </c>
      <c r="DF10" s="146">
        <v>0</v>
      </c>
      <c r="DG10" s="151">
        <v>0</v>
      </c>
      <c r="DH10" s="150">
        <v>0</v>
      </c>
      <c r="DI10" s="145">
        <v>0</v>
      </c>
      <c r="DJ10" s="146">
        <v>0</v>
      </c>
      <c r="DK10" s="151">
        <v>0</v>
      </c>
      <c r="DL10" s="148">
        <v>0</v>
      </c>
      <c r="DM10" s="146">
        <v>0</v>
      </c>
      <c r="DN10" s="146">
        <v>0</v>
      </c>
      <c r="DO10" s="146">
        <v>0</v>
      </c>
      <c r="DP10" s="146">
        <v>0</v>
      </c>
      <c r="DQ10" s="146">
        <v>0</v>
      </c>
      <c r="DR10" s="151">
        <v>0</v>
      </c>
      <c r="DS10" s="150">
        <v>0</v>
      </c>
      <c r="DT10" s="145">
        <v>34</v>
      </c>
      <c r="DU10" s="146">
        <v>48</v>
      </c>
      <c r="DV10" s="151">
        <v>82</v>
      </c>
      <c r="DW10" s="148">
        <v>0</v>
      </c>
      <c r="DX10" s="146">
        <v>181</v>
      </c>
      <c r="DY10" s="146">
        <v>185</v>
      </c>
      <c r="DZ10" s="146">
        <v>90</v>
      </c>
      <c r="EA10" s="146">
        <v>62</v>
      </c>
      <c r="EB10" s="146">
        <v>40</v>
      </c>
      <c r="EC10" s="151">
        <v>558</v>
      </c>
      <c r="ED10" s="150">
        <v>640</v>
      </c>
      <c r="EE10" s="145">
        <v>20</v>
      </c>
      <c r="EF10" s="146">
        <v>14</v>
      </c>
      <c r="EG10" s="151">
        <v>34</v>
      </c>
      <c r="EH10" s="148">
        <v>0</v>
      </c>
      <c r="EI10" s="146">
        <v>53</v>
      </c>
      <c r="EJ10" s="146">
        <v>37</v>
      </c>
      <c r="EK10" s="146">
        <v>24</v>
      </c>
      <c r="EL10" s="146">
        <v>29</v>
      </c>
      <c r="EM10" s="146">
        <v>23</v>
      </c>
      <c r="EN10" s="151">
        <v>166</v>
      </c>
      <c r="EO10" s="150">
        <v>200</v>
      </c>
      <c r="EP10" s="145">
        <v>38</v>
      </c>
      <c r="EQ10" s="146">
        <v>52</v>
      </c>
      <c r="ER10" s="151">
        <v>90</v>
      </c>
      <c r="ES10" s="148">
        <v>0</v>
      </c>
      <c r="ET10" s="146">
        <v>390</v>
      </c>
      <c r="EU10" s="146">
        <v>254</v>
      </c>
      <c r="EV10" s="146">
        <v>113</v>
      </c>
      <c r="EW10" s="146">
        <v>78</v>
      </c>
      <c r="EX10" s="146">
        <v>43</v>
      </c>
      <c r="EY10" s="151">
        <v>878</v>
      </c>
      <c r="EZ10" s="150">
        <v>968</v>
      </c>
    </row>
    <row r="11" spans="2:156" ht="21" customHeight="1" x14ac:dyDescent="0.2">
      <c r="B11" s="152" t="s">
        <v>8</v>
      </c>
      <c r="C11" s="145">
        <v>0</v>
      </c>
      <c r="D11" s="146">
        <v>0</v>
      </c>
      <c r="E11" s="147">
        <v>0</v>
      </c>
      <c r="F11" s="148">
        <v>0</v>
      </c>
      <c r="G11" s="146">
        <v>24</v>
      </c>
      <c r="H11" s="146">
        <v>23</v>
      </c>
      <c r="I11" s="146">
        <v>21</v>
      </c>
      <c r="J11" s="146">
        <v>14</v>
      </c>
      <c r="K11" s="146">
        <v>12</v>
      </c>
      <c r="L11" s="149">
        <v>94</v>
      </c>
      <c r="M11" s="150">
        <v>94</v>
      </c>
      <c r="N11" s="145">
        <v>0</v>
      </c>
      <c r="O11" s="146">
        <v>0</v>
      </c>
      <c r="P11" s="151">
        <v>0</v>
      </c>
      <c r="Q11" s="148">
        <v>0</v>
      </c>
      <c r="R11" s="146">
        <v>1</v>
      </c>
      <c r="S11" s="146">
        <v>1</v>
      </c>
      <c r="T11" s="146">
        <v>3</v>
      </c>
      <c r="U11" s="146">
        <v>1</v>
      </c>
      <c r="V11" s="146">
        <v>6</v>
      </c>
      <c r="W11" s="151">
        <v>12</v>
      </c>
      <c r="X11" s="150">
        <v>12</v>
      </c>
      <c r="Y11" s="145">
        <v>3</v>
      </c>
      <c r="Z11" s="146">
        <v>3</v>
      </c>
      <c r="AA11" s="151">
        <v>6</v>
      </c>
      <c r="AB11" s="148">
        <v>0</v>
      </c>
      <c r="AC11" s="146">
        <v>26</v>
      </c>
      <c r="AD11" s="146">
        <v>29</v>
      </c>
      <c r="AE11" s="146">
        <v>26</v>
      </c>
      <c r="AF11" s="146">
        <v>18</v>
      </c>
      <c r="AG11" s="146">
        <v>10</v>
      </c>
      <c r="AH11" s="151">
        <v>109</v>
      </c>
      <c r="AI11" s="150">
        <v>115</v>
      </c>
      <c r="AJ11" s="145">
        <v>1</v>
      </c>
      <c r="AK11" s="146">
        <v>1</v>
      </c>
      <c r="AL11" s="151">
        <v>2</v>
      </c>
      <c r="AM11" s="148">
        <v>0</v>
      </c>
      <c r="AN11" s="146">
        <v>6</v>
      </c>
      <c r="AO11" s="146">
        <v>5</v>
      </c>
      <c r="AP11" s="146">
        <v>6</v>
      </c>
      <c r="AQ11" s="146">
        <v>2</v>
      </c>
      <c r="AR11" s="146">
        <v>1</v>
      </c>
      <c r="AS11" s="151">
        <v>20</v>
      </c>
      <c r="AT11" s="150">
        <v>22</v>
      </c>
      <c r="AU11" s="145">
        <v>7</v>
      </c>
      <c r="AV11" s="146">
        <v>5</v>
      </c>
      <c r="AW11" s="151">
        <v>12</v>
      </c>
      <c r="AX11" s="148">
        <v>0</v>
      </c>
      <c r="AY11" s="146">
        <v>40</v>
      </c>
      <c r="AZ11" s="146">
        <v>37</v>
      </c>
      <c r="BA11" s="146">
        <v>33</v>
      </c>
      <c r="BB11" s="146">
        <v>34</v>
      </c>
      <c r="BC11" s="146">
        <v>23</v>
      </c>
      <c r="BD11" s="149">
        <v>167</v>
      </c>
      <c r="BE11" s="150">
        <v>179</v>
      </c>
      <c r="BF11" s="145">
        <v>0</v>
      </c>
      <c r="BG11" s="146">
        <v>0</v>
      </c>
      <c r="BH11" s="151">
        <v>0</v>
      </c>
      <c r="BI11" s="148">
        <v>0</v>
      </c>
      <c r="BJ11" s="146">
        <v>39</v>
      </c>
      <c r="BK11" s="146">
        <v>40</v>
      </c>
      <c r="BL11" s="146">
        <v>16</v>
      </c>
      <c r="BM11" s="146">
        <v>15</v>
      </c>
      <c r="BN11" s="146">
        <v>5</v>
      </c>
      <c r="BO11" s="151">
        <v>115</v>
      </c>
      <c r="BP11" s="150">
        <v>115</v>
      </c>
      <c r="BQ11" s="145">
        <v>6</v>
      </c>
      <c r="BR11" s="146">
        <v>4</v>
      </c>
      <c r="BS11" s="151">
        <v>10</v>
      </c>
      <c r="BT11" s="148">
        <v>0</v>
      </c>
      <c r="BU11" s="146">
        <v>10</v>
      </c>
      <c r="BV11" s="146">
        <v>15</v>
      </c>
      <c r="BW11" s="146">
        <v>6</v>
      </c>
      <c r="BX11" s="146">
        <v>1</v>
      </c>
      <c r="BY11" s="146">
        <v>1</v>
      </c>
      <c r="BZ11" s="151">
        <v>33</v>
      </c>
      <c r="CA11" s="150">
        <v>43</v>
      </c>
      <c r="CB11" s="145">
        <v>0</v>
      </c>
      <c r="CC11" s="146">
        <v>1</v>
      </c>
      <c r="CD11" s="151">
        <v>1</v>
      </c>
      <c r="CE11" s="148">
        <v>0</v>
      </c>
      <c r="CF11" s="146">
        <v>2</v>
      </c>
      <c r="CG11" s="146">
        <v>6</v>
      </c>
      <c r="CH11" s="146">
        <v>12</v>
      </c>
      <c r="CI11" s="146">
        <v>5</v>
      </c>
      <c r="CJ11" s="146">
        <v>3</v>
      </c>
      <c r="CK11" s="151">
        <v>28</v>
      </c>
      <c r="CL11" s="150">
        <v>29</v>
      </c>
      <c r="CM11" s="145">
        <v>0</v>
      </c>
      <c r="CN11" s="146">
        <v>0</v>
      </c>
      <c r="CO11" s="151">
        <v>0</v>
      </c>
      <c r="CP11" s="148">
        <v>0</v>
      </c>
      <c r="CQ11" s="146">
        <v>0</v>
      </c>
      <c r="CR11" s="146">
        <v>0</v>
      </c>
      <c r="CS11" s="146">
        <v>1</v>
      </c>
      <c r="CT11" s="146">
        <v>0</v>
      </c>
      <c r="CU11" s="146">
        <v>0</v>
      </c>
      <c r="CV11" s="151">
        <v>1</v>
      </c>
      <c r="CW11" s="150">
        <v>1</v>
      </c>
      <c r="CX11" s="145">
        <v>0</v>
      </c>
      <c r="CY11" s="146">
        <v>0</v>
      </c>
      <c r="CZ11" s="151">
        <v>0</v>
      </c>
      <c r="DA11" s="148">
        <v>0</v>
      </c>
      <c r="DB11" s="146">
        <v>0</v>
      </c>
      <c r="DC11" s="146">
        <v>0</v>
      </c>
      <c r="DD11" s="146">
        <v>0</v>
      </c>
      <c r="DE11" s="146">
        <v>0</v>
      </c>
      <c r="DF11" s="146">
        <v>0</v>
      </c>
      <c r="DG11" s="151">
        <v>0</v>
      </c>
      <c r="DH11" s="150">
        <v>0</v>
      </c>
      <c r="DI11" s="145">
        <v>0</v>
      </c>
      <c r="DJ11" s="146">
        <v>0</v>
      </c>
      <c r="DK11" s="151">
        <v>0</v>
      </c>
      <c r="DL11" s="148">
        <v>0</v>
      </c>
      <c r="DM11" s="146">
        <v>0</v>
      </c>
      <c r="DN11" s="146">
        <v>0</v>
      </c>
      <c r="DO11" s="146">
        <v>0</v>
      </c>
      <c r="DP11" s="146">
        <v>0</v>
      </c>
      <c r="DQ11" s="146">
        <v>0</v>
      </c>
      <c r="DR11" s="151">
        <v>0</v>
      </c>
      <c r="DS11" s="150">
        <v>0</v>
      </c>
      <c r="DT11" s="145">
        <v>20</v>
      </c>
      <c r="DU11" s="146">
        <v>25</v>
      </c>
      <c r="DV11" s="151">
        <v>45</v>
      </c>
      <c r="DW11" s="148">
        <v>0</v>
      </c>
      <c r="DX11" s="146">
        <v>58</v>
      </c>
      <c r="DY11" s="146">
        <v>97</v>
      </c>
      <c r="DZ11" s="146">
        <v>55</v>
      </c>
      <c r="EA11" s="146">
        <v>34</v>
      </c>
      <c r="EB11" s="146">
        <v>20</v>
      </c>
      <c r="EC11" s="151">
        <v>264</v>
      </c>
      <c r="ED11" s="150">
        <v>309</v>
      </c>
      <c r="EE11" s="145">
        <v>6</v>
      </c>
      <c r="EF11" s="146">
        <v>2</v>
      </c>
      <c r="EG11" s="151">
        <v>8</v>
      </c>
      <c r="EH11" s="148">
        <v>0</v>
      </c>
      <c r="EI11" s="146">
        <v>17</v>
      </c>
      <c r="EJ11" s="146">
        <v>9</v>
      </c>
      <c r="EK11" s="146">
        <v>7</v>
      </c>
      <c r="EL11" s="146">
        <v>8</v>
      </c>
      <c r="EM11" s="146">
        <v>4</v>
      </c>
      <c r="EN11" s="151">
        <v>45</v>
      </c>
      <c r="EO11" s="150">
        <v>53</v>
      </c>
      <c r="EP11" s="145">
        <v>27</v>
      </c>
      <c r="EQ11" s="146">
        <v>29</v>
      </c>
      <c r="ER11" s="151">
        <v>56</v>
      </c>
      <c r="ES11" s="148">
        <v>0</v>
      </c>
      <c r="ET11" s="146">
        <v>110</v>
      </c>
      <c r="EU11" s="146">
        <v>125</v>
      </c>
      <c r="EV11" s="146">
        <v>63</v>
      </c>
      <c r="EW11" s="146">
        <v>36</v>
      </c>
      <c r="EX11" s="146">
        <v>19</v>
      </c>
      <c r="EY11" s="151">
        <v>353</v>
      </c>
      <c r="EZ11" s="150">
        <v>409</v>
      </c>
    </row>
    <row r="12" spans="2:156" ht="21" customHeight="1" x14ac:dyDescent="0.2">
      <c r="B12" s="152" t="s">
        <v>9</v>
      </c>
      <c r="C12" s="145">
        <v>0</v>
      </c>
      <c r="D12" s="146">
        <v>0</v>
      </c>
      <c r="E12" s="147">
        <v>0</v>
      </c>
      <c r="F12" s="148">
        <v>0</v>
      </c>
      <c r="G12" s="146">
        <v>58</v>
      </c>
      <c r="H12" s="146">
        <v>31</v>
      </c>
      <c r="I12" s="146">
        <v>33</v>
      </c>
      <c r="J12" s="146">
        <v>24</v>
      </c>
      <c r="K12" s="146">
        <v>21</v>
      </c>
      <c r="L12" s="149">
        <v>167</v>
      </c>
      <c r="M12" s="150">
        <v>167</v>
      </c>
      <c r="N12" s="145">
        <v>0</v>
      </c>
      <c r="O12" s="146">
        <v>0</v>
      </c>
      <c r="P12" s="151">
        <v>0</v>
      </c>
      <c r="Q12" s="148">
        <v>0</v>
      </c>
      <c r="R12" s="146">
        <v>0</v>
      </c>
      <c r="S12" s="146">
        <v>1</v>
      </c>
      <c r="T12" s="146">
        <v>1</v>
      </c>
      <c r="U12" s="146">
        <v>2</v>
      </c>
      <c r="V12" s="146">
        <v>7</v>
      </c>
      <c r="W12" s="151">
        <v>11</v>
      </c>
      <c r="X12" s="150">
        <v>11</v>
      </c>
      <c r="Y12" s="145">
        <v>9</v>
      </c>
      <c r="Z12" s="146">
        <v>8</v>
      </c>
      <c r="AA12" s="151">
        <v>17</v>
      </c>
      <c r="AB12" s="148">
        <v>0</v>
      </c>
      <c r="AC12" s="146">
        <v>47</v>
      </c>
      <c r="AD12" s="146">
        <v>22</v>
      </c>
      <c r="AE12" s="146">
        <v>30</v>
      </c>
      <c r="AF12" s="146">
        <v>24</v>
      </c>
      <c r="AG12" s="146">
        <v>17</v>
      </c>
      <c r="AH12" s="151">
        <v>140</v>
      </c>
      <c r="AI12" s="150">
        <v>157</v>
      </c>
      <c r="AJ12" s="145">
        <v>0</v>
      </c>
      <c r="AK12" s="146">
        <v>1</v>
      </c>
      <c r="AL12" s="151">
        <v>1</v>
      </c>
      <c r="AM12" s="148">
        <v>0</v>
      </c>
      <c r="AN12" s="146">
        <v>2</v>
      </c>
      <c r="AO12" s="146">
        <v>2</v>
      </c>
      <c r="AP12" s="146">
        <v>0</v>
      </c>
      <c r="AQ12" s="146">
        <v>2</v>
      </c>
      <c r="AR12" s="146">
        <v>4</v>
      </c>
      <c r="AS12" s="151">
        <v>10</v>
      </c>
      <c r="AT12" s="150">
        <v>11</v>
      </c>
      <c r="AU12" s="145">
        <v>5</v>
      </c>
      <c r="AV12" s="146">
        <v>7</v>
      </c>
      <c r="AW12" s="151">
        <v>12</v>
      </c>
      <c r="AX12" s="148">
        <v>0</v>
      </c>
      <c r="AY12" s="146">
        <v>51</v>
      </c>
      <c r="AZ12" s="146">
        <v>53</v>
      </c>
      <c r="BA12" s="146">
        <v>66</v>
      </c>
      <c r="BB12" s="146">
        <v>50</v>
      </c>
      <c r="BC12" s="146">
        <v>27</v>
      </c>
      <c r="BD12" s="149">
        <v>247</v>
      </c>
      <c r="BE12" s="150">
        <v>259</v>
      </c>
      <c r="BF12" s="145">
        <v>0</v>
      </c>
      <c r="BG12" s="146">
        <v>0</v>
      </c>
      <c r="BH12" s="151">
        <v>0</v>
      </c>
      <c r="BI12" s="148">
        <v>0</v>
      </c>
      <c r="BJ12" s="146">
        <v>60</v>
      </c>
      <c r="BK12" s="146">
        <v>33</v>
      </c>
      <c r="BL12" s="146">
        <v>24</v>
      </c>
      <c r="BM12" s="146">
        <v>15</v>
      </c>
      <c r="BN12" s="146">
        <v>4</v>
      </c>
      <c r="BO12" s="151">
        <v>136</v>
      </c>
      <c r="BP12" s="150">
        <v>136</v>
      </c>
      <c r="BQ12" s="145">
        <v>3</v>
      </c>
      <c r="BR12" s="146">
        <v>5</v>
      </c>
      <c r="BS12" s="151">
        <v>8</v>
      </c>
      <c r="BT12" s="148">
        <v>0</v>
      </c>
      <c r="BU12" s="146">
        <v>19</v>
      </c>
      <c r="BV12" s="146">
        <v>16</v>
      </c>
      <c r="BW12" s="146">
        <v>13</v>
      </c>
      <c r="BX12" s="146">
        <v>12</v>
      </c>
      <c r="BY12" s="146">
        <v>0</v>
      </c>
      <c r="BZ12" s="151">
        <v>60</v>
      </c>
      <c r="CA12" s="150">
        <v>68</v>
      </c>
      <c r="CB12" s="145">
        <v>0</v>
      </c>
      <c r="CC12" s="146">
        <v>0</v>
      </c>
      <c r="CD12" s="151">
        <v>0</v>
      </c>
      <c r="CE12" s="148">
        <v>0</v>
      </c>
      <c r="CF12" s="146">
        <v>8</v>
      </c>
      <c r="CG12" s="146">
        <v>3</v>
      </c>
      <c r="CH12" s="146">
        <v>15</v>
      </c>
      <c r="CI12" s="146">
        <v>7</v>
      </c>
      <c r="CJ12" s="146">
        <v>2</v>
      </c>
      <c r="CK12" s="151">
        <v>35</v>
      </c>
      <c r="CL12" s="150">
        <v>35</v>
      </c>
      <c r="CM12" s="145">
        <v>0</v>
      </c>
      <c r="CN12" s="146">
        <v>0</v>
      </c>
      <c r="CO12" s="151">
        <v>0</v>
      </c>
      <c r="CP12" s="148">
        <v>0</v>
      </c>
      <c r="CQ12" s="146">
        <v>1</v>
      </c>
      <c r="CR12" s="146">
        <v>1</v>
      </c>
      <c r="CS12" s="146">
        <v>1</v>
      </c>
      <c r="CT12" s="146">
        <v>0</v>
      </c>
      <c r="CU12" s="146">
        <v>1</v>
      </c>
      <c r="CV12" s="151">
        <v>4</v>
      </c>
      <c r="CW12" s="150">
        <v>4</v>
      </c>
      <c r="CX12" s="145">
        <v>0</v>
      </c>
      <c r="CY12" s="146">
        <v>0</v>
      </c>
      <c r="CZ12" s="151">
        <v>0</v>
      </c>
      <c r="DA12" s="148">
        <v>0</v>
      </c>
      <c r="DB12" s="146">
        <v>0</v>
      </c>
      <c r="DC12" s="146">
        <v>0</v>
      </c>
      <c r="DD12" s="146">
        <v>0</v>
      </c>
      <c r="DE12" s="146">
        <v>0</v>
      </c>
      <c r="DF12" s="146">
        <v>0</v>
      </c>
      <c r="DG12" s="151">
        <v>0</v>
      </c>
      <c r="DH12" s="150">
        <v>0</v>
      </c>
      <c r="DI12" s="145">
        <v>0</v>
      </c>
      <c r="DJ12" s="146">
        <v>0</v>
      </c>
      <c r="DK12" s="151">
        <v>0</v>
      </c>
      <c r="DL12" s="148">
        <v>0</v>
      </c>
      <c r="DM12" s="146">
        <v>0</v>
      </c>
      <c r="DN12" s="146">
        <v>0</v>
      </c>
      <c r="DO12" s="146">
        <v>0</v>
      </c>
      <c r="DP12" s="146">
        <v>0</v>
      </c>
      <c r="DQ12" s="146">
        <v>0</v>
      </c>
      <c r="DR12" s="151">
        <v>0</v>
      </c>
      <c r="DS12" s="150">
        <v>0</v>
      </c>
      <c r="DT12" s="145">
        <v>30</v>
      </c>
      <c r="DU12" s="146">
        <v>28</v>
      </c>
      <c r="DV12" s="151">
        <v>58</v>
      </c>
      <c r="DW12" s="148">
        <v>0</v>
      </c>
      <c r="DX12" s="146">
        <v>83</v>
      </c>
      <c r="DY12" s="146">
        <v>69</v>
      </c>
      <c r="DZ12" s="146">
        <v>66</v>
      </c>
      <c r="EA12" s="146">
        <v>51</v>
      </c>
      <c r="EB12" s="146">
        <v>31</v>
      </c>
      <c r="EC12" s="151">
        <v>300</v>
      </c>
      <c r="ED12" s="150">
        <v>358</v>
      </c>
      <c r="EE12" s="145">
        <v>5</v>
      </c>
      <c r="EF12" s="146">
        <v>3</v>
      </c>
      <c r="EG12" s="151">
        <v>8</v>
      </c>
      <c r="EH12" s="148">
        <v>0</v>
      </c>
      <c r="EI12" s="146">
        <v>19</v>
      </c>
      <c r="EJ12" s="146">
        <v>23</v>
      </c>
      <c r="EK12" s="146">
        <v>16</v>
      </c>
      <c r="EL12" s="146">
        <v>18</v>
      </c>
      <c r="EM12" s="146">
        <v>5</v>
      </c>
      <c r="EN12" s="151">
        <v>81</v>
      </c>
      <c r="EO12" s="150">
        <v>89</v>
      </c>
      <c r="EP12" s="145">
        <v>37</v>
      </c>
      <c r="EQ12" s="146">
        <v>38</v>
      </c>
      <c r="ER12" s="151">
        <v>75</v>
      </c>
      <c r="ES12" s="148">
        <v>0</v>
      </c>
      <c r="ET12" s="146">
        <v>177</v>
      </c>
      <c r="EU12" s="146">
        <v>102</v>
      </c>
      <c r="EV12" s="146">
        <v>82</v>
      </c>
      <c r="EW12" s="146">
        <v>50</v>
      </c>
      <c r="EX12" s="146">
        <v>32</v>
      </c>
      <c r="EY12" s="151">
        <v>443</v>
      </c>
      <c r="EZ12" s="150">
        <v>518</v>
      </c>
    </row>
    <row r="13" spans="2:156" ht="21" customHeight="1" x14ac:dyDescent="0.2">
      <c r="B13" s="152" t="s">
        <v>10</v>
      </c>
      <c r="C13" s="145">
        <v>0</v>
      </c>
      <c r="D13" s="146">
        <v>0</v>
      </c>
      <c r="E13" s="147">
        <v>0</v>
      </c>
      <c r="F13" s="148">
        <v>0</v>
      </c>
      <c r="G13" s="146">
        <v>84</v>
      </c>
      <c r="H13" s="146">
        <v>53</v>
      </c>
      <c r="I13" s="146">
        <v>26</v>
      </c>
      <c r="J13" s="146">
        <v>29</v>
      </c>
      <c r="K13" s="146">
        <v>20</v>
      </c>
      <c r="L13" s="149">
        <v>212</v>
      </c>
      <c r="M13" s="150">
        <v>212</v>
      </c>
      <c r="N13" s="145">
        <v>0</v>
      </c>
      <c r="O13" s="146">
        <v>0</v>
      </c>
      <c r="P13" s="151">
        <v>0</v>
      </c>
      <c r="Q13" s="148">
        <v>0</v>
      </c>
      <c r="R13" s="146">
        <v>0</v>
      </c>
      <c r="S13" s="146">
        <v>1</v>
      </c>
      <c r="T13" s="146">
        <v>2</v>
      </c>
      <c r="U13" s="146">
        <v>5</v>
      </c>
      <c r="V13" s="146">
        <v>13</v>
      </c>
      <c r="W13" s="151">
        <v>21</v>
      </c>
      <c r="X13" s="150">
        <v>21</v>
      </c>
      <c r="Y13" s="145">
        <v>18</v>
      </c>
      <c r="Z13" s="146">
        <v>20</v>
      </c>
      <c r="AA13" s="151">
        <v>38</v>
      </c>
      <c r="AB13" s="148">
        <v>0</v>
      </c>
      <c r="AC13" s="146">
        <v>65</v>
      </c>
      <c r="AD13" s="146">
        <v>36</v>
      </c>
      <c r="AE13" s="146">
        <v>24</v>
      </c>
      <c r="AF13" s="146">
        <v>21</v>
      </c>
      <c r="AG13" s="146">
        <v>16</v>
      </c>
      <c r="AH13" s="151">
        <v>162</v>
      </c>
      <c r="AI13" s="150">
        <v>200</v>
      </c>
      <c r="AJ13" s="145">
        <v>2</v>
      </c>
      <c r="AK13" s="146">
        <v>3</v>
      </c>
      <c r="AL13" s="151">
        <v>5</v>
      </c>
      <c r="AM13" s="148">
        <v>0</v>
      </c>
      <c r="AN13" s="146">
        <v>9</v>
      </c>
      <c r="AO13" s="146">
        <v>8</v>
      </c>
      <c r="AP13" s="146">
        <v>4</v>
      </c>
      <c r="AQ13" s="146">
        <v>4</v>
      </c>
      <c r="AR13" s="146">
        <v>5</v>
      </c>
      <c r="AS13" s="151">
        <v>30</v>
      </c>
      <c r="AT13" s="150">
        <v>35</v>
      </c>
      <c r="AU13" s="145">
        <v>17</v>
      </c>
      <c r="AV13" s="146">
        <v>29</v>
      </c>
      <c r="AW13" s="151">
        <v>46</v>
      </c>
      <c r="AX13" s="148">
        <v>0</v>
      </c>
      <c r="AY13" s="146">
        <v>103</v>
      </c>
      <c r="AZ13" s="146">
        <v>83</v>
      </c>
      <c r="BA13" s="146">
        <v>72</v>
      </c>
      <c r="BB13" s="146">
        <v>73</v>
      </c>
      <c r="BC13" s="146">
        <v>52</v>
      </c>
      <c r="BD13" s="149">
        <v>383</v>
      </c>
      <c r="BE13" s="150">
        <v>429</v>
      </c>
      <c r="BF13" s="145">
        <v>0</v>
      </c>
      <c r="BG13" s="146">
        <v>0</v>
      </c>
      <c r="BH13" s="151">
        <v>0</v>
      </c>
      <c r="BI13" s="148">
        <v>0</v>
      </c>
      <c r="BJ13" s="146">
        <v>131</v>
      </c>
      <c r="BK13" s="146">
        <v>71</v>
      </c>
      <c r="BL13" s="146">
        <v>25</v>
      </c>
      <c r="BM13" s="146">
        <v>16</v>
      </c>
      <c r="BN13" s="146">
        <v>10</v>
      </c>
      <c r="BO13" s="151">
        <v>253</v>
      </c>
      <c r="BP13" s="150">
        <v>253</v>
      </c>
      <c r="BQ13" s="145">
        <v>3</v>
      </c>
      <c r="BR13" s="146">
        <v>5</v>
      </c>
      <c r="BS13" s="151">
        <v>8</v>
      </c>
      <c r="BT13" s="148">
        <v>0</v>
      </c>
      <c r="BU13" s="146">
        <v>22</v>
      </c>
      <c r="BV13" s="146">
        <v>13</v>
      </c>
      <c r="BW13" s="146">
        <v>12</v>
      </c>
      <c r="BX13" s="146">
        <v>1</v>
      </c>
      <c r="BY13" s="146">
        <v>2</v>
      </c>
      <c r="BZ13" s="151">
        <v>50</v>
      </c>
      <c r="CA13" s="150">
        <v>58</v>
      </c>
      <c r="CB13" s="145">
        <v>0</v>
      </c>
      <c r="CC13" s="146">
        <v>2</v>
      </c>
      <c r="CD13" s="151">
        <v>2</v>
      </c>
      <c r="CE13" s="148">
        <v>0</v>
      </c>
      <c r="CF13" s="146">
        <v>17</v>
      </c>
      <c r="CG13" s="146">
        <v>10</v>
      </c>
      <c r="CH13" s="146">
        <v>12</v>
      </c>
      <c r="CI13" s="146">
        <v>10</v>
      </c>
      <c r="CJ13" s="146">
        <v>6</v>
      </c>
      <c r="CK13" s="151">
        <v>55</v>
      </c>
      <c r="CL13" s="150">
        <v>57</v>
      </c>
      <c r="CM13" s="145">
        <v>0</v>
      </c>
      <c r="CN13" s="146">
        <v>0</v>
      </c>
      <c r="CO13" s="151">
        <v>0</v>
      </c>
      <c r="CP13" s="148">
        <v>0</v>
      </c>
      <c r="CQ13" s="146">
        <v>1</v>
      </c>
      <c r="CR13" s="146">
        <v>2</v>
      </c>
      <c r="CS13" s="146">
        <v>4</v>
      </c>
      <c r="CT13" s="146">
        <v>0</v>
      </c>
      <c r="CU13" s="146">
        <v>0</v>
      </c>
      <c r="CV13" s="151">
        <v>7</v>
      </c>
      <c r="CW13" s="150">
        <v>7</v>
      </c>
      <c r="CX13" s="145">
        <v>0</v>
      </c>
      <c r="CY13" s="146">
        <v>0</v>
      </c>
      <c r="CZ13" s="151">
        <v>0</v>
      </c>
      <c r="DA13" s="148">
        <v>0</v>
      </c>
      <c r="DB13" s="146">
        <v>0</v>
      </c>
      <c r="DC13" s="146">
        <v>0</v>
      </c>
      <c r="DD13" s="146">
        <v>0</v>
      </c>
      <c r="DE13" s="146">
        <v>0</v>
      </c>
      <c r="DF13" s="146">
        <v>0</v>
      </c>
      <c r="DG13" s="151">
        <v>0</v>
      </c>
      <c r="DH13" s="150">
        <v>0</v>
      </c>
      <c r="DI13" s="145">
        <v>0</v>
      </c>
      <c r="DJ13" s="146">
        <v>0</v>
      </c>
      <c r="DK13" s="151">
        <v>0</v>
      </c>
      <c r="DL13" s="148">
        <v>0</v>
      </c>
      <c r="DM13" s="146">
        <v>0</v>
      </c>
      <c r="DN13" s="146">
        <v>0</v>
      </c>
      <c r="DO13" s="146">
        <v>0</v>
      </c>
      <c r="DP13" s="146">
        <v>0</v>
      </c>
      <c r="DQ13" s="146">
        <v>0</v>
      </c>
      <c r="DR13" s="151">
        <v>0</v>
      </c>
      <c r="DS13" s="150">
        <v>0</v>
      </c>
      <c r="DT13" s="145">
        <v>71</v>
      </c>
      <c r="DU13" s="146">
        <v>92</v>
      </c>
      <c r="DV13" s="151">
        <v>163</v>
      </c>
      <c r="DW13" s="148">
        <v>0</v>
      </c>
      <c r="DX13" s="146">
        <v>145</v>
      </c>
      <c r="DY13" s="146">
        <v>122</v>
      </c>
      <c r="DZ13" s="146">
        <v>59</v>
      </c>
      <c r="EA13" s="146">
        <v>52</v>
      </c>
      <c r="EB13" s="146">
        <v>36</v>
      </c>
      <c r="EC13" s="151">
        <v>414</v>
      </c>
      <c r="ED13" s="150">
        <v>577</v>
      </c>
      <c r="EE13" s="145">
        <v>9</v>
      </c>
      <c r="EF13" s="146">
        <v>4</v>
      </c>
      <c r="EG13" s="151">
        <v>13</v>
      </c>
      <c r="EH13" s="148">
        <v>0</v>
      </c>
      <c r="EI13" s="146">
        <v>27</v>
      </c>
      <c r="EJ13" s="146">
        <v>24</v>
      </c>
      <c r="EK13" s="146">
        <v>17</v>
      </c>
      <c r="EL13" s="146">
        <v>24</v>
      </c>
      <c r="EM13" s="146">
        <v>11</v>
      </c>
      <c r="EN13" s="151">
        <v>103</v>
      </c>
      <c r="EO13" s="150">
        <v>116</v>
      </c>
      <c r="EP13" s="145">
        <v>87</v>
      </c>
      <c r="EQ13" s="146">
        <v>104</v>
      </c>
      <c r="ER13" s="151">
        <v>191</v>
      </c>
      <c r="ES13" s="148">
        <v>0</v>
      </c>
      <c r="ET13" s="146">
        <v>285</v>
      </c>
      <c r="EU13" s="146">
        <v>149</v>
      </c>
      <c r="EV13" s="146">
        <v>71</v>
      </c>
      <c r="EW13" s="146">
        <v>54</v>
      </c>
      <c r="EX13" s="146">
        <v>37</v>
      </c>
      <c r="EY13" s="151">
        <v>596</v>
      </c>
      <c r="EZ13" s="150">
        <v>787</v>
      </c>
    </row>
    <row r="14" spans="2:156" ht="21" customHeight="1" x14ac:dyDescent="0.2">
      <c r="B14" s="152" t="s">
        <v>11</v>
      </c>
      <c r="C14" s="145">
        <v>0</v>
      </c>
      <c r="D14" s="146">
        <v>0</v>
      </c>
      <c r="E14" s="147">
        <v>0</v>
      </c>
      <c r="F14" s="148">
        <v>0</v>
      </c>
      <c r="G14" s="146">
        <v>29</v>
      </c>
      <c r="H14" s="146">
        <v>17</v>
      </c>
      <c r="I14" s="146">
        <v>10</v>
      </c>
      <c r="J14" s="146">
        <v>12</v>
      </c>
      <c r="K14" s="146">
        <v>5</v>
      </c>
      <c r="L14" s="149">
        <v>73</v>
      </c>
      <c r="M14" s="150">
        <v>73</v>
      </c>
      <c r="N14" s="145">
        <v>0</v>
      </c>
      <c r="O14" s="146">
        <v>0</v>
      </c>
      <c r="P14" s="151">
        <v>0</v>
      </c>
      <c r="Q14" s="148">
        <v>0</v>
      </c>
      <c r="R14" s="146">
        <v>0</v>
      </c>
      <c r="S14" s="146">
        <v>1</v>
      </c>
      <c r="T14" s="146">
        <v>0</v>
      </c>
      <c r="U14" s="146">
        <v>3</v>
      </c>
      <c r="V14" s="146">
        <v>3</v>
      </c>
      <c r="W14" s="151">
        <v>7</v>
      </c>
      <c r="X14" s="150">
        <v>7</v>
      </c>
      <c r="Y14" s="145">
        <v>4</v>
      </c>
      <c r="Z14" s="146">
        <v>8</v>
      </c>
      <c r="AA14" s="151">
        <v>12</v>
      </c>
      <c r="AB14" s="148">
        <v>0</v>
      </c>
      <c r="AC14" s="146">
        <v>21</v>
      </c>
      <c r="AD14" s="146">
        <v>25</v>
      </c>
      <c r="AE14" s="146">
        <v>14</v>
      </c>
      <c r="AF14" s="146">
        <v>16</v>
      </c>
      <c r="AG14" s="146">
        <v>8</v>
      </c>
      <c r="AH14" s="151">
        <v>84</v>
      </c>
      <c r="AI14" s="150">
        <v>96</v>
      </c>
      <c r="AJ14" s="145">
        <v>0</v>
      </c>
      <c r="AK14" s="146">
        <v>1</v>
      </c>
      <c r="AL14" s="151">
        <v>1</v>
      </c>
      <c r="AM14" s="148">
        <v>0</v>
      </c>
      <c r="AN14" s="146">
        <v>2</v>
      </c>
      <c r="AO14" s="146">
        <v>1</v>
      </c>
      <c r="AP14" s="146">
        <v>2</v>
      </c>
      <c r="AQ14" s="146">
        <v>1</v>
      </c>
      <c r="AR14" s="146">
        <v>1</v>
      </c>
      <c r="AS14" s="151">
        <v>7</v>
      </c>
      <c r="AT14" s="150">
        <v>8</v>
      </c>
      <c r="AU14" s="145">
        <v>5</v>
      </c>
      <c r="AV14" s="146">
        <v>4</v>
      </c>
      <c r="AW14" s="151">
        <v>9</v>
      </c>
      <c r="AX14" s="148">
        <v>0</v>
      </c>
      <c r="AY14" s="146">
        <v>30</v>
      </c>
      <c r="AZ14" s="146">
        <v>27</v>
      </c>
      <c r="BA14" s="146">
        <v>27</v>
      </c>
      <c r="BB14" s="146">
        <v>30</v>
      </c>
      <c r="BC14" s="146">
        <v>12</v>
      </c>
      <c r="BD14" s="149">
        <v>126</v>
      </c>
      <c r="BE14" s="150">
        <v>135</v>
      </c>
      <c r="BF14" s="145">
        <v>0</v>
      </c>
      <c r="BG14" s="146">
        <v>0</v>
      </c>
      <c r="BH14" s="151">
        <v>0</v>
      </c>
      <c r="BI14" s="148">
        <v>0</v>
      </c>
      <c r="BJ14" s="146">
        <v>40</v>
      </c>
      <c r="BK14" s="146">
        <v>31</v>
      </c>
      <c r="BL14" s="146">
        <v>18</v>
      </c>
      <c r="BM14" s="146">
        <v>7</v>
      </c>
      <c r="BN14" s="146">
        <v>3</v>
      </c>
      <c r="BO14" s="151">
        <v>99</v>
      </c>
      <c r="BP14" s="150">
        <v>99</v>
      </c>
      <c r="BQ14" s="145">
        <v>9</v>
      </c>
      <c r="BR14" s="146">
        <v>6</v>
      </c>
      <c r="BS14" s="151">
        <v>15</v>
      </c>
      <c r="BT14" s="148">
        <v>0</v>
      </c>
      <c r="BU14" s="146">
        <v>27</v>
      </c>
      <c r="BV14" s="146">
        <v>15</v>
      </c>
      <c r="BW14" s="146">
        <v>4</v>
      </c>
      <c r="BX14" s="146">
        <v>8</v>
      </c>
      <c r="BY14" s="146">
        <v>1</v>
      </c>
      <c r="BZ14" s="151">
        <v>55</v>
      </c>
      <c r="CA14" s="150">
        <v>70</v>
      </c>
      <c r="CB14" s="145">
        <v>0</v>
      </c>
      <c r="CC14" s="146">
        <v>0</v>
      </c>
      <c r="CD14" s="151">
        <v>0</v>
      </c>
      <c r="CE14" s="148">
        <v>0</v>
      </c>
      <c r="CF14" s="146">
        <v>7</v>
      </c>
      <c r="CG14" s="146">
        <v>8</v>
      </c>
      <c r="CH14" s="146">
        <v>5</v>
      </c>
      <c r="CI14" s="146">
        <v>4</v>
      </c>
      <c r="CJ14" s="146">
        <v>0</v>
      </c>
      <c r="CK14" s="151">
        <v>24</v>
      </c>
      <c r="CL14" s="150">
        <v>24</v>
      </c>
      <c r="CM14" s="145">
        <v>0</v>
      </c>
      <c r="CN14" s="146">
        <v>0</v>
      </c>
      <c r="CO14" s="151">
        <v>0</v>
      </c>
      <c r="CP14" s="148">
        <v>0</v>
      </c>
      <c r="CQ14" s="146">
        <v>1</v>
      </c>
      <c r="CR14" s="146">
        <v>0</v>
      </c>
      <c r="CS14" s="146">
        <v>1</v>
      </c>
      <c r="CT14" s="146">
        <v>1</v>
      </c>
      <c r="CU14" s="146">
        <v>0</v>
      </c>
      <c r="CV14" s="151">
        <v>3</v>
      </c>
      <c r="CW14" s="150">
        <v>3</v>
      </c>
      <c r="CX14" s="145">
        <v>0</v>
      </c>
      <c r="CY14" s="146">
        <v>0</v>
      </c>
      <c r="CZ14" s="151">
        <v>0</v>
      </c>
      <c r="DA14" s="148">
        <v>0</v>
      </c>
      <c r="DB14" s="146">
        <v>0</v>
      </c>
      <c r="DC14" s="146">
        <v>0</v>
      </c>
      <c r="DD14" s="146">
        <v>0</v>
      </c>
      <c r="DE14" s="146">
        <v>0</v>
      </c>
      <c r="DF14" s="146">
        <v>0</v>
      </c>
      <c r="DG14" s="151">
        <v>0</v>
      </c>
      <c r="DH14" s="150">
        <v>0</v>
      </c>
      <c r="DI14" s="145">
        <v>0</v>
      </c>
      <c r="DJ14" s="146">
        <v>0</v>
      </c>
      <c r="DK14" s="151">
        <v>0</v>
      </c>
      <c r="DL14" s="148">
        <v>0</v>
      </c>
      <c r="DM14" s="146">
        <v>0</v>
      </c>
      <c r="DN14" s="146">
        <v>0</v>
      </c>
      <c r="DO14" s="146">
        <v>0</v>
      </c>
      <c r="DP14" s="146">
        <v>0</v>
      </c>
      <c r="DQ14" s="146">
        <v>0</v>
      </c>
      <c r="DR14" s="151">
        <v>0</v>
      </c>
      <c r="DS14" s="150">
        <v>0</v>
      </c>
      <c r="DT14" s="145">
        <v>21</v>
      </c>
      <c r="DU14" s="146">
        <v>22</v>
      </c>
      <c r="DV14" s="151">
        <v>43</v>
      </c>
      <c r="DW14" s="148">
        <v>0</v>
      </c>
      <c r="DX14" s="146">
        <v>65</v>
      </c>
      <c r="DY14" s="146">
        <v>65</v>
      </c>
      <c r="DZ14" s="146">
        <v>35</v>
      </c>
      <c r="EA14" s="146">
        <v>26</v>
      </c>
      <c r="EB14" s="146">
        <v>12</v>
      </c>
      <c r="EC14" s="151">
        <v>203</v>
      </c>
      <c r="ED14" s="150">
        <v>246</v>
      </c>
      <c r="EE14" s="145">
        <v>2</v>
      </c>
      <c r="EF14" s="146">
        <v>1</v>
      </c>
      <c r="EG14" s="151">
        <v>3</v>
      </c>
      <c r="EH14" s="148">
        <v>0</v>
      </c>
      <c r="EI14" s="146">
        <v>17</v>
      </c>
      <c r="EJ14" s="146">
        <v>13</v>
      </c>
      <c r="EK14" s="146">
        <v>16</v>
      </c>
      <c r="EL14" s="146">
        <v>13</v>
      </c>
      <c r="EM14" s="146">
        <v>6</v>
      </c>
      <c r="EN14" s="151">
        <v>65</v>
      </c>
      <c r="EO14" s="150">
        <v>68</v>
      </c>
      <c r="EP14" s="145">
        <v>28</v>
      </c>
      <c r="EQ14" s="146">
        <v>29</v>
      </c>
      <c r="ER14" s="151">
        <v>57</v>
      </c>
      <c r="ES14" s="148">
        <v>0</v>
      </c>
      <c r="ET14" s="146">
        <v>119</v>
      </c>
      <c r="EU14" s="146">
        <v>77</v>
      </c>
      <c r="EV14" s="146">
        <v>39</v>
      </c>
      <c r="EW14" s="146">
        <v>29</v>
      </c>
      <c r="EX14" s="146">
        <v>10</v>
      </c>
      <c r="EY14" s="151">
        <v>274</v>
      </c>
      <c r="EZ14" s="150">
        <v>331</v>
      </c>
    </row>
    <row r="15" spans="2:156" ht="21" customHeight="1" x14ac:dyDescent="0.2">
      <c r="B15" s="152" t="s">
        <v>12</v>
      </c>
      <c r="C15" s="145">
        <v>0</v>
      </c>
      <c r="D15" s="146">
        <v>0</v>
      </c>
      <c r="E15" s="147">
        <v>0</v>
      </c>
      <c r="F15" s="148">
        <v>0</v>
      </c>
      <c r="G15" s="146">
        <v>37</v>
      </c>
      <c r="H15" s="146">
        <v>40</v>
      </c>
      <c r="I15" s="146">
        <v>21</v>
      </c>
      <c r="J15" s="146">
        <v>21</v>
      </c>
      <c r="K15" s="146">
        <v>7</v>
      </c>
      <c r="L15" s="149">
        <v>126</v>
      </c>
      <c r="M15" s="150">
        <v>126</v>
      </c>
      <c r="N15" s="145">
        <v>0</v>
      </c>
      <c r="O15" s="146">
        <v>0</v>
      </c>
      <c r="P15" s="151">
        <v>0</v>
      </c>
      <c r="Q15" s="148">
        <v>0</v>
      </c>
      <c r="R15" s="146">
        <v>0</v>
      </c>
      <c r="S15" s="146">
        <v>0</v>
      </c>
      <c r="T15" s="146">
        <v>4</v>
      </c>
      <c r="U15" s="146">
        <v>1</v>
      </c>
      <c r="V15" s="146">
        <v>4</v>
      </c>
      <c r="W15" s="151">
        <v>9</v>
      </c>
      <c r="X15" s="150">
        <v>9</v>
      </c>
      <c r="Y15" s="145">
        <v>8</v>
      </c>
      <c r="Z15" s="146">
        <v>26</v>
      </c>
      <c r="AA15" s="151">
        <v>34</v>
      </c>
      <c r="AB15" s="148">
        <v>0</v>
      </c>
      <c r="AC15" s="146">
        <v>20</v>
      </c>
      <c r="AD15" s="146">
        <v>48</v>
      </c>
      <c r="AE15" s="146">
        <v>22</v>
      </c>
      <c r="AF15" s="146">
        <v>15</v>
      </c>
      <c r="AG15" s="146">
        <v>9</v>
      </c>
      <c r="AH15" s="151">
        <v>114</v>
      </c>
      <c r="AI15" s="150">
        <v>148</v>
      </c>
      <c r="AJ15" s="145">
        <v>0</v>
      </c>
      <c r="AK15" s="146">
        <v>1</v>
      </c>
      <c r="AL15" s="151">
        <v>1</v>
      </c>
      <c r="AM15" s="148">
        <v>0</v>
      </c>
      <c r="AN15" s="146">
        <v>0</v>
      </c>
      <c r="AO15" s="146">
        <v>4</v>
      </c>
      <c r="AP15" s="146">
        <v>2</v>
      </c>
      <c r="AQ15" s="146">
        <v>1</v>
      </c>
      <c r="AR15" s="146">
        <v>0</v>
      </c>
      <c r="AS15" s="151">
        <v>7</v>
      </c>
      <c r="AT15" s="150">
        <v>8</v>
      </c>
      <c r="AU15" s="145">
        <v>6</v>
      </c>
      <c r="AV15" s="146">
        <v>14</v>
      </c>
      <c r="AW15" s="151">
        <v>20</v>
      </c>
      <c r="AX15" s="148">
        <v>0</v>
      </c>
      <c r="AY15" s="146">
        <v>34</v>
      </c>
      <c r="AZ15" s="146">
        <v>34</v>
      </c>
      <c r="BA15" s="146">
        <v>28</v>
      </c>
      <c r="BB15" s="146">
        <v>38</v>
      </c>
      <c r="BC15" s="146">
        <v>17</v>
      </c>
      <c r="BD15" s="149">
        <v>151</v>
      </c>
      <c r="BE15" s="150">
        <v>171</v>
      </c>
      <c r="BF15" s="145">
        <v>0</v>
      </c>
      <c r="BG15" s="146">
        <v>0</v>
      </c>
      <c r="BH15" s="151">
        <v>0</v>
      </c>
      <c r="BI15" s="148">
        <v>0</v>
      </c>
      <c r="BJ15" s="146">
        <v>61</v>
      </c>
      <c r="BK15" s="146">
        <v>46</v>
      </c>
      <c r="BL15" s="146">
        <v>23</v>
      </c>
      <c r="BM15" s="146">
        <v>10</v>
      </c>
      <c r="BN15" s="146">
        <v>1</v>
      </c>
      <c r="BO15" s="151">
        <v>141</v>
      </c>
      <c r="BP15" s="150">
        <v>141</v>
      </c>
      <c r="BQ15" s="145">
        <v>12</v>
      </c>
      <c r="BR15" s="146">
        <v>16</v>
      </c>
      <c r="BS15" s="151">
        <v>28</v>
      </c>
      <c r="BT15" s="148">
        <v>0</v>
      </c>
      <c r="BU15" s="146">
        <v>5</v>
      </c>
      <c r="BV15" s="146">
        <v>25</v>
      </c>
      <c r="BW15" s="146">
        <v>12</v>
      </c>
      <c r="BX15" s="146">
        <v>6</v>
      </c>
      <c r="BY15" s="146">
        <v>0</v>
      </c>
      <c r="BZ15" s="151">
        <v>48</v>
      </c>
      <c r="CA15" s="150">
        <v>76</v>
      </c>
      <c r="CB15" s="145">
        <v>0</v>
      </c>
      <c r="CC15" s="146">
        <v>2</v>
      </c>
      <c r="CD15" s="151">
        <v>2</v>
      </c>
      <c r="CE15" s="148">
        <v>0</v>
      </c>
      <c r="CF15" s="146">
        <v>4</v>
      </c>
      <c r="CG15" s="146">
        <v>7</v>
      </c>
      <c r="CH15" s="146">
        <v>6</v>
      </c>
      <c r="CI15" s="146">
        <v>7</v>
      </c>
      <c r="CJ15" s="146">
        <v>3</v>
      </c>
      <c r="CK15" s="151">
        <v>27</v>
      </c>
      <c r="CL15" s="150">
        <v>29</v>
      </c>
      <c r="CM15" s="145">
        <v>0</v>
      </c>
      <c r="CN15" s="146">
        <v>0</v>
      </c>
      <c r="CO15" s="151">
        <v>0</v>
      </c>
      <c r="CP15" s="148">
        <v>0</v>
      </c>
      <c r="CQ15" s="146">
        <v>1</v>
      </c>
      <c r="CR15" s="146">
        <v>0</v>
      </c>
      <c r="CS15" s="146">
        <v>0</v>
      </c>
      <c r="CT15" s="146">
        <v>1</v>
      </c>
      <c r="CU15" s="146">
        <v>0</v>
      </c>
      <c r="CV15" s="151">
        <v>2</v>
      </c>
      <c r="CW15" s="150">
        <v>2</v>
      </c>
      <c r="CX15" s="145">
        <v>0</v>
      </c>
      <c r="CY15" s="146">
        <v>0</v>
      </c>
      <c r="CZ15" s="151">
        <v>0</v>
      </c>
      <c r="DA15" s="148">
        <v>0</v>
      </c>
      <c r="DB15" s="146">
        <v>0</v>
      </c>
      <c r="DC15" s="146">
        <v>0</v>
      </c>
      <c r="DD15" s="146">
        <v>0</v>
      </c>
      <c r="DE15" s="146">
        <v>0</v>
      </c>
      <c r="DF15" s="146">
        <v>0</v>
      </c>
      <c r="DG15" s="151">
        <v>0</v>
      </c>
      <c r="DH15" s="150">
        <v>0</v>
      </c>
      <c r="DI15" s="145">
        <v>0</v>
      </c>
      <c r="DJ15" s="146">
        <v>0</v>
      </c>
      <c r="DK15" s="151">
        <v>0</v>
      </c>
      <c r="DL15" s="148">
        <v>0</v>
      </c>
      <c r="DM15" s="146">
        <v>0</v>
      </c>
      <c r="DN15" s="146">
        <v>0</v>
      </c>
      <c r="DO15" s="146">
        <v>0</v>
      </c>
      <c r="DP15" s="146">
        <v>0</v>
      </c>
      <c r="DQ15" s="146">
        <v>0</v>
      </c>
      <c r="DR15" s="151">
        <v>0</v>
      </c>
      <c r="DS15" s="150">
        <v>0</v>
      </c>
      <c r="DT15" s="145">
        <v>33</v>
      </c>
      <c r="DU15" s="146">
        <v>54</v>
      </c>
      <c r="DV15" s="151">
        <v>87</v>
      </c>
      <c r="DW15" s="148">
        <v>0</v>
      </c>
      <c r="DX15" s="146">
        <v>35</v>
      </c>
      <c r="DY15" s="146">
        <v>95</v>
      </c>
      <c r="DZ15" s="146">
        <v>54</v>
      </c>
      <c r="EA15" s="146">
        <v>40</v>
      </c>
      <c r="EB15" s="146">
        <v>18</v>
      </c>
      <c r="EC15" s="151">
        <v>242</v>
      </c>
      <c r="ED15" s="150">
        <v>329</v>
      </c>
      <c r="EE15" s="145">
        <v>4</v>
      </c>
      <c r="EF15" s="146">
        <v>7</v>
      </c>
      <c r="EG15" s="151">
        <v>11</v>
      </c>
      <c r="EH15" s="148">
        <v>0</v>
      </c>
      <c r="EI15" s="146">
        <v>14</v>
      </c>
      <c r="EJ15" s="146">
        <v>17</v>
      </c>
      <c r="EK15" s="146">
        <v>10</v>
      </c>
      <c r="EL15" s="146">
        <v>15</v>
      </c>
      <c r="EM15" s="146">
        <v>5</v>
      </c>
      <c r="EN15" s="151">
        <v>61</v>
      </c>
      <c r="EO15" s="150">
        <v>72</v>
      </c>
      <c r="EP15" s="145">
        <v>48</v>
      </c>
      <c r="EQ15" s="146">
        <v>81</v>
      </c>
      <c r="ER15" s="151">
        <v>129</v>
      </c>
      <c r="ES15" s="148">
        <v>0</v>
      </c>
      <c r="ET15" s="146">
        <v>113</v>
      </c>
      <c r="EU15" s="146">
        <v>135</v>
      </c>
      <c r="EV15" s="146">
        <v>58</v>
      </c>
      <c r="EW15" s="146">
        <v>40</v>
      </c>
      <c r="EX15" s="146">
        <v>15</v>
      </c>
      <c r="EY15" s="151">
        <v>361</v>
      </c>
      <c r="EZ15" s="150">
        <v>490</v>
      </c>
    </row>
    <row r="16" spans="2:156" ht="21" customHeight="1" x14ac:dyDescent="0.2">
      <c r="B16" s="152" t="s">
        <v>13</v>
      </c>
      <c r="C16" s="145">
        <v>0</v>
      </c>
      <c r="D16" s="146">
        <v>0</v>
      </c>
      <c r="E16" s="147">
        <v>0</v>
      </c>
      <c r="F16" s="148">
        <v>0</v>
      </c>
      <c r="G16" s="146">
        <v>19</v>
      </c>
      <c r="H16" s="146">
        <v>17</v>
      </c>
      <c r="I16" s="146">
        <v>14</v>
      </c>
      <c r="J16" s="146">
        <v>12</v>
      </c>
      <c r="K16" s="146">
        <v>13</v>
      </c>
      <c r="L16" s="149">
        <v>75</v>
      </c>
      <c r="M16" s="150">
        <v>75</v>
      </c>
      <c r="N16" s="145">
        <v>0</v>
      </c>
      <c r="O16" s="146">
        <v>0</v>
      </c>
      <c r="P16" s="151">
        <v>0</v>
      </c>
      <c r="Q16" s="148">
        <v>0</v>
      </c>
      <c r="R16" s="146">
        <v>0</v>
      </c>
      <c r="S16" s="146">
        <v>0</v>
      </c>
      <c r="T16" s="146">
        <v>1</v>
      </c>
      <c r="U16" s="146">
        <v>2</v>
      </c>
      <c r="V16" s="146">
        <v>3</v>
      </c>
      <c r="W16" s="151">
        <v>6</v>
      </c>
      <c r="X16" s="150">
        <v>6</v>
      </c>
      <c r="Y16" s="145">
        <v>1</v>
      </c>
      <c r="Z16" s="146">
        <v>1</v>
      </c>
      <c r="AA16" s="151">
        <v>2</v>
      </c>
      <c r="AB16" s="148">
        <v>0</v>
      </c>
      <c r="AC16" s="146">
        <v>10</v>
      </c>
      <c r="AD16" s="146">
        <v>21</v>
      </c>
      <c r="AE16" s="146">
        <v>10</v>
      </c>
      <c r="AF16" s="146">
        <v>6</v>
      </c>
      <c r="AG16" s="146">
        <v>9</v>
      </c>
      <c r="AH16" s="151">
        <v>56</v>
      </c>
      <c r="AI16" s="150">
        <v>58</v>
      </c>
      <c r="AJ16" s="145">
        <v>1</v>
      </c>
      <c r="AK16" s="146">
        <v>0</v>
      </c>
      <c r="AL16" s="151">
        <v>1</v>
      </c>
      <c r="AM16" s="148">
        <v>0</v>
      </c>
      <c r="AN16" s="146">
        <v>3</v>
      </c>
      <c r="AO16" s="146">
        <v>2</v>
      </c>
      <c r="AP16" s="146">
        <v>3</v>
      </c>
      <c r="AQ16" s="146">
        <v>0</v>
      </c>
      <c r="AR16" s="146">
        <v>0</v>
      </c>
      <c r="AS16" s="151">
        <v>8</v>
      </c>
      <c r="AT16" s="150">
        <v>9</v>
      </c>
      <c r="AU16" s="145">
        <v>2</v>
      </c>
      <c r="AV16" s="146">
        <v>4</v>
      </c>
      <c r="AW16" s="151">
        <v>6</v>
      </c>
      <c r="AX16" s="148">
        <v>0</v>
      </c>
      <c r="AY16" s="146">
        <v>21</v>
      </c>
      <c r="AZ16" s="146">
        <v>23</v>
      </c>
      <c r="BA16" s="146">
        <v>21</v>
      </c>
      <c r="BB16" s="146">
        <v>25</v>
      </c>
      <c r="BC16" s="146">
        <v>14</v>
      </c>
      <c r="BD16" s="149">
        <v>104</v>
      </c>
      <c r="BE16" s="150">
        <v>110</v>
      </c>
      <c r="BF16" s="145">
        <v>0</v>
      </c>
      <c r="BG16" s="146">
        <v>0</v>
      </c>
      <c r="BH16" s="151">
        <v>0</v>
      </c>
      <c r="BI16" s="148">
        <v>0</v>
      </c>
      <c r="BJ16" s="146">
        <v>25</v>
      </c>
      <c r="BK16" s="146">
        <v>18</v>
      </c>
      <c r="BL16" s="146">
        <v>9</v>
      </c>
      <c r="BM16" s="146">
        <v>8</v>
      </c>
      <c r="BN16" s="146">
        <v>3</v>
      </c>
      <c r="BO16" s="151">
        <v>63</v>
      </c>
      <c r="BP16" s="150">
        <v>63</v>
      </c>
      <c r="BQ16" s="145">
        <v>0</v>
      </c>
      <c r="BR16" s="146">
        <v>1</v>
      </c>
      <c r="BS16" s="151">
        <v>1</v>
      </c>
      <c r="BT16" s="148">
        <v>0</v>
      </c>
      <c r="BU16" s="146">
        <v>6</v>
      </c>
      <c r="BV16" s="146">
        <v>2</v>
      </c>
      <c r="BW16" s="146">
        <v>1</v>
      </c>
      <c r="BX16" s="146">
        <v>2</v>
      </c>
      <c r="BY16" s="146">
        <v>0</v>
      </c>
      <c r="BZ16" s="151">
        <v>11</v>
      </c>
      <c r="CA16" s="150">
        <v>12</v>
      </c>
      <c r="CB16" s="145">
        <v>0</v>
      </c>
      <c r="CC16" s="146">
        <v>0</v>
      </c>
      <c r="CD16" s="151">
        <v>0</v>
      </c>
      <c r="CE16" s="148">
        <v>0</v>
      </c>
      <c r="CF16" s="146">
        <v>5</v>
      </c>
      <c r="CG16" s="146">
        <v>4</v>
      </c>
      <c r="CH16" s="146">
        <v>2</v>
      </c>
      <c r="CI16" s="146">
        <v>1</v>
      </c>
      <c r="CJ16" s="146">
        <v>1</v>
      </c>
      <c r="CK16" s="151">
        <v>13</v>
      </c>
      <c r="CL16" s="150">
        <v>13</v>
      </c>
      <c r="CM16" s="145">
        <v>0</v>
      </c>
      <c r="CN16" s="146">
        <v>0</v>
      </c>
      <c r="CO16" s="151">
        <v>0</v>
      </c>
      <c r="CP16" s="148">
        <v>0</v>
      </c>
      <c r="CQ16" s="146">
        <v>1</v>
      </c>
      <c r="CR16" s="146">
        <v>0</v>
      </c>
      <c r="CS16" s="146">
        <v>0</v>
      </c>
      <c r="CT16" s="146">
        <v>1</v>
      </c>
      <c r="CU16" s="146">
        <v>0</v>
      </c>
      <c r="CV16" s="151">
        <v>2</v>
      </c>
      <c r="CW16" s="150">
        <v>2</v>
      </c>
      <c r="CX16" s="145">
        <v>0</v>
      </c>
      <c r="CY16" s="146">
        <v>0</v>
      </c>
      <c r="CZ16" s="151">
        <v>0</v>
      </c>
      <c r="DA16" s="148">
        <v>0</v>
      </c>
      <c r="DB16" s="146">
        <v>0</v>
      </c>
      <c r="DC16" s="146">
        <v>0</v>
      </c>
      <c r="DD16" s="146">
        <v>0</v>
      </c>
      <c r="DE16" s="146">
        <v>0</v>
      </c>
      <c r="DF16" s="146">
        <v>0</v>
      </c>
      <c r="DG16" s="151">
        <v>0</v>
      </c>
      <c r="DH16" s="150">
        <v>0</v>
      </c>
      <c r="DI16" s="145">
        <v>0</v>
      </c>
      <c r="DJ16" s="146">
        <v>0</v>
      </c>
      <c r="DK16" s="151">
        <v>0</v>
      </c>
      <c r="DL16" s="148">
        <v>0</v>
      </c>
      <c r="DM16" s="146">
        <v>0</v>
      </c>
      <c r="DN16" s="146">
        <v>0</v>
      </c>
      <c r="DO16" s="146">
        <v>0</v>
      </c>
      <c r="DP16" s="146">
        <v>0</v>
      </c>
      <c r="DQ16" s="146">
        <v>0</v>
      </c>
      <c r="DR16" s="151">
        <v>0</v>
      </c>
      <c r="DS16" s="150">
        <v>0</v>
      </c>
      <c r="DT16" s="145">
        <v>8</v>
      </c>
      <c r="DU16" s="146">
        <v>6</v>
      </c>
      <c r="DV16" s="151">
        <v>14</v>
      </c>
      <c r="DW16" s="148">
        <v>0</v>
      </c>
      <c r="DX16" s="146">
        <v>27</v>
      </c>
      <c r="DY16" s="146">
        <v>46</v>
      </c>
      <c r="DZ16" s="146">
        <v>17</v>
      </c>
      <c r="EA16" s="146">
        <v>17</v>
      </c>
      <c r="EB16" s="146">
        <v>15</v>
      </c>
      <c r="EC16" s="151">
        <v>122</v>
      </c>
      <c r="ED16" s="150">
        <v>136</v>
      </c>
      <c r="EE16" s="145">
        <v>0</v>
      </c>
      <c r="EF16" s="146">
        <v>2</v>
      </c>
      <c r="EG16" s="151">
        <v>2</v>
      </c>
      <c r="EH16" s="148">
        <v>0</v>
      </c>
      <c r="EI16" s="146">
        <v>10</v>
      </c>
      <c r="EJ16" s="146">
        <v>9</v>
      </c>
      <c r="EK16" s="146">
        <v>7</v>
      </c>
      <c r="EL16" s="146">
        <v>14</v>
      </c>
      <c r="EM16" s="146">
        <v>5</v>
      </c>
      <c r="EN16" s="151">
        <v>45</v>
      </c>
      <c r="EO16" s="150">
        <v>47</v>
      </c>
      <c r="EP16" s="145">
        <v>8</v>
      </c>
      <c r="EQ16" s="146">
        <v>6</v>
      </c>
      <c r="ER16" s="151">
        <v>14</v>
      </c>
      <c r="ES16" s="148">
        <v>0</v>
      </c>
      <c r="ET16" s="146">
        <v>67</v>
      </c>
      <c r="EU16" s="146">
        <v>62</v>
      </c>
      <c r="EV16" s="146">
        <v>27</v>
      </c>
      <c r="EW16" s="146">
        <v>17</v>
      </c>
      <c r="EX16" s="146">
        <v>13</v>
      </c>
      <c r="EY16" s="151">
        <v>186</v>
      </c>
      <c r="EZ16" s="150">
        <v>200</v>
      </c>
    </row>
    <row r="17" spans="2:156" ht="21" customHeight="1" x14ac:dyDescent="0.2">
      <c r="B17" s="152" t="s">
        <v>15</v>
      </c>
      <c r="C17" s="145">
        <v>0</v>
      </c>
      <c r="D17" s="146">
        <v>0</v>
      </c>
      <c r="E17" s="147">
        <v>0</v>
      </c>
      <c r="F17" s="148">
        <v>0</v>
      </c>
      <c r="G17" s="146">
        <v>5</v>
      </c>
      <c r="H17" s="146">
        <v>8</v>
      </c>
      <c r="I17" s="146">
        <v>1</v>
      </c>
      <c r="J17" s="146">
        <v>3</v>
      </c>
      <c r="K17" s="146">
        <v>1</v>
      </c>
      <c r="L17" s="149">
        <v>18</v>
      </c>
      <c r="M17" s="150">
        <v>18</v>
      </c>
      <c r="N17" s="145">
        <v>0</v>
      </c>
      <c r="O17" s="146">
        <v>0</v>
      </c>
      <c r="P17" s="151">
        <v>0</v>
      </c>
      <c r="Q17" s="148">
        <v>0</v>
      </c>
      <c r="R17" s="146">
        <v>0</v>
      </c>
      <c r="S17" s="146">
        <v>0</v>
      </c>
      <c r="T17" s="146">
        <v>0</v>
      </c>
      <c r="U17" s="146">
        <v>4</v>
      </c>
      <c r="V17" s="146">
        <v>0</v>
      </c>
      <c r="W17" s="151">
        <v>4</v>
      </c>
      <c r="X17" s="150">
        <v>4</v>
      </c>
      <c r="Y17" s="145">
        <v>0</v>
      </c>
      <c r="Z17" s="146">
        <v>2</v>
      </c>
      <c r="AA17" s="151">
        <v>2</v>
      </c>
      <c r="AB17" s="148">
        <v>0</v>
      </c>
      <c r="AC17" s="146">
        <v>4</v>
      </c>
      <c r="AD17" s="146">
        <v>8</v>
      </c>
      <c r="AE17" s="146">
        <v>1</v>
      </c>
      <c r="AF17" s="146">
        <v>6</v>
      </c>
      <c r="AG17" s="146">
        <v>1</v>
      </c>
      <c r="AH17" s="151">
        <v>20</v>
      </c>
      <c r="AI17" s="150">
        <v>22</v>
      </c>
      <c r="AJ17" s="145">
        <v>0</v>
      </c>
      <c r="AK17" s="146">
        <v>0</v>
      </c>
      <c r="AL17" s="151">
        <v>0</v>
      </c>
      <c r="AM17" s="148">
        <v>0</v>
      </c>
      <c r="AN17" s="146">
        <v>4</v>
      </c>
      <c r="AO17" s="146">
        <v>1</v>
      </c>
      <c r="AP17" s="146">
        <v>0</v>
      </c>
      <c r="AQ17" s="146">
        <v>0</v>
      </c>
      <c r="AR17" s="146">
        <v>0</v>
      </c>
      <c r="AS17" s="151">
        <v>5</v>
      </c>
      <c r="AT17" s="150">
        <v>5</v>
      </c>
      <c r="AU17" s="145">
        <v>0</v>
      </c>
      <c r="AV17" s="146">
        <v>1</v>
      </c>
      <c r="AW17" s="151">
        <v>1</v>
      </c>
      <c r="AX17" s="148">
        <v>0</v>
      </c>
      <c r="AY17" s="146">
        <v>12</v>
      </c>
      <c r="AZ17" s="146">
        <v>4</v>
      </c>
      <c r="BA17" s="146">
        <v>5</v>
      </c>
      <c r="BB17" s="146">
        <v>8</v>
      </c>
      <c r="BC17" s="146">
        <v>1</v>
      </c>
      <c r="BD17" s="149">
        <v>30</v>
      </c>
      <c r="BE17" s="150">
        <v>31</v>
      </c>
      <c r="BF17" s="145">
        <v>0</v>
      </c>
      <c r="BG17" s="146">
        <v>0</v>
      </c>
      <c r="BH17" s="151">
        <v>0</v>
      </c>
      <c r="BI17" s="148">
        <v>0</v>
      </c>
      <c r="BJ17" s="146">
        <v>5</v>
      </c>
      <c r="BK17" s="146">
        <v>6</v>
      </c>
      <c r="BL17" s="146">
        <v>1</v>
      </c>
      <c r="BM17" s="146">
        <v>3</v>
      </c>
      <c r="BN17" s="146">
        <v>0</v>
      </c>
      <c r="BO17" s="151">
        <v>15</v>
      </c>
      <c r="BP17" s="150">
        <v>15</v>
      </c>
      <c r="BQ17" s="145">
        <v>0</v>
      </c>
      <c r="BR17" s="146">
        <v>0</v>
      </c>
      <c r="BS17" s="151">
        <v>0</v>
      </c>
      <c r="BT17" s="148">
        <v>0</v>
      </c>
      <c r="BU17" s="146">
        <v>0</v>
      </c>
      <c r="BV17" s="146">
        <v>1</v>
      </c>
      <c r="BW17" s="146">
        <v>4</v>
      </c>
      <c r="BX17" s="146">
        <v>1</v>
      </c>
      <c r="BY17" s="146">
        <v>0</v>
      </c>
      <c r="BZ17" s="151">
        <v>6</v>
      </c>
      <c r="CA17" s="150">
        <v>6</v>
      </c>
      <c r="CB17" s="145">
        <v>0</v>
      </c>
      <c r="CC17" s="146">
        <v>0</v>
      </c>
      <c r="CD17" s="151">
        <v>0</v>
      </c>
      <c r="CE17" s="148">
        <v>0</v>
      </c>
      <c r="CF17" s="146">
        <v>0</v>
      </c>
      <c r="CG17" s="146">
        <v>3</v>
      </c>
      <c r="CH17" s="146">
        <v>1</v>
      </c>
      <c r="CI17" s="146">
        <v>1</v>
      </c>
      <c r="CJ17" s="146">
        <v>1</v>
      </c>
      <c r="CK17" s="151">
        <v>6</v>
      </c>
      <c r="CL17" s="150">
        <v>6</v>
      </c>
      <c r="CM17" s="145">
        <v>0</v>
      </c>
      <c r="CN17" s="146">
        <v>0</v>
      </c>
      <c r="CO17" s="151">
        <v>0</v>
      </c>
      <c r="CP17" s="148">
        <v>0</v>
      </c>
      <c r="CQ17" s="146">
        <v>0</v>
      </c>
      <c r="CR17" s="146">
        <v>0</v>
      </c>
      <c r="CS17" s="146">
        <v>0</v>
      </c>
      <c r="CT17" s="146">
        <v>0</v>
      </c>
      <c r="CU17" s="146">
        <v>0</v>
      </c>
      <c r="CV17" s="151">
        <v>0</v>
      </c>
      <c r="CW17" s="150">
        <v>0</v>
      </c>
      <c r="CX17" s="145">
        <v>0</v>
      </c>
      <c r="CY17" s="146">
        <v>0</v>
      </c>
      <c r="CZ17" s="151">
        <v>0</v>
      </c>
      <c r="DA17" s="148">
        <v>0</v>
      </c>
      <c r="DB17" s="146">
        <v>0</v>
      </c>
      <c r="DC17" s="146">
        <v>0</v>
      </c>
      <c r="DD17" s="146">
        <v>0</v>
      </c>
      <c r="DE17" s="146">
        <v>0</v>
      </c>
      <c r="DF17" s="146">
        <v>0</v>
      </c>
      <c r="DG17" s="151">
        <v>0</v>
      </c>
      <c r="DH17" s="150">
        <v>0</v>
      </c>
      <c r="DI17" s="145">
        <v>0</v>
      </c>
      <c r="DJ17" s="146">
        <v>0</v>
      </c>
      <c r="DK17" s="151">
        <v>0</v>
      </c>
      <c r="DL17" s="148">
        <v>0</v>
      </c>
      <c r="DM17" s="146">
        <v>0</v>
      </c>
      <c r="DN17" s="146">
        <v>0</v>
      </c>
      <c r="DO17" s="146">
        <v>0</v>
      </c>
      <c r="DP17" s="146">
        <v>0</v>
      </c>
      <c r="DQ17" s="146">
        <v>0</v>
      </c>
      <c r="DR17" s="151">
        <v>0</v>
      </c>
      <c r="DS17" s="150">
        <v>0</v>
      </c>
      <c r="DT17" s="145">
        <v>1</v>
      </c>
      <c r="DU17" s="146">
        <v>6</v>
      </c>
      <c r="DV17" s="151">
        <v>7</v>
      </c>
      <c r="DW17" s="148">
        <v>0</v>
      </c>
      <c r="DX17" s="146">
        <v>10</v>
      </c>
      <c r="DY17" s="146">
        <v>18</v>
      </c>
      <c r="DZ17" s="146">
        <v>11</v>
      </c>
      <c r="EA17" s="146">
        <v>12</v>
      </c>
      <c r="EB17" s="146">
        <v>4</v>
      </c>
      <c r="EC17" s="151">
        <v>55</v>
      </c>
      <c r="ED17" s="150">
        <v>62</v>
      </c>
      <c r="EE17" s="145">
        <v>0</v>
      </c>
      <c r="EF17" s="146">
        <v>4</v>
      </c>
      <c r="EG17" s="151">
        <v>4</v>
      </c>
      <c r="EH17" s="148">
        <v>0</v>
      </c>
      <c r="EI17" s="146">
        <v>9</v>
      </c>
      <c r="EJ17" s="146">
        <v>0</v>
      </c>
      <c r="EK17" s="146">
        <v>2</v>
      </c>
      <c r="EL17" s="146">
        <v>1</v>
      </c>
      <c r="EM17" s="146">
        <v>0</v>
      </c>
      <c r="EN17" s="151">
        <v>12</v>
      </c>
      <c r="EO17" s="150">
        <v>16</v>
      </c>
      <c r="EP17" s="145">
        <v>1</v>
      </c>
      <c r="EQ17" s="146">
        <v>8</v>
      </c>
      <c r="ER17" s="151">
        <v>9</v>
      </c>
      <c r="ES17" s="148">
        <v>0</v>
      </c>
      <c r="ET17" s="146">
        <v>29</v>
      </c>
      <c r="EU17" s="146">
        <v>27</v>
      </c>
      <c r="EV17" s="146">
        <v>10</v>
      </c>
      <c r="EW17" s="146">
        <v>16</v>
      </c>
      <c r="EX17" s="146">
        <v>4</v>
      </c>
      <c r="EY17" s="151">
        <v>86</v>
      </c>
      <c r="EZ17" s="150">
        <v>95</v>
      </c>
    </row>
    <row r="18" spans="2:156" ht="21" customHeight="1" x14ac:dyDescent="0.2">
      <c r="B18" s="152" t="s">
        <v>16</v>
      </c>
      <c r="C18" s="145">
        <v>0</v>
      </c>
      <c r="D18" s="146">
        <v>0</v>
      </c>
      <c r="E18" s="147">
        <v>0</v>
      </c>
      <c r="F18" s="148">
        <v>0</v>
      </c>
      <c r="G18" s="146">
        <v>15</v>
      </c>
      <c r="H18" s="146">
        <v>12</v>
      </c>
      <c r="I18" s="146">
        <v>13</v>
      </c>
      <c r="J18" s="146">
        <v>3</v>
      </c>
      <c r="K18" s="146">
        <v>3</v>
      </c>
      <c r="L18" s="149">
        <v>46</v>
      </c>
      <c r="M18" s="150">
        <v>46</v>
      </c>
      <c r="N18" s="145">
        <v>0</v>
      </c>
      <c r="O18" s="146">
        <v>0</v>
      </c>
      <c r="P18" s="151">
        <v>0</v>
      </c>
      <c r="Q18" s="148">
        <v>0</v>
      </c>
      <c r="R18" s="146">
        <v>0</v>
      </c>
      <c r="S18" s="146">
        <v>0</v>
      </c>
      <c r="T18" s="146">
        <v>1</v>
      </c>
      <c r="U18" s="146">
        <v>0</v>
      </c>
      <c r="V18" s="146">
        <v>1</v>
      </c>
      <c r="W18" s="151">
        <v>2</v>
      </c>
      <c r="X18" s="150">
        <v>2</v>
      </c>
      <c r="Y18" s="145">
        <v>6</v>
      </c>
      <c r="Z18" s="146">
        <v>3</v>
      </c>
      <c r="AA18" s="151">
        <v>9</v>
      </c>
      <c r="AB18" s="148">
        <v>0</v>
      </c>
      <c r="AC18" s="146">
        <v>16</v>
      </c>
      <c r="AD18" s="146">
        <v>24</v>
      </c>
      <c r="AE18" s="146">
        <v>5</v>
      </c>
      <c r="AF18" s="146">
        <v>10</v>
      </c>
      <c r="AG18" s="146">
        <v>7</v>
      </c>
      <c r="AH18" s="151">
        <v>62</v>
      </c>
      <c r="AI18" s="150">
        <v>71</v>
      </c>
      <c r="AJ18" s="145">
        <v>0</v>
      </c>
      <c r="AK18" s="146">
        <v>1</v>
      </c>
      <c r="AL18" s="151">
        <v>1</v>
      </c>
      <c r="AM18" s="148">
        <v>0</v>
      </c>
      <c r="AN18" s="146">
        <v>1</v>
      </c>
      <c r="AO18" s="146">
        <v>2</v>
      </c>
      <c r="AP18" s="146">
        <v>0</v>
      </c>
      <c r="AQ18" s="146">
        <v>1</v>
      </c>
      <c r="AR18" s="146">
        <v>1</v>
      </c>
      <c r="AS18" s="151">
        <v>5</v>
      </c>
      <c r="AT18" s="150">
        <v>6</v>
      </c>
      <c r="AU18" s="145">
        <v>2</v>
      </c>
      <c r="AV18" s="146">
        <v>4</v>
      </c>
      <c r="AW18" s="151">
        <v>6</v>
      </c>
      <c r="AX18" s="148">
        <v>0</v>
      </c>
      <c r="AY18" s="146">
        <v>15</v>
      </c>
      <c r="AZ18" s="146">
        <v>24</v>
      </c>
      <c r="BA18" s="146">
        <v>14</v>
      </c>
      <c r="BB18" s="146">
        <v>19</v>
      </c>
      <c r="BC18" s="146">
        <v>11</v>
      </c>
      <c r="BD18" s="149">
        <v>83</v>
      </c>
      <c r="BE18" s="150">
        <v>89</v>
      </c>
      <c r="BF18" s="145">
        <v>0</v>
      </c>
      <c r="BG18" s="146">
        <v>0</v>
      </c>
      <c r="BH18" s="151">
        <v>0</v>
      </c>
      <c r="BI18" s="148">
        <v>0</v>
      </c>
      <c r="BJ18" s="146">
        <v>22</v>
      </c>
      <c r="BK18" s="146">
        <v>22</v>
      </c>
      <c r="BL18" s="146">
        <v>11</v>
      </c>
      <c r="BM18" s="146">
        <v>4</v>
      </c>
      <c r="BN18" s="146">
        <v>1</v>
      </c>
      <c r="BO18" s="151">
        <v>60</v>
      </c>
      <c r="BP18" s="150">
        <v>60</v>
      </c>
      <c r="BQ18" s="145">
        <v>2</v>
      </c>
      <c r="BR18" s="146">
        <v>10</v>
      </c>
      <c r="BS18" s="151">
        <v>12</v>
      </c>
      <c r="BT18" s="148">
        <v>0</v>
      </c>
      <c r="BU18" s="146">
        <v>10</v>
      </c>
      <c r="BV18" s="146">
        <v>19</v>
      </c>
      <c r="BW18" s="146">
        <v>6</v>
      </c>
      <c r="BX18" s="146">
        <v>2</v>
      </c>
      <c r="BY18" s="146">
        <v>2</v>
      </c>
      <c r="BZ18" s="151">
        <v>39</v>
      </c>
      <c r="CA18" s="150">
        <v>51</v>
      </c>
      <c r="CB18" s="145">
        <v>0</v>
      </c>
      <c r="CC18" s="146">
        <v>0</v>
      </c>
      <c r="CD18" s="151">
        <v>0</v>
      </c>
      <c r="CE18" s="148">
        <v>0</v>
      </c>
      <c r="CF18" s="146">
        <v>1</v>
      </c>
      <c r="CG18" s="146">
        <v>0</v>
      </c>
      <c r="CH18" s="146">
        <v>1</v>
      </c>
      <c r="CI18" s="146">
        <v>1</v>
      </c>
      <c r="CJ18" s="146">
        <v>0</v>
      </c>
      <c r="CK18" s="151">
        <v>3</v>
      </c>
      <c r="CL18" s="150">
        <v>3</v>
      </c>
      <c r="CM18" s="145">
        <v>0</v>
      </c>
      <c r="CN18" s="146">
        <v>0</v>
      </c>
      <c r="CO18" s="151">
        <v>0</v>
      </c>
      <c r="CP18" s="148">
        <v>0</v>
      </c>
      <c r="CQ18" s="146">
        <v>1</v>
      </c>
      <c r="CR18" s="146">
        <v>1</v>
      </c>
      <c r="CS18" s="146">
        <v>0</v>
      </c>
      <c r="CT18" s="146">
        <v>0</v>
      </c>
      <c r="CU18" s="146">
        <v>1</v>
      </c>
      <c r="CV18" s="151">
        <v>3</v>
      </c>
      <c r="CW18" s="150">
        <v>3</v>
      </c>
      <c r="CX18" s="145">
        <v>0</v>
      </c>
      <c r="CY18" s="146">
        <v>0</v>
      </c>
      <c r="CZ18" s="151">
        <v>0</v>
      </c>
      <c r="DA18" s="148">
        <v>0</v>
      </c>
      <c r="DB18" s="146">
        <v>0</v>
      </c>
      <c r="DC18" s="146">
        <v>0</v>
      </c>
      <c r="DD18" s="146">
        <v>0</v>
      </c>
      <c r="DE18" s="146">
        <v>0</v>
      </c>
      <c r="DF18" s="146">
        <v>0</v>
      </c>
      <c r="DG18" s="151">
        <v>0</v>
      </c>
      <c r="DH18" s="150">
        <v>0</v>
      </c>
      <c r="DI18" s="145">
        <v>0</v>
      </c>
      <c r="DJ18" s="146">
        <v>0</v>
      </c>
      <c r="DK18" s="151">
        <v>0</v>
      </c>
      <c r="DL18" s="148">
        <v>0</v>
      </c>
      <c r="DM18" s="146">
        <v>0</v>
      </c>
      <c r="DN18" s="146">
        <v>0</v>
      </c>
      <c r="DO18" s="146">
        <v>0</v>
      </c>
      <c r="DP18" s="146">
        <v>0</v>
      </c>
      <c r="DQ18" s="146">
        <v>0</v>
      </c>
      <c r="DR18" s="151">
        <v>0</v>
      </c>
      <c r="DS18" s="150">
        <v>0</v>
      </c>
      <c r="DT18" s="145">
        <v>13</v>
      </c>
      <c r="DU18" s="146">
        <v>20</v>
      </c>
      <c r="DV18" s="151">
        <v>33</v>
      </c>
      <c r="DW18" s="148">
        <v>0</v>
      </c>
      <c r="DX18" s="146">
        <v>22</v>
      </c>
      <c r="DY18" s="146">
        <v>47</v>
      </c>
      <c r="DZ18" s="146">
        <v>32</v>
      </c>
      <c r="EA18" s="146">
        <v>13</v>
      </c>
      <c r="EB18" s="146">
        <v>7</v>
      </c>
      <c r="EC18" s="151">
        <v>121</v>
      </c>
      <c r="ED18" s="150">
        <v>154</v>
      </c>
      <c r="EE18" s="145">
        <v>1</v>
      </c>
      <c r="EF18" s="146">
        <v>1</v>
      </c>
      <c r="EG18" s="151">
        <v>2</v>
      </c>
      <c r="EH18" s="148">
        <v>0</v>
      </c>
      <c r="EI18" s="146">
        <v>9</v>
      </c>
      <c r="EJ18" s="146">
        <v>13</v>
      </c>
      <c r="EK18" s="146">
        <v>5</v>
      </c>
      <c r="EL18" s="146">
        <v>11</v>
      </c>
      <c r="EM18" s="146">
        <v>4</v>
      </c>
      <c r="EN18" s="151">
        <v>42</v>
      </c>
      <c r="EO18" s="150">
        <v>44</v>
      </c>
      <c r="EP18" s="145">
        <v>19</v>
      </c>
      <c r="EQ18" s="146">
        <v>29</v>
      </c>
      <c r="ER18" s="151">
        <v>48</v>
      </c>
      <c r="ES18" s="148">
        <v>0</v>
      </c>
      <c r="ET18" s="146">
        <v>60</v>
      </c>
      <c r="EU18" s="146">
        <v>67</v>
      </c>
      <c r="EV18" s="146">
        <v>33</v>
      </c>
      <c r="EW18" s="146">
        <v>13</v>
      </c>
      <c r="EX18" s="146">
        <v>8</v>
      </c>
      <c r="EY18" s="151">
        <v>181</v>
      </c>
      <c r="EZ18" s="150">
        <v>229</v>
      </c>
    </row>
    <row r="19" spans="2:156" ht="21" customHeight="1" x14ac:dyDescent="0.2">
      <c r="B19" s="152" t="s">
        <v>17</v>
      </c>
      <c r="C19" s="145">
        <v>0</v>
      </c>
      <c r="D19" s="146">
        <v>0</v>
      </c>
      <c r="E19" s="147">
        <v>0</v>
      </c>
      <c r="F19" s="148">
        <v>0</v>
      </c>
      <c r="G19" s="146">
        <v>16</v>
      </c>
      <c r="H19" s="146">
        <v>28</v>
      </c>
      <c r="I19" s="146">
        <v>18</v>
      </c>
      <c r="J19" s="146">
        <v>5</v>
      </c>
      <c r="K19" s="146">
        <v>6</v>
      </c>
      <c r="L19" s="149">
        <v>73</v>
      </c>
      <c r="M19" s="150">
        <v>73</v>
      </c>
      <c r="N19" s="145">
        <v>0</v>
      </c>
      <c r="O19" s="146">
        <v>0</v>
      </c>
      <c r="P19" s="151">
        <v>0</v>
      </c>
      <c r="Q19" s="148">
        <v>0</v>
      </c>
      <c r="R19" s="146">
        <v>0</v>
      </c>
      <c r="S19" s="146">
        <v>2</v>
      </c>
      <c r="T19" s="146">
        <v>1</v>
      </c>
      <c r="U19" s="146">
        <v>0</v>
      </c>
      <c r="V19" s="146">
        <v>0</v>
      </c>
      <c r="W19" s="151">
        <v>3</v>
      </c>
      <c r="X19" s="150">
        <v>3</v>
      </c>
      <c r="Y19" s="145">
        <v>2</v>
      </c>
      <c r="Z19" s="146">
        <v>3</v>
      </c>
      <c r="AA19" s="151">
        <v>5</v>
      </c>
      <c r="AB19" s="148">
        <v>0</v>
      </c>
      <c r="AC19" s="146">
        <v>16</v>
      </c>
      <c r="AD19" s="146">
        <v>22</v>
      </c>
      <c r="AE19" s="146">
        <v>18</v>
      </c>
      <c r="AF19" s="146">
        <v>9</v>
      </c>
      <c r="AG19" s="146">
        <v>3</v>
      </c>
      <c r="AH19" s="151">
        <v>68</v>
      </c>
      <c r="AI19" s="150">
        <v>73</v>
      </c>
      <c r="AJ19" s="145">
        <v>0</v>
      </c>
      <c r="AK19" s="146">
        <v>2</v>
      </c>
      <c r="AL19" s="151">
        <v>2</v>
      </c>
      <c r="AM19" s="148">
        <v>0</v>
      </c>
      <c r="AN19" s="146">
        <v>2</v>
      </c>
      <c r="AO19" s="146">
        <v>2</v>
      </c>
      <c r="AP19" s="146">
        <v>1</v>
      </c>
      <c r="AQ19" s="146">
        <v>0</v>
      </c>
      <c r="AR19" s="146">
        <v>1</v>
      </c>
      <c r="AS19" s="151">
        <v>6</v>
      </c>
      <c r="AT19" s="150">
        <v>8</v>
      </c>
      <c r="AU19" s="145">
        <v>9</v>
      </c>
      <c r="AV19" s="146">
        <v>3</v>
      </c>
      <c r="AW19" s="151">
        <v>12</v>
      </c>
      <c r="AX19" s="148">
        <v>0</v>
      </c>
      <c r="AY19" s="146">
        <v>14</v>
      </c>
      <c r="AZ19" s="146">
        <v>34</v>
      </c>
      <c r="BA19" s="146">
        <v>31</v>
      </c>
      <c r="BB19" s="146">
        <v>12</v>
      </c>
      <c r="BC19" s="146">
        <v>8</v>
      </c>
      <c r="BD19" s="149">
        <v>99</v>
      </c>
      <c r="BE19" s="150">
        <v>111</v>
      </c>
      <c r="BF19" s="145">
        <v>0</v>
      </c>
      <c r="BG19" s="146">
        <v>0</v>
      </c>
      <c r="BH19" s="151">
        <v>0</v>
      </c>
      <c r="BI19" s="148">
        <v>0</v>
      </c>
      <c r="BJ19" s="146">
        <v>19</v>
      </c>
      <c r="BK19" s="146">
        <v>26</v>
      </c>
      <c r="BL19" s="146">
        <v>20</v>
      </c>
      <c r="BM19" s="146">
        <v>4</v>
      </c>
      <c r="BN19" s="146">
        <v>2</v>
      </c>
      <c r="BO19" s="151">
        <v>71</v>
      </c>
      <c r="BP19" s="150">
        <v>71</v>
      </c>
      <c r="BQ19" s="145">
        <v>4</v>
      </c>
      <c r="BR19" s="146">
        <v>4</v>
      </c>
      <c r="BS19" s="151">
        <v>8</v>
      </c>
      <c r="BT19" s="148">
        <v>0</v>
      </c>
      <c r="BU19" s="146">
        <v>3</v>
      </c>
      <c r="BV19" s="146">
        <v>13</v>
      </c>
      <c r="BW19" s="146">
        <v>7</v>
      </c>
      <c r="BX19" s="146">
        <v>2</v>
      </c>
      <c r="BY19" s="146">
        <v>2</v>
      </c>
      <c r="BZ19" s="151">
        <v>27</v>
      </c>
      <c r="CA19" s="150">
        <v>35</v>
      </c>
      <c r="CB19" s="145">
        <v>0</v>
      </c>
      <c r="CC19" s="146">
        <v>1</v>
      </c>
      <c r="CD19" s="151">
        <v>1</v>
      </c>
      <c r="CE19" s="148">
        <v>0</v>
      </c>
      <c r="CF19" s="146">
        <v>4</v>
      </c>
      <c r="CG19" s="146">
        <v>12</v>
      </c>
      <c r="CH19" s="146">
        <v>6</v>
      </c>
      <c r="CI19" s="146">
        <v>1</v>
      </c>
      <c r="CJ19" s="146">
        <v>3</v>
      </c>
      <c r="CK19" s="151">
        <v>26</v>
      </c>
      <c r="CL19" s="150">
        <v>27</v>
      </c>
      <c r="CM19" s="145">
        <v>0</v>
      </c>
      <c r="CN19" s="146">
        <v>0</v>
      </c>
      <c r="CO19" s="151">
        <v>0</v>
      </c>
      <c r="CP19" s="148">
        <v>0</v>
      </c>
      <c r="CQ19" s="146">
        <v>0</v>
      </c>
      <c r="CR19" s="146">
        <v>1</v>
      </c>
      <c r="CS19" s="146">
        <v>2</v>
      </c>
      <c r="CT19" s="146">
        <v>1</v>
      </c>
      <c r="CU19" s="146">
        <v>0</v>
      </c>
      <c r="CV19" s="151">
        <v>4</v>
      </c>
      <c r="CW19" s="150">
        <v>4</v>
      </c>
      <c r="CX19" s="145">
        <v>0</v>
      </c>
      <c r="CY19" s="146">
        <v>0</v>
      </c>
      <c r="CZ19" s="151">
        <v>0</v>
      </c>
      <c r="DA19" s="148">
        <v>0</v>
      </c>
      <c r="DB19" s="146">
        <v>0</v>
      </c>
      <c r="DC19" s="146">
        <v>0</v>
      </c>
      <c r="DD19" s="146">
        <v>0</v>
      </c>
      <c r="DE19" s="146">
        <v>0</v>
      </c>
      <c r="DF19" s="146">
        <v>0</v>
      </c>
      <c r="DG19" s="151">
        <v>0</v>
      </c>
      <c r="DH19" s="150">
        <v>0</v>
      </c>
      <c r="DI19" s="145">
        <v>0</v>
      </c>
      <c r="DJ19" s="146">
        <v>0</v>
      </c>
      <c r="DK19" s="151">
        <v>0</v>
      </c>
      <c r="DL19" s="148">
        <v>0</v>
      </c>
      <c r="DM19" s="146">
        <v>0</v>
      </c>
      <c r="DN19" s="146">
        <v>0</v>
      </c>
      <c r="DO19" s="146">
        <v>0</v>
      </c>
      <c r="DP19" s="146">
        <v>0</v>
      </c>
      <c r="DQ19" s="146">
        <v>0</v>
      </c>
      <c r="DR19" s="151">
        <v>0</v>
      </c>
      <c r="DS19" s="150">
        <v>0</v>
      </c>
      <c r="DT19" s="145">
        <v>13</v>
      </c>
      <c r="DU19" s="146">
        <v>25</v>
      </c>
      <c r="DV19" s="151">
        <v>38</v>
      </c>
      <c r="DW19" s="148">
        <v>0</v>
      </c>
      <c r="DX19" s="146">
        <v>22</v>
      </c>
      <c r="DY19" s="146">
        <v>73</v>
      </c>
      <c r="DZ19" s="146">
        <v>45</v>
      </c>
      <c r="EA19" s="146">
        <v>14</v>
      </c>
      <c r="EB19" s="146">
        <v>9</v>
      </c>
      <c r="EC19" s="151">
        <v>163</v>
      </c>
      <c r="ED19" s="150">
        <v>201</v>
      </c>
      <c r="EE19" s="145">
        <v>4</v>
      </c>
      <c r="EF19" s="146">
        <v>1</v>
      </c>
      <c r="EG19" s="151">
        <v>5</v>
      </c>
      <c r="EH19" s="148">
        <v>0</v>
      </c>
      <c r="EI19" s="146">
        <v>6</v>
      </c>
      <c r="EJ19" s="146">
        <v>14</v>
      </c>
      <c r="EK19" s="146">
        <v>5</v>
      </c>
      <c r="EL19" s="146">
        <v>1</v>
      </c>
      <c r="EM19" s="146">
        <v>1</v>
      </c>
      <c r="EN19" s="151">
        <v>27</v>
      </c>
      <c r="EO19" s="150">
        <v>32</v>
      </c>
      <c r="EP19" s="145">
        <v>18</v>
      </c>
      <c r="EQ19" s="146">
        <v>29</v>
      </c>
      <c r="ER19" s="151">
        <v>47</v>
      </c>
      <c r="ES19" s="148">
        <v>0</v>
      </c>
      <c r="ET19" s="146">
        <v>76</v>
      </c>
      <c r="EU19" s="146">
        <v>103</v>
      </c>
      <c r="EV19" s="146">
        <v>52</v>
      </c>
      <c r="EW19" s="146">
        <v>16</v>
      </c>
      <c r="EX19" s="146">
        <v>9</v>
      </c>
      <c r="EY19" s="151">
        <v>256</v>
      </c>
      <c r="EZ19" s="150">
        <v>303</v>
      </c>
    </row>
    <row r="20" spans="2:156" ht="21" customHeight="1" x14ac:dyDescent="0.2">
      <c r="B20" s="152" t="s">
        <v>18</v>
      </c>
      <c r="C20" s="145">
        <v>0</v>
      </c>
      <c r="D20" s="146">
        <v>0</v>
      </c>
      <c r="E20" s="147">
        <v>0</v>
      </c>
      <c r="F20" s="148">
        <v>0</v>
      </c>
      <c r="G20" s="146">
        <v>22</v>
      </c>
      <c r="H20" s="146">
        <v>25</v>
      </c>
      <c r="I20" s="146">
        <v>20</v>
      </c>
      <c r="J20" s="146">
        <v>10</v>
      </c>
      <c r="K20" s="146">
        <v>8</v>
      </c>
      <c r="L20" s="149">
        <v>85</v>
      </c>
      <c r="M20" s="150">
        <v>85</v>
      </c>
      <c r="N20" s="145">
        <v>0</v>
      </c>
      <c r="O20" s="146">
        <v>0</v>
      </c>
      <c r="P20" s="151">
        <v>0</v>
      </c>
      <c r="Q20" s="148">
        <v>0</v>
      </c>
      <c r="R20" s="146">
        <v>0</v>
      </c>
      <c r="S20" s="146">
        <v>0</v>
      </c>
      <c r="T20" s="146">
        <v>0</v>
      </c>
      <c r="U20" s="146">
        <v>2</v>
      </c>
      <c r="V20" s="146">
        <v>7</v>
      </c>
      <c r="W20" s="151">
        <v>9</v>
      </c>
      <c r="X20" s="150">
        <v>9</v>
      </c>
      <c r="Y20" s="145">
        <v>7</v>
      </c>
      <c r="Z20" s="146">
        <v>12</v>
      </c>
      <c r="AA20" s="151">
        <v>19</v>
      </c>
      <c r="AB20" s="148">
        <v>0</v>
      </c>
      <c r="AC20" s="146">
        <v>26</v>
      </c>
      <c r="AD20" s="146">
        <v>32</v>
      </c>
      <c r="AE20" s="146">
        <v>18</v>
      </c>
      <c r="AF20" s="146">
        <v>8</v>
      </c>
      <c r="AG20" s="146">
        <v>6</v>
      </c>
      <c r="AH20" s="151">
        <v>90</v>
      </c>
      <c r="AI20" s="150">
        <v>109</v>
      </c>
      <c r="AJ20" s="145">
        <v>0</v>
      </c>
      <c r="AK20" s="146">
        <v>0</v>
      </c>
      <c r="AL20" s="151">
        <v>0</v>
      </c>
      <c r="AM20" s="148">
        <v>0</v>
      </c>
      <c r="AN20" s="146">
        <v>3</v>
      </c>
      <c r="AO20" s="146">
        <v>3</v>
      </c>
      <c r="AP20" s="146">
        <v>4</v>
      </c>
      <c r="AQ20" s="146">
        <v>0</v>
      </c>
      <c r="AR20" s="146">
        <v>1</v>
      </c>
      <c r="AS20" s="151">
        <v>11</v>
      </c>
      <c r="AT20" s="150">
        <v>11</v>
      </c>
      <c r="AU20" s="145">
        <v>6</v>
      </c>
      <c r="AV20" s="146">
        <v>4</v>
      </c>
      <c r="AW20" s="151">
        <v>10</v>
      </c>
      <c r="AX20" s="148">
        <v>0</v>
      </c>
      <c r="AY20" s="146">
        <v>44</v>
      </c>
      <c r="AZ20" s="146">
        <v>40</v>
      </c>
      <c r="BA20" s="146">
        <v>41</v>
      </c>
      <c r="BB20" s="146">
        <v>29</v>
      </c>
      <c r="BC20" s="146">
        <v>19</v>
      </c>
      <c r="BD20" s="149">
        <v>173</v>
      </c>
      <c r="BE20" s="150">
        <v>183</v>
      </c>
      <c r="BF20" s="145">
        <v>0</v>
      </c>
      <c r="BG20" s="146">
        <v>0</v>
      </c>
      <c r="BH20" s="151">
        <v>0</v>
      </c>
      <c r="BI20" s="148">
        <v>0</v>
      </c>
      <c r="BJ20" s="146">
        <v>62</v>
      </c>
      <c r="BK20" s="146">
        <v>38</v>
      </c>
      <c r="BL20" s="146">
        <v>30</v>
      </c>
      <c r="BM20" s="146">
        <v>2</v>
      </c>
      <c r="BN20" s="146">
        <v>4</v>
      </c>
      <c r="BO20" s="151">
        <v>136</v>
      </c>
      <c r="BP20" s="150">
        <v>136</v>
      </c>
      <c r="BQ20" s="145">
        <v>2</v>
      </c>
      <c r="BR20" s="146">
        <v>10</v>
      </c>
      <c r="BS20" s="151">
        <v>12</v>
      </c>
      <c r="BT20" s="148">
        <v>0</v>
      </c>
      <c r="BU20" s="146">
        <v>17</v>
      </c>
      <c r="BV20" s="146">
        <v>7</v>
      </c>
      <c r="BW20" s="146">
        <v>7</v>
      </c>
      <c r="BX20" s="146">
        <v>1</v>
      </c>
      <c r="BY20" s="146">
        <v>1</v>
      </c>
      <c r="BZ20" s="151">
        <v>33</v>
      </c>
      <c r="CA20" s="150">
        <v>45</v>
      </c>
      <c r="CB20" s="145">
        <v>0</v>
      </c>
      <c r="CC20" s="146">
        <v>3</v>
      </c>
      <c r="CD20" s="151">
        <v>3</v>
      </c>
      <c r="CE20" s="148">
        <v>0</v>
      </c>
      <c r="CF20" s="146">
        <v>7</v>
      </c>
      <c r="CG20" s="146">
        <v>9</v>
      </c>
      <c r="CH20" s="146">
        <v>10</v>
      </c>
      <c r="CI20" s="146">
        <v>6</v>
      </c>
      <c r="CJ20" s="146">
        <v>4</v>
      </c>
      <c r="CK20" s="151">
        <v>36</v>
      </c>
      <c r="CL20" s="150">
        <v>39</v>
      </c>
      <c r="CM20" s="145">
        <v>0</v>
      </c>
      <c r="CN20" s="146">
        <v>0</v>
      </c>
      <c r="CO20" s="151">
        <v>0</v>
      </c>
      <c r="CP20" s="148">
        <v>0</v>
      </c>
      <c r="CQ20" s="146">
        <v>0</v>
      </c>
      <c r="CR20" s="146">
        <v>0</v>
      </c>
      <c r="CS20" s="146">
        <v>0</v>
      </c>
      <c r="CT20" s="146">
        <v>0</v>
      </c>
      <c r="CU20" s="146">
        <v>0</v>
      </c>
      <c r="CV20" s="151">
        <v>0</v>
      </c>
      <c r="CW20" s="150">
        <v>0</v>
      </c>
      <c r="CX20" s="145">
        <v>0</v>
      </c>
      <c r="CY20" s="146">
        <v>0</v>
      </c>
      <c r="CZ20" s="151">
        <v>0</v>
      </c>
      <c r="DA20" s="148">
        <v>0</v>
      </c>
      <c r="DB20" s="146">
        <v>0</v>
      </c>
      <c r="DC20" s="146">
        <v>0</v>
      </c>
      <c r="DD20" s="146">
        <v>0</v>
      </c>
      <c r="DE20" s="146">
        <v>0</v>
      </c>
      <c r="DF20" s="146">
        <v>0</v>
      </c>
      <c r="DG20" s="151">
        <v>0</v>
      </c>
      <c r="DH20" s="150">
        <v>0</v>
      </c>
      <c r="DI20" s="145">
        <v>0</v>
      </c>
      <c r="DJ20" s="146">
        <v>0</v>
      </c>
      <c r="DK20" s="151">
        <v>0</v>
      </c>
      <c r="DL20" s="148">
        <v>0</v>
      </c>
      <c r="DM20" s="146">
        <v>0</v>
      </c>
      <c r="DN20" s="146">
        <v>0</v>
      </c>
      <c r="DO20" s="146">
        <v>0</v>
      </c>
      <c r="DP20" s="146">
        <v>0</v>
      </c>
      <c r="DQ20" s="146">
        <v>0</v>
      </c>
      <c r="DR20" s="151">
        <v>0</v>
      </c>
      <c r="DS20" s="150">
        <v>0</v>
      </c>
      <c r="DT20" s="145">
        <v>11</v>
      </c>
      <c r="DU20" s="146">
        <v>31</v>
      </c>
      <c r="DV20" s="151">
        <v>42</v>
      </c>
      <c r="DW20" s="148">
        <v>0</v>
      </c>
      <c r="DX20" s="146">
        <v>64</v>
      </c>
      <c r="DY20" s="146">
        <v>67</v>
      </c>
      <c r="DZ20" s="146">
        <v>46</v>
      </c>
      <c r="EA20" s="146">
        <v>22</v>
      </c>
      <c r="EB20" s="146">
        <v>17</v>
      </c>
      <c r="EC20" s="151">
        <v>216</v>
      </c>
      <c r="ED20" s="150">
        <v>258</v>
      </c>
      <c r="EE20" s="145">
        <v>2</v>
      </c>
      <c r="EF20" s="146">
        <v>0</v>
      </c>
      <c r="EG20" s="151">
        <v>2</v>
      </c>
      <c r="EH20" s="148">
        <v>0</v>
      </c>
      <c r="EI20" s="146">
        <v>17</v>
      </c>
      <c r="EJ20" s="146">
        <v>9</v>
      </c>
      <c r="EK20" s="146">
        <v>12</v>
      </c>
      <c r="EL20" s="146">
        <v>9</v>
      </c>
      <c r="EM20" s="146">
        <v>3</v>
      </c>
      <c r="EN20" s="151">
        <v>50</v>
      </c>
      <c r="EO20" s="150">
        <v>52</v>
      </c>
      <c r="EP20" s="145">
        <v>16</v>
      </c>
      <c r="EQ20" s="146">
        <v>42</v>
      </c>
      <c r="ER20" s="151">
        <v>58</v>
      </c>
      <c r="ES20" s="148">
        <v>0</v>
      </c>
      <c r="ET20" s="146">
        <v>130</v>
      </c>
      <c r="EU20" s="146">
        <v>88</v>
      </c>
      <c r="EV20" s="146">
        <v>59</v>
      </c>
      <c r="EW20" s="146">
        <v>22</v>
      </c>
      <c r="EX20" s="146">
        <v>19</v>
      </c>
      <c r="EY20" s="151">
        <v>318</v>
      </c>
      <c r="EZ20" s="150">
        <v>376</v>
      </c>
    </row>
    <row r="21" spans="2:156" ht="21" customHeight="1" x14ac:dyDescent="0.2">
      <c r="B21" s="152" t="s">
        <v>19</v>
      </c>
      <c r="C21" s="145">
        <v>0</v>
      </c>
      <c r="D21" s="146">
        <v>0</v>
      </c>
      <c r="E21" s="147">
        <v>0</v>
      </c>
      <c r="F21" s="148">
        <v>0</v>
      </c>
      <c r="G21" s="146">
        <v>11</v>
      </c>
      <c r="H21" s="146">
        <v>6</v>
      </c>
      <c r="I21" s="146">
        <v>3</v>
      </c>
      <c r="J21" s="146">
        <v>3</v>
      </c>
      <c r="K21" s="146">
        <v>5</v>
      </c>
      <c r="L21" s="149">
        <v>28</v>
      </c>
      <c r="M21" s="150">
        <v>28</v>
      </c>
      <c r="N21" s="145">
        <v>0</v>
      </c>
      <c r="O21" s="146">
        <v>0</v>
      </c>
      <c r="P21" s="151">
        <v>0</v>
      </c>
      <c r="Q21" s="148">
        <v>0</v>
      </c>
      <c r="R21" s="146">
        <v>0</v>
      </c>
      <c r="S21" s="146">
        <v>0</v>
      </c>
      <c r="T21" s="146">
        <v>2</v>
      </c>
      <c r="U21" s="146">
        <v>1</v>
      </c>
      <c r="V21" s="146">
        <v>2</v>
      </c>
      <c r="W21" s="151">
        <v>5</v>
      </c>
      <c r="X21" s="150">
        <v>5</v>
      </c>
      <c r="Y21" s="145">
        <v>4</v>
      </c>
      <c r="Z21" s="146">
        <v>6</v>
      </c>
      <c r="AA21" s="151">
        <v>10</v>
      </c>
      <c r="AB21" s="148">
        <v>0</v>
      </c>
      <c r="AC21" s="146">
        <v>15</v>
      </c>
      <c r="AD21" s="146">
        <v>9</v>
      </c>
      <c r="AE21" s="146">
        <v>5</v>
      </c>
      <c r="AF21" s="146">
        <v>5</v>
      </c>
      <c r="AG21" s="146">
        <v>5</v>
      </c>
      <c r="AH21" s="151">
        <v>39</v>
      </c>
      <c r="AI21" s="150">
        <v>49</v>
      </c>
      <c r="AJ21" s="145">
        <v>0</v>
      </c>
      <c r="AK21" s="146">
        <v>0</v>
      </c>
      <c r="AL21" s="151">
        <v>0</v>
      </c>
      <c r="AM21" s="148">
        <v>0</v>
      </c>
      <c r="AN21" s="146">
        <v>1</v>
      </c>
      <c r="AO21" s="146">
        <v>1</v>
      </c>
      <c r="AP21" s="146">
        <v>0</v>
      </c>
      <c r="AQ21" s="146">
        <v>1</v>
      </c>
      <c r="AR21" s="146">
        <v>1</v>
      </c>
      <c r="AS21" s="151">
        <v>4</v>
      </c>
      <c r="AT21" s="150">
        <v>4</v>
      </c>
      <c r="AU21" s="145">
        <v>3</v>
      </c>
      <c r="AV21" s="146">
        <v>6</v>
      </c>
      <c r="AW21" s="151">
        <v>9</v>
      </c>
      <c r="AX21" s="148">
        <v>0</v>
      </c>
      <c r="AY21" s="146">
        <v>23</v>
      </c>
      <c r="AZ21" s="146">
        <v>14</v>
      </c>
      <c r="BA21" s="146">
        <v>9</v>
      </c>
      <c r="BB21" s="146">
        <v>11</v>
      </c>
      <c r="BC21" s="146">
        <v>16</v>
      </c>
      <c r="BD21" s="149">
        <v>73</v>
      </c>
      <c r="BE21" s="150">
        <v>82</v>
      </c>
      <c r="BF21" s="145">
        <v>0</v>
      </c>
      <c r="BG21" s="146">
        <v>0</v>
      </c>
      <c r="BH21" s="151">
        <v>0</v>
      </c>
      <c r="BI21" s="148">
        <v>0</v>
      </c>
      <c r="BJ21" s="146">
        <v>21</v>
      </c>
      <c r="BK21" s="146">
        <v>13</v>
      </c>
      <c r="BL21" s="146">
        <v>5</v>
      </c>
      <c r="BM21" s="146">
        <v>0</v>
      </c>
      <c r="BN21" s="146">
        <v>2</v>
      </c>
      <c r="BO21" s="151">
        <v>41</v>
      </c>
      <c r="BP21" s="150">
        <v>41</v>
      </c>
      <c r="BQ21" s="145">
        <v>3</v>
      </c>
      <c r="BR21" s="146">
        <v>2</v>
      </c>
      <c r="BS21" s="151">
        <v>5</v>
      </c>
      <c r="BT21" s="148">
        <v>0</v>
      </c>
      <c r="BU21" s="146">
        <v>12</v>
      </c>
      <c r="BV21" s="146">
        <v>9</v>
      </c>
      <c r="BW21" s="146">
        <v>4</v>
      </c>
      <c r="BX21" s="146">
        <v>1</v>
      </c>
      <c r="BY21" s="146">
        <v>1</v>
      </c>
      <c r="BZ21" s="151">
        <v>27</v>
      </c>
      <c r="CA21" s="150">
        <v>32</v>
      </c>
      <c r="CB21" s="145">
        <v>0</v>
      </c>
      <c r="CC21" s="146">
        <v>0</v>
      </c>
      <c r="CD21" s="151">
        <v>0</v>
      </c>
      <c r="CE21" s="148">
        <v>0</v>
      </c>
      <c r="CF21" s="146">
        <v>2</v>
      </c>
      <c r="CG21" s="146">
        <v>3</v>
      </c>
      <c r="CH21" s="146">
        <v>2</v>
      </c>
      <c r="CI21" s="146">
        <v>2</v>
      </c>
      <c r="CJ21" s="146">
        <v>0</v>
      </c>
      <c r="CK21" s="151">
        <v>9</v>
      </c>
      <c r="CL21" s="150">
        <v>9</v>
      </c>
      <c r="CM21" s="145">
        <v>0</v>
      </c>
      <c r="CN21" s="146">
        <v>0</v>
      </c>
      <c r="CO21" s="151">
        <v>0</v>
      </c>
      <c r="CP21" s="148">
        <v>0</v>
      </c>
      <c r="CQ21" s="146">
        <v>0</v>
      </c>
      <c r="CR21" s="146">
        <v>1</v>
      </c>
      <c r="CS21" s="146">
        <v>1</v>
      </c>
      <c r="CT21" s="146">
        <v>0</v>
      </c>
      <c r="CU21" s="146">
        <v>0</v>
      </c>
      <c r="CV21" s="151">
        <v>2</v>
      </c>
      <c r="CW21" s="150">
        <v>2</v>
      </c>
      <c r="CX21" s="145">
        <v>0</v>
      </c>
      <c r="CY21" s="146">
        <v>0</v>
      </c>
      <c r="CZ21" s="151">
        <v>0</v>
      </c>
      <c r="DA21" s="148">
        <v>0</v>
      </c>
      <c r="DB21" s="146">
        <v>0</v>
      </c>
      <c r="DC21" s="146">
        <v>0</v>
      </c>
      <c r="DD21" s="146">
        <v>0</v>
      </c>
      <c r="DE21" s="146">
        <v>0</v>
      </c>
      <c r="DF21" s="146">
        <v>0</v>
      </c>
      <c r="DG21" s="151">
        <v>0</v>
      </c>
      <c r="DH21" s="150">
        <v>0</v>
      </c>
      <c r="DI21" s="145">
        <v>0</v>
      </c>
      <c r="DJ21" s="146">
        <v>0</v>
      </c>
      <c r="DK21" s="151">
        <v>0</v>
      </c>
      <c r="DL21" s="148">
        <v>0</v>
      </c>
      <c r="DM21" s="146">
        <v>0</v>
      </c>
      <c r="DN21" s="146">
        <v>0</v>
      </c>
      <c r="DO21" s="146">
        <v>0</v>
      </c>
      <c r="DP21" s="146">
        <v>0</v>
      </c>
      <c r="DQ21" s="146">
        <v>0</v>
      </c>
      <c r="DR21" s="151">
        <v>0</v>
      </c>
      <c r="DS21" s="150">
        <v>0</v>
      </c>
      <c r="DT21" s="145">
        <v>9</v>
      </c>
      <c r="DU21" s="146">
        <v>13</v>
      </c>
      <c r="DV21" s="151">
        <v>22</v>
      </c>
      <c r="DW21" s="148">
        <v>0</v>
      </c>
      <c r="DX21" s="146">
        <v>35</v>
      </c>
      <c r="DY21" s="146">
        <v>30</v>
      </c>
      <c r="DZ21" s="146">
        <v>13</v>
      </c>
      <c r="EA21" s="146">
        <v>6</v>
      </c>
      <c r="EB21" s="146">
        <v>12</v>
      </c>
      <c r="EC21" s="151">
        <v>96</v>
      </c>
      <c r="ED21" s="150">
        <v>118</v>
      </c>
      <c r="EE21" s="145">
        <v>2</v>
      </c>
      <c r="EF21" s="146">
        <v>3</v>
      </c>
      <c r="EG21" s="151">
        <v>5</v>
      </c>
      <c r="EH21" s="148">
        <v>0</v>
      </c>
      <c r="EI21" s="146">
        <v>7</v>
      </c>
      <c r="EJ21" s="146">
        <v>6</v>
      </c>
      <c r="EK21" s="146">
        <v>2</v>
      </c>
      <c r="EL21" s="146">
        <v>3</v>
      </c>
      <c r="EM21" s="146">
        <v>4</v>
      </c>
      <c r="EN21" s="151">
        <v>22</v>
      </c>
      <c r="EO21" s="150">
        <v>27</v>
      </c>
      <c r="EP21" s="145">
        <v>16</v>
      </c>
      <c r="EQ21" s="146">
        <v>19</v>
      </c>
      <c r="ER21" s="151">
        <v>35</v>
      </c>
      <c r="ES21" s="148">
        <v>0</v>
      </c>
      <c r="ET21" s="146">
        <v>54</v>
      </c>
      <c r="EU21" s="146">
        <v>40</v>
      </c>
      <c r="EV21" s="146">
        <v>12</v>
      </c>
      <c r="EW21" s="146">
        <v>7</v>
      </c>
      <c r="EX21" s="146">
        <v>9</v>
      </c>
      <c r="EY21" s="151">
        <v>122</v>
      </c>
      <c r="EZ21" s="150">
        <v>157</v>
      </c>
    </row>
    <row r="22" spans="2:156" ht="21" customHeight="1" x14ac:dyDescent="0.2">
      <c r="B22" s="152" t="s">
        <v>20</v>
      </c>
      <c r="C22" s="145">
        <v>0</v>
      </c>
      <c r="D22" s="146">
        <v>0</v>
      </c>
      <c r="E22" s="147">
        <v>0</v>
      </c>
      <c r="F22" s="148">
        <v>0</v>
      </c>
      <c r="G22" s="146">
        <v>20</v>
      </c>
      <c r="H22" s="146">
        <v>13</v>
      </c>
      <c r="I22" s="146">
        <v>5</v>
      </c>
      <c r="J22" s="146">
        <v>5</v>
      </c>
      <c r="K22" s="146">
        <v>4</v>
      </c>
      <c r="L22" s="149">
        <v>47</v>
      </c>
      <c r="M22" s="150">
        <v>47</v>
      </c>
      <c r="N22" s="145">
        <v>0</v>
      </c>
      <c r="O22" s="146">
        <v>0</v>
      </c>
      <c r="P22" s="151">
        <v>0</v>
      </c>
      <c r="Q22" s="148">
        <v>0</v>
      </c>
      <c r="R22" s="146">
        <v>0</v>
      </c>
      <c r="S22" s="146">
        <v>0</v>
      </c>
      <c r="T22" s="146">
        <v>0</v>
      </c>
      <c r="U22" s="146">
        <v>2</v>
      </c>
      <c r="V22" s="146">
        <v>2</v>
      </c>
      <c r="W22" s="151">
        <v>4</v>
      </c>
      <c r="X22" s="150">
        <v>4</v>
      </c>
      <c r="Y22" s="145">
        <v>3</v>
      </c>
      <c r="Z22" s="146">
        <v>7</v>
      </c>
      <c r="AA22" s="151">
        <v>10</v>
      </c>
      <c r="AB22" s="148">
        <v>0</v>
      </c>
      <c r="AC22" s="146">
        <v>20</v>
      </c>
      <c r="AD22" s="146">
        <v>22</v>
      </c>
      <c r="AE22" s="146">
        <v>10</v>
      </c>
      <c r="AF22" s="146">
        <v>6</v>
      </c>
      <c r="AG22" s="146">
        <v>4</v>
      </c>
      <c r="AH22" s="151">
        <v>62</v>
      </c>
      <c r="AI22" s="150">
        <v>72</v>
      </c>
      <c r="AJ22" s="145">
        <v>2</v>
      </c>
      <c r="AK22" s="146">
        <v>4</v>
      </c>
      <c r="AL22" s="151">
        <v>6</v>
      </c>
      <c r="AM22" s="148">
        <v>0</v>
      </c>
      <c r="AN22" s="146">
        <v>3</v>
      </c>
      <c r="AO22" s="146">
        <v>8</v>
      </c>
      <c r="AP22" s="146">
        <v>7</v>
      </c>
      <c r="AQ22" s="146">
        <v>2</v>
      </c>
      <c r="AR22" s="146">
        <v>0</v>
      </c>
      <c r="AS22" s="151">
        <v>20</v>
      </c>
      <c r="AT22" s="150">
        <v>26</v>
      </c>
      <c r="AU22" s="145">
        <v>1</v>
      </c>
      <c r="AV22" s="146">
        <v>5</v>
      </c>
      <c r="AW22" s="151">
        <v>6</v>
      </c>
      <c r="AX22" s="148">
        <v>0</v>
      </c>
      <c r="AY22" s="146">
        <v>26</v>
      </c>
      <c r="AZ22" s="146">
        <v>25</v>
      </c>
      <c r="BA22" s="146">
        <v>23</v>
      </c>
      <c r="BB22" s="146">
        <v>16</v>
      </c>
      <c r="BC22" s="146">
        <v>7</v>
      </c>
      <c r="BD22" s="149">
        <v>97</v>
      </c>
      <c r="BE22" s="150">
        <v>103</v>
      </c>
      <c r="BF22" s="145">
        <v>0</v>
      </c>
      <c r="BG22" s="146">
        <v>0</v>
      </c>
      <c r="BH22" s="151">
        <v>0</v>
      </c>
      <c r="BI22" s="148">
        <v>0</v>
      </c>
      <c r="BJ22" s="146">
        <v>38</v>
      </c>
      <c r="BK22" s="146">
        <v>19</v>
      </c>
      <c r="BL22" s="146">
        <v>15</v>
      </c>
      <c r="BM22" s="146">
        <v>5</v>
      </c>
      <c r="BN22" s="146">
        <v>0</v>
      </c>
      <c r="BO22" s="151">
        <v>77</v>
      </c>
      <c r="BP22" s="150">
        <v>77</v>
      </c>
      <c r="BQ22" s="145">
        <v>2</v>
      </c>
      <c r="BR22" s="146">
        <v>0</v>
      </c>
      <c r="BS22" s="151">
        <v>2</v>
      </c>
      <c r="BT22" s="148">
        <v>0</v>
      </c>
      <c r="BU22" s="146">
        <v>16</v>
      </c>
      <c r="BV22" s="146">
        <v>8</v>
      </c>
      <c r="BW22" s="146">
        <v>3</v>
      </c>
      <c r="BX22" s="146">
        <v>2</v>
      </c>
      <c r="BY22" s="146">
        <v>1</v>
      </c>
      <c r="BZ22" s="151">
        <v>30</v>
      </c>
      <c r="CA22" s="150">
        <v>32</v>
      </c>
      <c r="CB22" s="145">
        <v>0</v>
      </c>
      <c r="CC22" s="146">
        <v>0</v>
      </c>
      <c r="CD22" s="151">
        <v>0</v>
      </c>
      <c r="CE22" s="148">
        <v>0</v>
      </c>
      <c r="CF22" s="146">
        <v>7</v>
      </c>
      <c r="CG22" s="146">
        <v>6</v>
      </c>
      <c r="CH22" s="146">
        <v>7</v>
      </c>
      <c r="CI22" s="146">
        <v>1</v>
      </c>
      <c r="CJ22" s="146">
        <v>1</v>
      </c>
      <c r="CK22" s="151">
        <v>22</v>
      </c>
      <c r="CL22" s="150">
        <v>22</v>
      </c>
      <c r="CM22" s="145">
        <v>0</v>
      </c>
      <c r="CN22" s="146">
        <v>0</v>
      </c>
      <c r="CO22" s="151">
        <v>0</v>
      </c>
      <c r="CP22" s="148">
        <v>0</v>
      </c>
      <c r="CQ22" s="146">
        <v>1</v>
      </c>
      <c r="CR22" s="146">
        <v>0</v>
      </c>
      <c r="CS22" s="146">
        <v>1</v>
      </c>
      <c r="CT22" s="146">
        <v>1</v>
      </c>
      <c r="CU22" s="146">
        <v>0</v>
      </c>
      <c r="CV22" s="151">
        <v>3</v>
      </c>
      <c r="CW22" s="150">
        <v>3</v>
      </c>
      <c r="CX22" s="145">
        <v>0</v>
      </c>
      <c r="CY22" s="146">
        <v>0</v>
      </c>
      <c r="CZ22" s="151">
        <v>0</v>
      </c>
      <c r="DA22" s="148">
        <v>0</v>
      </c>
      <c r="DB22" s="146">
        <v>0</v>
      </c>
      <c r="DC22" s="146">
        <v>0</v>
      </c>
      <c r="DD22" s="146">
        <v>0</v>
      </c>
      <c r="DE22" s="146">
        <v>0</v>
      </c>
      <c r="DF22" s="146">
        <v>0</v>
      </c>
      <c r="DG22" s="151">
        <v>0</v>
      </c>
      <c r="DH22" s="150">
        <v>0</v>
      </c>
      <c r="DI22" s="145">
        <v>0</v>
      </c>
      <c r="DJ22" s="146">
        <v>0</v>
      </c>
      <c r="DK22" s="151">
        <v>0</v>
      </c>
      <c r="DL22" s="148">
        <v>0</v>
      </c>
      <c r="DM22" s="146">
        <v>0</v>
      </c>
      <c r="DN22" s="146">
        <v>0</v>
      </c>
      <c r="DO22" s="146">
        <v>0</v>
      </c>
      <c r="DP22" s="146">
        <v>0</v>
      </c>
      <c r="DQ22" s="146">
        <v>0</v>
      </c>
      <c r="DR22" s="151">
        <v>0</v>
      </c>
      <c r="DS22" s="150">
        <v>0</v>
      </c>
      <c r="DT22" s="145">
        <v>13</v>
      </c>
      <c r="DU22" s="146">
        <v>17</v>
      </c>
      <c r="DV22" s="151">
        <v>30</v>
      </c>
      <c r="DW22" s="148">
        <v>0</v>
      </c>
      <c r="DX22" s="146">
        <v>55</v>
      </c>
      <c r="DY22" s="146">
        <v>45</v>
      </c>
      <c r="DZ22" s="146">
        <v>22</v>
      </c>
      <c r="EA22" s="146">
        <v>15</v>
      </c>
      <c r="EB22" s="146">
        <v>5</v>
      </c>
      <c r="EC22" s="151">
        <v>142</v>
      </c>
      <c r="ED22" s="150">
        <v>172</v>
      </c>
      <c r="EE22" s="145">
        <v>1</v>
      </c>
      <c r="EF22" s="146">
        <v>4</v>
      </c>
      <c r="EG22" s="151">
        <v>5</v>
      </c>
      <c r="EH22" s="148">
        <v>0</v>
      </c>
      <c r="EI22" s="146">
        <v>7</v>
      </c>
      <c r="EJ22" s="146">
        <v>5</v>
      </c>
      <c r="EK22" s="146">
        <v>5</v>
      </c>
      <c r="EL22" s="146">
        <v>9</v>
      </c>
      <c r="EM22" s="146">
        <v>2</v>
      </c>
      <c r="EN22" s="151">
        <v>28</v>
      </c>
      <c r="EO22" s="150">
        <v>33</v>
      </c>
      <c r="EP22" s="145">
        <v>18</v>
      </c>
      <c r="EQ22" s="146">
        <v>25</v>
      </c>
      <c r="ER22" s="151">
        <v>43</v>
      </c>
      <c r="ES22" s="148">
        <v>0</v>
      </c>
      <c r="ET22" s="146">
        <v>103</v>
      </c>
      <c r="EU22" s="146">
        <v>69</v>
      </c>
      <c r="EV22" s="146">
        <v>32</v>
      </c>
      <c r="EW22" s="146">
        <v>16</v>
      </c>
      <c r="EX22" s="146">
        <v>5</v>
      </c>
      <c r="EY22" s="151">
        <v>225</v>
      </c>
      <c r="EZ22" s="150">
        <v>268</v>
      </c>
    </row>
    <row r="23" spans="2:156" ht="21" customHeight="1" x14ac:dyDescent="0.2">
      <c r="B23" s="152" t="s">
        <v>21</v>
      </c>
      <c r="C23" s="145">
        <v>0</v>
      </c>
      <c r="D23" s="146">
        <v>0</v>
      </c>
      <c r="E23" s="147">
        <v>0</v>
      </c>
      <c r="F23" s="148">
        <v>0</v>
      </c>
      <c r="G23" s="146">
        <v>11</v>
      </c>
      <c r="H23" s="146">
        <v>18</v>
      </c>
      <c r="I23" s="146">
        <v>6</v>
      </c>
      <c r="J23" s="146">
        <v>5</v>
      </c>
      <c r="K23" s="146">
        <v>3</v>
      </c>
      <c r="L23" s="149">
        <v>43</v>
      </c>
      <c r="M23" s="150">
        <v>43</v>
      </c>
      <c r="N23" s="145">
        <v>0</v>
      </c>
      <c r="O23" s="146">
        <v>0</v>
      </c>
      <c r="P23" s="151">
        <v>0</v>
      </c>
      <c r="Q23" s="148">
        <v>0</v>
      </c>
      <c r="R23" s="146">
        <v>0</v>
      </c>
      <c r="S23" s="146">
        <v>0</v>
      </c>
      <c r="T23" s="146">
        <v>2</v>
      </c>
      <c r="U23" s="146">
        <v>0</v>
      </c>
      <c r="V23" s="146">
        <v>1</v>
      </c>
      <c r="W23" s="151">
        <v>3</v>
      </c>
      <c r="X23" s="150">
        <v>3</v>
      </c>
      <c r="Y23" s="145">
        <v>2</v>
      </c>
      <c r="Z23" s="146">
        <v>5</v>
      </c>
      <c r="AA23" s="151">
        <v>7</v>
      </c>
      <c r="AB23" s="148">
        <v>0</v>
      </c>
      <c r="AC23" s="146">
        <v>15</v>
      </c>
      <c r="AD23" s="146">
        <v>15</v>
      </c>
      <c r="AE23" s="146">
        <v>10</v>
      </c>
      <c r="AF23" s="146">
        <v>6</v>
      </c>
      <c r="AG23" s="146">
        <v>3</v>
      </c>
      <c r="AH23" s="151">
        <v>49</v>
      </c>
      <c r="AI23" s="150">
        <v>56</v>
      </c>
      <c r="AJ23" s="145">
        <v>0</v>
      </c>
      <c r="AK23" s="146">
        <v>1</v>
      </c>
      <c r="AL23" s="151">
        <v>1</v>
      </c>
      <c r="AM23" s="148">
        <v>0</v>
      </c>
      <c r="AN23" s="146">
        <v>1</v>
      </c>
      <c r="AO23" s="146">
        <v>4</v>
      </c>
      <c r="AP23" s="146">
        <v>1</v>
      </c>
      <c r="AQ23" s="146">
        <v>1</v>
      </c>
      <c r="AR23" s="146">
        <v>0</v>
      </c>
      <c r="AS23" s="151">
        <v>7</v>
      </c>
      <c r="AT23" s="150">
        <v>8</v>
      </c>
      <c r="AU23" s="145">
        <v>4</v>
      </c>
      <c r="AV23" s="146">
        <v>1</v>
      </c>
      <c r="AW23" s="151">
        <v>5</v>
      </c>
      <c r="AX23" s="148">
        <v>0</v>
      </c>
      <c r="AY23" s="146">
        <v>17</v>
      </c>
      <c r="AZ23" s="146">
        <v>30</v>
      </c>
      <c r="BA23" s="146">
        <v>14</v>
      </c>
      <c r="BB23" s="146">
        <v>19</v>
      </c>
      <c r="BC23" s="146">
        <v>7</v>
      </c>
      <c r="BD23" s="149">
        <v>87</v>
      </c>
      <c r="BE23" s="150">
        <v>92</v>
      </c>
      <c r="BF23" s="145">
        <v>0</v>
      </c>
      <c r="BG23" s="146">
        <v>0</v>
      </c>
      <c r="BH23" s="151">
        <v>0</v>
      </c>
      <c r="BI23" s="148">
        <v>0</v>
      </c>
      <c r="BJ23" s="146">
        <v>24</v>
      </c>
      <c r="BK23" s="146">
        <v>24</v>
      </c>
      <c r="BL23" s="146">
        <v>10</v>
      </c>
      <c r="BM23" s="146">
        <v>2</v>
      </c>
      <c r="BN23" s="146">
        <v>0</v>
      </c>
      <c r="BO23" s="151">
        <v>60</v>
      </c>
      <c r="BP23" s="150">
        <v>60</v>
      </c>
      <c r="BQ23" s="145">
        <v>2</v>
      </c>
      <c r="BR23" s="146">
        <v>2</v>
      </c>
      <c r="BS23" s="151">
        <v>4</v>
      </c>
      <c r="BT23" s="148">
        <v>0</v>
      </c>
      <c r="BU23" s="146">
        <v>6</v>
      </c>
      <c r="BV23" s="146">
        <v>3</v>
      </c>
      <c r="BW23" s="146">
        <v>2</v>
      </c>
      <c r="BX23" s="146">
        <v>0</v>
      </c>
      <c r="BY23" s="146">
        <v>1</v>
      </c>
      <c r="BZ23" s="151">
        <v>12</v>
      </c>
      <c r="CA23" s="150">
        <v>16</v>
      </c>
      <c r="CB23" s="145">
        <v>0</v>
      </c>
      <c r="CC23" s="146">
        <v>1</v>
      </c>
      <c r="CD23" s="151">
        <v>1</v>
      </c>
      <c r="CE23" s="148">
        <v>0</v>
      </c>
      <c r="CF23" s="146">
        <v>0</v>
      </c>
      <c r="CG23" s="146">
        <v>6</v>
      </c>
      <c r="CH23" s="146">
        <v>2</v>
      </c>
      <c r="CI23" s="146">
        <v>4</v>
      </c>
      <c r="CJ23" s="146">
        <v>1</v>
      </c>
      <c r="CK23" s="151">
        <v>13</v>
      </c>
      <c r="CL23" s="150">
        <v>14</v>
      </c>
      <c r="CM23" s="145">
        <v>0</v>
      </c>
      <c r="CN23" s="146">
        <v>0</v>
      </c>
      <c r="CO23" s="151">
        <v>0</v>
      </c>
      <c r="CP23" s="148">
        <v>0</v>
      </c>
      <c r="CQ23" s="146">
        <v>0</v>
      </c>
      <c r="CR23" s="146">
        <v>0</v>
      </c>
      <c r="CS23" s="146">
        <v>0</v>
      </c>
      <c r="CT23" s="146">
        <v>0</v>
      </c>
      <c r="CU23" s="146">
        <v>0</v>
      </c>
      <c r="CV23" s="151">
        <v>0</v>
      </c>
      <c r="CW23" s="150">
        <v>0</v>
      </c>
      <c r="CX23" s="145">
        <v>0</v>
      </c>
      <c r="CY23" s="146">
        <v>0</v>
      </c>
      <c r="CZ23" s="151">
        <v>0</v>
      </c>
      <c r="DA23" s="148">
        <v>0</v>
      </c>
      <c r="DB23" s="146">
        <v>0</v>
      </c>
      <c r="DC23" s="146">
        <v>0</v>
      </c>
      <c r="DD23" s="146">
        <v>0</v>
      </c>
      <c r="DE23" s="146">
        <v>0</v>
      </c>
      <c r="DF23" s="146">
        <v>0</v>
      </c>
      <c r="DG23" s="151">
        <v>0</v>
      </c>
      <c r="DH23" s="150">
        <v>0</v>
      </c>
      <c r="DI23" s="145">
        <v>0</v>
      </c>
      <c r="DJ23" s="146">
        <v>0</v>
      </c>
      <c r="DK23" s="151">
        <v>0</v>
      </c>
      <c r="DL23" s="148">
        <v>0</v>
      </c>
      <c r="DM23" s="146">
        <v>0</v>
      </c>
      <c r="DN23" s="146">
        <v>0</v>
      </c>
      <c r="DO23" s="146">
        <v>0</v>
      </c>
      <c r="DP23" s="146">
        <v>0</v>
      </c>
      <c r="DQ23" s="146">
        <v>0</v>
      </c>
      <c r="DR23" s="151">
        <v>0</v>
      </c>
      <c r="DS23" s="150">
        <v>0</v>
      </c>
      <c r="DT23" s="145">
        <v>10</v>
      </c>
      <c r="DU23" s="146">
        <v>20</v>
      </c>
      <c r="DV23" s="151">
        <v>30</v>
      </c>
      <c r="DW23" s="148">
        <v>0</v>
      </c>
      <c r="DX23" s="146">
        <v>24</v>
      </c>
      <c r="DY23" s="146">
        <v>39</v>
      </c>
      <c r="DZ23" s="146">
        <v>18</v>
      </c>
      <c r="EA23" s="146">
        <v>8</v>
      </c>
      <c r="EB23" s="146">
        <v>4</v>
      </c>
      <c r="EC23" s="151">
        <v>93</v>
      </c>
      <c r="ED23" s="150">
        <v>123</v>
      </c>
      <c r="EE23" s="145">
        <v>0</v>
      </c>
      <c r="EF23" s="146">
        <v>0</v>
      </c>
      <c r="EG23" s="151">
        <v>0</v>
      </c>
      <c r="EH23" s="148">
        <v>0</v>
      </c>
      <c r="EI23" s="146">
        <v>5</v>
      </c>
      <c r="EJ23" s="146">
        <v>9</v>
      </c>
      <c r="EK23" s="146">
        <v>6</v>
      </c>
      <c r="EL23" s="146">
        <v>11</v>
      </c>
      <c r="EM23" s="146">
        <v>5</v>
      </c>
      <c r="EN23" s="151">
        <v>36</v>
      </c>
      <c r="EO23" s="150">
        <v>36</v>
      </c>
      <c r="EP23" s="145">
        <v>13</v>
      </c>
      <c r="EQ23" s="146">
        <v>25</v>
      </c>
      <c r="ER23" s="151">
        <v>38</v>
      </c>
      <c r="ES23" s="148">
        <v>0</v>
      </c>
      <c r="ET23" s="146">
        <v>58</v>
      </c>
      <c r="EU23" s="146">
        <v>57</v>
      </c>
      <c r="EV23" s="146">
        <v>23</v>
      </c>
      <c r="EW23" s="146">
        <v>9</v>
      </c>
      <c r="EX23" s="146">
        <v>4</v>
      </c>
      <c r="EY23" s="151">
        <v>151</v>
      </c>
      <c r="EZ23" s="150">
        <v>189</v>
      </c>
    </row>
    <row r="24" spans="2:156" ht="21" customHeight="1" x14ac:dyDescent="0.2">
      <c r="B24" s="152" t="s">
        <v>22</v>
      </c>
      <c r="C24" s="145">
        <v>0</v>
      </c>
      <c r="D24" s="146">
        <v>0</v>
      </c>
      <c r="E24" s="147">
        <v>0</v>
      </c>
      <c r="F24" s="148">
        <v>0</v>
      </c>
      <c r="G24" s="146">
        <v>9</v>
      </c>
      <c r="H24" s="146">
        <v>8</v>
      </c>
      <c r="I24" s="146">
        <v>4</v>
      </c>
      <c r="J24" s="146">
        <v>1</v>
      </c>
      <c r="K24" s="146">
        <v>3</v>
      </c>
      <c r="L24" s="149">
        <v>25</v>
      </c>
      <c r="M24" s="150">
        <v>25</v>
      </c>
      <c r="N24" s="145">
        <v>0</v>
      </c>
      <c r="O24" s="146">
        <v>0</v>
      </c>
      <c r="P24" s="151">
        <v>0</v>
      </c>
      <c r="Q24" s="148">
        <v>0</v>
      </c>
      <c r="R24" s="146">
        <v>0</v>
      </c>
      <c r="S24" s="146">
        <v>0</v>
      </c>
      <c r="T24" s="146">
        <v>0</v>
      </c>
      <c r="U24" s="146">
        <v>0</v>
      </c>
      <c r="V24" s="146">
        <v>1</v>
      </c>
      <c r="W24" s="151">
        <v>1</v>
      </c>
      <c r="X24" s="150">
        <v>1</v>
      </c>
      <c r="Y24" s="145">
        <v>0</v>
      </c>
      <c r="Z24" s="146">
        <v>0</v>
      </c>
      <c r="AA24" s="151">
        <v>0</v>
      </c>
      <c r="AB24" s="148">
        <v>0</v>
      </c>
      <c r="AC24" s="146">
        <v>5</v>
      </c>
      <c r="AD24" s="146">
        <v>7</v>
      </c>
      <c r="AE24" s="146">
        <v>4</v>
      </c>
      <c r="AF24" s="146">
        <v>1</v>
      </c>
      <c r="AG24" s="146">
        <v>2</v>
      </c>
      <c r="AH24" s="151">
        <v>19</v>
      </c>
      <c r="AI24" s="150">
        <v>19</v>
      </c>
      <c r="AJ24" s="145">
        <v>1</v>
      </c>
      <c r="AK24" s="146">
        <v>0</v>
      </c>
      <c r="AL24" s="151">
        <v>1</v>
      </c>
      <c r="AM24" s="148">
        <v>0</v>
      </c>
      <c r="AN24" s="146">
        <v>1</v>
      </c>
      <c r="AO24" s="146">
        <v>0</v>
      </c>
      <c r="AP24" s="146">
        <v>0</v>
      </c>
      <c r="AQ24" s="146">
        <v>1</v>
      </c>
      <c r="AR24" s="146">
        <v>0</v>
      </c>
      <c r="AS24" s="151">
        <v>2</v>
      </c>
      <c r="AT24" s="150">
        <v>3</v>
      </c>
      <c r="AU24" s="145">
        <v>3</v>
      </c>
      <c r="AV24" s="146">
        <v>0</v>
      </c>
      <c r="AW24" s="151">
        <v>3</v>
      </c>
      <c r="AX24" s="148">
        <v>0</v>
      </c>
      <c r="AY24" s="146">
        <v>6</v>
      </c>
      <c r="AZ24" s="146">
        <v>8</v>
      </c>
      <c r="BA24" s="146">
        <v>9</v>
      </c>
      <c r="BB24" s="146">
        <v>5</v>
      </c>
      <c r="BC24" s="146">
        <v>2</v>
      </c>
      <c r="BD24" s="149">
        <v>30</v>
      </c>
      <c r="BE24" s="150">
        <v>33</v>
      </c>
      <c r="BF24" s="145">
        <v>0</v>
      </c>
      <c r="BG24" s="146">
        <v>0</v>
      </c>
      <c r="BH24" s="151">
        <v>0</v>
      </c>
      <c r="BI24" s="148">
        <v>0</v>
      </c>
      <c r="BJ24" s="146">
        <v>15</v>
      </c>
      <c r="BK24" s="146">
        <v>13</v>
      </c>
      <c r="BL24" s="146">
        <v>9</v>
      </c>
      <c r="BM24" s="146">
        <v>0</v>
      </c>
      <c r="BN24" s="146">
        <v>0</v>
      </c>
      <c r="BO24" s="151">
        <v>37</v>
      </c>
      <c r="BP24" s="150">
        <v>37</v>
      </c>
      <c r="BQ24" s="145">
        <v>0</v>
      </c>
      <c r="BR24" s="146">
        <v>1</v>
      </c>
      <c r="BS24" s="151">
        <v>1</v>
      </c>
      <c r="BT24" s="148">
        <v>0</v>
      </c>
      <c r="BU24" s="146">
        <v>3</v>
      </c>
      <c r="BV24" s="146">
        <v>2</v>
      </c>
      <c r="BW24" s="146">
        <v>0</v>
      </c>
      <c r="BX24" s="146">
        <v>0</v>
      </c>
      <c r="BY24" s="146">
        <v>1</v>
      </c>
      <c r="BZ24" s="151">
        <v>6</v>
      </c>
      <c r="CA24" s="150">
        <v>7</v>
      </c>
      <c r="CB24" s="145">
        <v>0</v>
      </c>
      <c r="CC24" s="146">
        <v>0</v>
      </c>
      <c r="CD24" s="151">
        <v>0</v>
      </c>
      <c r="CE24" s="148">
        <v>0</v>
      </c>
      <c r="CF24" s="146">
        <v>0</v>
      </c>
      <c r="CG24" s="146">
        <v>2</v>
      </c>
      <c r="CH24" s="146">
        <v>1</v>
      </c>
      <c r="CI24" s="146">
        <v>1</v>
      </c>
      <c r="CJ24" s="146">
        <v>0</v>
      </c>
      <c r="CK24" s="151">
        <v>4</v>
      </c>
      <c r="CL24" s="150">
        <v>4</v>
      </c>
      <c r="CM24" s="145">
        <v>0</v>
      </c>
      <c r="CN24" s="146">
        <v>0</v>
      </c>
      <c r="CO24" s="151">
        <v>0</v>
      </c>
      <c r="CP24" s="148">
        <v>0</v>
      </c>
      <c r="CQ24" s="146">
        <v>1</v>
      </c>
      <c r="CR24" s="146">
        <v>1</v>
      </c>
      <c r="CS24" s="146">
        <v>0</v>
      </c>
      <c r="CT24" s="146">
        <v>0</v>
      </c>
      <c r="CU24" s="146">
        <v>0</v>
      </c>
      <c r="CV24" s="151">
        <v>2</v>
      </c>
      <c r="CW24" s="150">
        <v>2</v>
      </c>
      <c r="CX24" s="145">
        <v>0</v>
      </c>
      <c r="CY24" s="146">
        <v>0</v>
      </c>
      <c r="CZ24" s="151">
        <v>0</v>
      </c>
      <c r="DA24" s="148">
        <v>0</v>
      </c>
      <c r="DB24" s="146">
        <v>0</v>
      </c>
      <c r="DC24" s="146">
        <v>0</v>
      </c>
      <c r="DD24" s="146">
        <v>0</v>
      </c>
      <c r="DE24" s="146">
        <v>0</v>
      </c>
      <c r="DF24" s="146">
        <v>0</v>
      </c>
      <c r="DG24" s="151">
        <v>0</v>
      </c>
      <c r="DH24" s="150">
        <v>0</v>
      </c>
      <c r="DI24" s="145">
        <v>0</v>
      </c>
      <c r="DJ24" s="146">
        <v>0</v>
      </c>
      <c r="DK24" s="151">
        <v>0</v>
      </c>
      <c r="DL24" s="148">
        <v>0</v>
      </c>
      <c r="DM24" s="146">
        <v>0</v>
      </c>
      <c r="DN24" s="146">
        <v>0</v>
      </c>
      <c r="DO24" s="146">
        <v>0</v>
      </c>
      <c r="DP24" s="146">
        <v>0</v>
      </c>
      <c r="DQ24" s="146">
        <v>0</v>
      </c>
      <c r="DR24" s="151">
        <v>0</v>
      </c>
      <c r="DS24" s="150">
        <v>0</v>
      </c>
      <c r="DT24" s="145">
        <v>0</v>
      </c>
      <c r="DU24" s="146">
        <v>6</v>
      </c>
      <c r="DV24" s="151">
        <v>6</v>
      </c>
      <c r="DW24" s="148">
        <v>0</v>
      </c>
      <c r="DX24" s="146">
        <v>19</v>
      </c>
      <c r="DY24" s="146">
        <v>18</v>
      </c>
      <c r="DZ24" s="146">
        <v>16</v>
      </c>
      <c r="EA24" s="146">
        <v>4</v>
      </c>
      <c r="EB24" s="146">
        <v>6</v>
      </c>
      <c r="EC24" s="151">
        <v>63</v>
      </c>
      <c r="ED24" s="150">
        <v>69</v>
      </c>
      <c r="EE24" s="145">
        <v>1</v>
      </c>
      <c r="EF24" s="146">
        <v>1</v>
      </c>
      <c r="EG24" s="151">
        <v>2</v>
      </c>
      <c r="EH24" s="148">
        <v>0</v>
      </c>
      <c r="EI24" s="146">
        <v>5</v>
      </c>
      <c r="EJ24" s="146">
        <v>1</v>
      </c>
      <c r="EK24" s="146">
        <v>3</v>
      </c>
      <c r="EL24" s="146">
        <v>4</v>
      </c>
      <c r="EM24" s="146">
        <v>1</v>
      </c>
      <c r="EN24" s="151">
        <v>14</v>
      </c>
      <c r="EO24" s="150">
        <v>16</v>
      </c>
      <c r="EP24" s="145">
        <v>1</v>
      </c>
      <c r="EQ24" s="146">
        <v>6</v>
      </c>
      <c r="ER24" s="151">
        <v>7</v>
      </c>
      <c r="ES24" s="148">
        <v>0</v>
      </c>
      <c r="ET24" s="146">
        <v>36</v>
      </c>
      <c r="EU24" s="146">
        <v>24</v>
      </c>
      <c r="EV24" s="146">
        <v>16</v>
      </c>
      <c r="EW24" s="146">
        <v>5</v>
      </c>
      <c r="EX24" s="146">
        <v>6</v>
      </c>
      <c r="EY24" s="151">
        <v>87</v>
      </c>
      <c r="EZ24" s="150">
        <v>94</v>
      </c>
    </row>
    <row r="25" spans="2:156" ht="21" customHeight="1" x14ac:dyDescent="0.2">
      <c r="B25" s="152" t="s">
        <v>23</v>
      </c>
      <c r="C25" s="145">
        <v>0</v>
      </c>
      <c r="D25" s="146">
        <v>0</v>
      </c>
      <c r="E25" s="147">
        <v>0</v>
      </c>
      <c r="F25" s="148">
        <v>0</v>
      </c>
      <c r="G25" s="146">
        <v>10</v>
      </c>
      <c r="H25" s="146">
        <v>7</v>
      </c>
      <c r="I25" s="146">
        <v>0</v>
      </c>
      <c r="J25" s="146">
        <v>1</v>
      </c>
      <c r="K25" s="146">
        <v>2</v>
      </c>
      <c r="L25" s="149">
        <v>20</v>
      </c>
      <c r="M25" s="150">
        <v>20</v>
      </c>
      <c r="N25" s="145">
        <v>0</v>
      </c>
      <c r="O25" s="146">
        <v>0</v>
      </c>
      <c r="P25" s="151">
        <v>0</v>
      </c>
      <c r="Q25" s="148">
        <v>0</v>
      </c>
      <c r="R25" s="146">
        <v>0</v>
      </c>
      <c r="S25" s="146">
        <v>0</v>
      </c>
      <c r="T25" s="146">
        <v>0</v>
      </c>
      <c r="U25" s="146">
        <v>0</v>
      </c>
      <c r="V25" s="146">
        <v>0</v>
      </c>
      <c r="W25" s="151">
        <v>0</v>
      </c>
      <c r="X25" s="150">
        <v>0</v>
      </c>
      <c r="Y25" s="145">
        <v>4</v>
      </c>
      <c r="Z25" s="146">
        <v>3</v>
      </c>
      <c r="AA25" s="151">
        <v>7</v>
      </c>
      <c r="AB25" s="148">
        <v>0</v>
      </c>
      <c r="AC25" s="146">
        <v>8</v>
      </c>
      <c r="AD25" s="146">
        <v>15</v>
      </c>
      <c r="AE25" s="146">
        <v>4</v>
      </c>
      <c r="AF25" s="146">
        <v>1</v>
      </c>
      <c r="AG25" s="146">
        <v>2</v>
      </c>
      <c r="AH25" s="151">
        <v>30</v>
      </c>
      <c r="AI25" s="150">
        <v>37</v>
      </c>
      <c r="AJ25" s="145">
        <v>0</v>
      </c>
      <c r="AK25" s="146">
        <v>1</v>
      </c>
      <c r="AL25" s="151">
        <v>1</v>
      </c>
      <c r="AM25" s="148">
        <v>0</v>
      </c>
      <c r="AN25" s="146">
        <v>1</v>
      </c>
      <c r="AO25" s="146">
        <v>2</v>
      </c>
      <c r="AP25" s="146">
        <v>1</v>
      </c>
      <c r="AQ25" s="146">
        <v>0</v>
      </c>
      <c r="AR25" s="146">
        <v>0</v>
      </c>
      <c r="AS25" s="151">
        <v>4</v>
      </c>
      <c r="AT25" s="150">
        <v>5</v>
      </c>
      <c r="AU25" s="145">
        <v>2</v>
      </c>
      <c r="AV25" s="146">
        <v>0</v>
      </c>
      <c r="AW25" s="151">
        <v>2</v>
      </c>
      <c r="AX25" s="148">
        <v>0</v>
      </c>
      <c r="AY25" s="146">
        <v>13</v>
      </c>
      <c r="AZ25" s="146">
        <v>11</v>
      </c>
      <c r="BA25" s="146">
        <v>9</v>
      </c>
      <c r="BB25" s="146">
        <v>9</v>
      </c>
      <c r="BC25" s="146">
        <v>6</v>
      </c>
      <c r="BD25" s="149">
        <v>48</v>
      </c>
      <c r="BE25" s="150">
        <v>50</v>
      </c>
      <c r="BF25" s="145">
        <v>0</v>
      </c>
      <c r="BG25" s="146">
        <v>0</v>
      </c>
      <c r="BH25" s="151">
        <v>0</v>
      </c>
      <c r="BI25" s="148">
        <v>0</v>
      </c>
      <c r="BJ25" s="146">
        <v>15</v>
      </c>
      <c r="BK25" s="146">
        <v>20</v>
      </c>
      <c r="BL25" s="146">
        <v>2</v>
      </c>
      <c r="BM25" s="146">
        <v>3</v>
      </c>
      <c r="BN25" s="146">
        <v>3</v>
      </c>
      <c r="BO25" s="151">
        <v>43</v>
      </c>
      <c r="BP25" s="150">
        <v>43</v>
      </c>
      <c r="BQ25" s="145">
        <v>0</v>
      </c>
      <c r="BR25" s="146">
        <v>0</v>
      </c>
      <c r="BS25" s="151">
        <v>0</v>
      </c>
      <c r="BT25" s="148">
        <v>0</v>
      </c>
      <c r="BU25" s="146">
        <v>3</v>
      </c>
      <c r="BV25" s="146">
        <v>5</v>
      </c>
      <c r="BW25" s="146">
        <v>0</v>
      </c>
      <c r="BX25" s="146">
        <v>0</v>
      </c>
      <c r="BY25" s="146">
        <v>0</v>
      </c>
      <c r="BZ25" s="151">
        <v>8</v>
      </c>
      <c r="CA25" s="150">
        <v>8</v>
      </c>
      <c r="CB25" s="145">
        <v>0</v>
      </c>
      <c r="CC25" s="146">
        <v>0</v>
      </c>
      <c r="CD25" s="151">
        <v>0</v>
      </c>
      <c r="CE25" s="148">
        <v>0</v>
      </c>
      <c r="CF25" s="146">
        <v>1</v>
      </c>
      <c r="CG25" s="146">
        <v>0</v>
      </c>
      <c r="CH25" s="146">
        <v>1</v>
      </c>
      <c r="CI25" s="146">
        <v>4</v>
      </c>
      <c r="CJ25" s="146">
        <v>0</v>
      </c>
      <c r="CK25" s="151">
        <v>6</v>
      </c>
      <c r="CL25" s="150">
        <v>6</v>
      </c>
      <c r="CM25" s="145">
        <v>0</v>
      </c>
      <c r="CN25" s="146">
        <v>0</v>
      </c>
      <c r="CO25" s="151">
        <v>0</v>
      </c>
      <c r="CP25" s="148">
        <v>0</v>
      </c>
      <c r="CQ25" s="146">
        <v>1</v>
      </c>
      <c r="CR25" s="146">
        <v>1</v>
      </c>
      <c r="CS25" s="146">
        <v>0</v>
      </c>
      <c r="CT25" s="146">
        <v>0</v>
      </c>
      <c r="CU25" s="146">
        <v>0</v>
      </c>
      <c r="CV25" s="151">
        <v>2</v>
      </c>
      <c r="CW25" s="150">
        <v>2</v>
      </c>
      <c r="CX25" s="145">
        <v>0</v>
      </c>
      <c r="CY25" s="146">
        <v>0</v>
      </c>
      <c r="CZ25" s="151">
        <v>0</v>
      </c>
      <c r="DA25" s="148">
        <v>0</v>
      </c>
      <c r="DB25" s="146">
        <v>0</v>
      </c>
      <c r="DC25" s="146">
        <v>0</v>
      </c>
      <c r="DD25" s="146">
        <v>0</v>
      </c>
      <c r="DE25" s="146">
        <v>0</v>
      </c>
      <c r="DF25" s="146">
        <v>0</v>
      </c>
      <c r="DG25" s="151">
        <v>0</v>
      </c>
      <c r="DH25" s="150">
        <v>0</v>
      </c>
      <c r="DI25" s="145">
        <v>0</v>
      </c>
      <c r="DJ25" s="146">
        <v>0</v>
      </c>
      <c r="DK25" s="151">
        <v>0</v>
      </c>
      <c r="DL25" s="148">
        <v>0</v>
      </c>
      <c r="DM25" s="146">
        <v>0</v>
      </c>
      <c r="DN25" s="146">
        <v>0</v>
      </c>
      <c r="DO25" s="146">
        <v>0</v>
      </c>
      <c r="DP25" s="146">
        <v>0</v>
      </c>
      <c r="DQ25" s="146">
        <v>0</v>
      </c>
      <c r="DR25" s="151">
        <v>0</v>
      </c>
      <c r="DS25" s="150">
        <v>0</v>
      </c>
      <c r="DT25" s="145">
        <v>4</v>
      </c>
      <c r="DU25" s="146">
        <v>11</v>
      </c>
      <c r="DV25" s="151">
        <v>15</v>
      </c>
      <c r="DW25" s="148">
        <v>0</v>
      </c>
      <c r="DX25" s="146">
        <v>16</v>
      </c>
      <c r="DY25" s="146">
        <v>28</v>
      </c>
      <c r="DZ25" s="146">
        <v>5</v>
      </c>
      <c r="EA25" s="146">
        <v>8</v>
      </c>
      <c r="EB25" s="146">
        <v>4</v>
      </c>
      <c r="EC25" s="151">
        <v>61</v>
      </c>
      <c r="ED25" s="150">
        <v>76</v>
      </c>
      <c r="EE25" s="145">
        <v>2</v>
      </c>
      <c r="EF25" s="146">
        <v>0</v>
      </c>
      <c r="EG25" s="151">
        <v>2</v>
      </c>
      <c r="EH25" s="148">
        <v>0</v>
      </c>
      <c r="EI25" s="146">
        <v>4</v>
      </c>
      <c r="EJ25" s="146">
        <v>0</v>
      </c>
      <c r="EK25" s="146">
        <v>3</v>
      </c>
      <c r="EL25" s="146">
        <v>6</v>
      </c>
      <c r="EM25" s="146">
        <v>2</v>
      </c>
      <c r="EN25" s="151">
        <v>15</v>
      </c>
      <c r="EO25" s="150">
        <v>17</v>
      </c>
      <c r="EP25" s="145">
        <v>6</v>
      </c>
      <c r="EQ25" s="146">
        <v>15</v>
      </c>
      <c r="ER25" s="151">
        <v>21</v>
      </c>
      <c r="ES25" s="148">
        <v>0</v>
      </c>
      <c r="ET25" s="146">
        <v>34</v>
      </c>
      <c r="EU25" s="146">
        <v>37</v>
      </c>
      <c r="EV25" s="146">
        <v>6</v>
      </c>
      <c r="EW25" s="146">
        <v>7</v>
      </c>
      <c r="EX25" s="146">
        <v>4</v>
      </c>
      <c r="EY25" s="151">
        <v>88</v>
      </c>
      <c r="EZ25" s="150">
        <v>109</v>
      </c>
    </row>
    <row r="26" spans="2:156" ht="21" customHeight="1" x14ac:dyDescent="0.2">
      <c r="B26" s="152" t="s">
        <v>24</v>
      </c>
      <c r="C26" s="145">
        <v>0</v>
      </c>
      <c r="D26" s="146">
        <v>0</v>
      </c>
      <c r="E26" s="147">
        <v>0</v>
      </c>
      <c r="F26" s="148">
        <v>0</v>
      </c>
      <c r="G26" s="146">
        <v>7</v>
      </c>
      <c r="H26" s="146">
        <v>1</v>
      </c>
      <c r="I26" s="146">
        <v>3</v>
      </c>
      <c r="J26" s="146">
        <v>4</v>
      </c>
      <c r="K26" s="146">
        <v>3</v>
      </c>
      <c r="L26" s="149">
        <v>18</v>
      </c>
      <c r="M26" s="150">
        <v>18</v>
      </c>
      <c r="N26" s="145">
        <v>0</v>
      </c>
      <c r="O26" s="146">
        <v>0</v>
      </c>
      <c r="P26" s="151">
        <v>0</v>
      </c>
      <c r="Q26" s="148">
        <v>0</v>
      </c>
      <c r="R26" s="146">
        <v>0</v>
      </c>
      <c r="S26" s="146">
        <v>0</v>
      </c>
      <c r="T26" s="146">
        <v>0</v>
      </c>
      <c r="U26" s="146">
        <v>2</v>
      </c>
      <c r="V26" s="146">
        <v>0</v>
      </c>
      <c r="W26" s="151">
        <v>2</v>
      </c>
      <c r="X26" s="150">
        <v>2</v>
      </c>
      <c r="Y26" s="145">
        <v>1</v>
      </c>
      <c r="Z26" s="146">
        <v>0</v>
      </c>
      <c r="AA26" s="151">
        <v>1</v>
      </c>
      <c r="AB26" s="148">
        <v>0</v>
      </c>
      <c r="AC26" s="146">
        <v>8</v>
      </c>
      <c r="AD26" s="146">
        <v>9</v>
      </c>
      <c r="AE26" s="146">
        <v>8</v>
      </c>
      <c r="AF26" s="146">
        <v>4</v>
      </c>
      <c r="AG26" s="146">
        <v>2</v>
      </c>
      <c r="AH26" s="151">
        <v>31</v>
      </c>
      <c r="AI26" s="150">
        <v>32</v>
      </c>
      <c r="AJ26" s="145">
        <v>0</v>
      </c>
      <c r="AK26" s="146">
        <v>0</v>
      </c>
      <c r="AL26" s="151">
        <v>0</v>
      </c>
      <c r="AM26" s="148">
        <v>0</v>
      </c>
      <c r="AN26" s="146">
        <v>1</v>
      </c>
      <c r="AO26" s="146">
        <v>2</v>
      </c>
      <c r="AP26" s="146">
        <v>0</v>
      </c>
      <c r="AQ26" s="146">
        <v>0</v>
      </c>
      <c r="AR26" s="146">
        <v>0</v>
      </c>
      <c r="AS26" s="151">
        <v>3</v>
      </c>
      <c r="AT26" s="150">
        <v>3</v>
      </c>
      <c r="AU26" s="145">
        <v>3</v>
      </c>
      <c r="AV26" s="146">
        <v>0</v>
      </c>
      <c r="AW26" s="151">
        <v>3</v>
      </c>
      <c r="AX26" s="148">
        <v>0</v>
      </c>
      <c r="AY26" s="146">
        <v>11</v>
      </c>
      <c r="AZ26" s="146">
        <v>11</v>
      </c>
      <c r="BA26" s="146">
        <v>9</v>
      </c>
      <c r="BB26" s="146">
        <v>12</v>
      </c>
      <c r="BC26" s="146">
        <v>3</v>
      </c>
      <c r="BD26" s="149">
        <v>46</v>
      </c>
      <c r="BE26" s="150">
        <v>49</v>
      </c>
      <c r="BF26" s="145">
        <v>0</v>
      </c>
      <c r="BG26" s="146">
        <v>0</v>
      </c>
      <c r="BH26" s="151">
        <v>0</v>
      </c>
      <c r="BI26" s="148">
        <v>0</v>
      </c>
      <c r="BJ26" s="146">
        <v>10</v>
      </c>
      <c r="BK26" s="146">
        <v>9</v>
      </c>
      <c r="BL26" s="146">
        <v>5</v>
      </c>
      <c r="BM26" s="146">
        <v>2</v>
      </c>
      <c r="BN26" s="146">
        <v>2</v>
      </c>
      <c r="BO26" s="151">
        <v>28</v>
      </c>
      <c r="BP26" s="150">
        <v>28</v>
      </c>
      <c r="BQ26" s="145">
        <v>1</v>
      </c>
      <c r="BR26" s="146">
        <v>0</v>
      </c>
      <c r="BS26" s="151">
        <v>1</v>
      </c>
      <c r="BT26" s="148">
        <v>0</v>
      </c>
      <c r="BU26" s="146">
        <v>1</v>
      </c>
      <c r="BV26" s="146">
        <v>7</v>
      </c>
      <c r="BW26" s="146">
        <v>5</v>
      </c>
      <c r="BX26" s="146">
        <v>4</v>
      </c>
      <c r="BY26" s="146">
        <v>1</v>
      </c>
      <c r="BZ26" s="151">
        <v>18</v>
      </c>
      <c r="CA26" s="150">
        <v>19</v>
      </c>
      <c r="CB26" s="145">
        <v>0</v>
      </c>
      <c r="CC26" s="146">
        <v>0</v>
      </c>
      <c r="CD26" s="151">
        <v>0</v>
      </c>
      <c r="CE26" s="148">
        <v>0</v>
      </c>
      <c r="CF26" s="146">
        <v>2</v>
      </c>
      <c r="CG26" s="146">
        <v>4</v>
      </c>
      <c r="CH26" s="146">
        <v>1</v>
      </c>
      <c r="CI26" s="146">
        <v>4</v>
      </c>
      <c r="CJ26" s="146">
        <v>0</v>
      </c>
      <c r="CK26" s="151">
        <v>11</v>
      </c>
      <c r="CL26" s="150">
        <v>11</v>
      </c>
      <c r="CM26" s="145">
        <v>0</v>
      </c>
      <c r="CN26" s="146">
        <v>0</v>
      </c>
      <c r="CO26" s="151">
        <v>0</v>
      </c>
      <c r="CP26" s="148">
        <v>0</v>
      </c>
      <c r="CQ26" s="146">
        <v>0</v>
      </c>
      <c r="CR26" s="146">
        <v>1</v>
      </c>
      <c r="CS26" s="146">
        <v>1</v>
      </c>
      <c r="CT26" s="146">
        <v>0</v>
      </c>
      <c r="CU26" s="146">
        <v>0</v>
      </c>
      <c r="CV26" s="151">
        <v>2</v>
      </c>
      <c r="CW26" s="150">
        <v>2</v>
      </c>
      <c r="CX26" s="145">
        <v>0</v>
      </c>
      <c r="CY26" s="146">
        <v>0</v>
      </c>
      <c r="CZ26" s="151">
        <v>0</v>
      </c>
      <c r="DA26" s="148">
        <v>0</v>
      </c>
      <c r="DB26" s="146">
        <v>0</v>
      </c>
      <c r="DC26" s="146">
        <v>0</v>
      </c>
      <c r="DD26" s="146">
        <v>0</v>
      </c>
      <c r="DE26" s="146">
        <v>0</v>
      </c>
      <c r="DF26" s="146">
        <v>0</v>
      </c>
      <c r="DG26" s="151">
        <v>0</v>
      </c>
      <c r="DH26" s="150">
        <v>0</v>
      </c>
      <c r="DI26" s="145">
        <v>0</v>
      </c>
      <c r="DJ26" s="146">
        <v>0</v>
      </c>
      <c r="DK26" s="151">
        <v>0</v>
      </c>
      <c r="DL26" s="148">
        <v>0</v>
      </c>
      <c r="DM26" s="146">
        <v>0</v>
      </c>
      <c r="DN26" s="146">
        <v>0</v>
      </c>
      <c r="DO26" s="146">
        <v>0</v>
      </c>
      <c r="DP26" s="146">
        <v>0</v>
      </c>
      <c r="DQ26" s="146">
        <v>0</v>
      </c>
      <c r="DR26" s="151">
        <v>0</v>
      </c>
      <c r="DS26" s="150">
        <v>0</v>
      </c>
      <c r="DT26" s="145">
        <v>9</v>
      </c>
      <c r="DU26" s="146">
        <v>6</v>
      </c>
      <c r="DV26" s="151">
        <v>15</v>
      </c>
      <c r="DW26" s="148">
        <v>0</v>
      </c>
      <c r="DX26" s="146">
        <v>12</v>
      </c>
      <c r="DY26" s="146">
        <v>16</v>
      </c>
      <c r="DZ26" s="146">
        <v>12</v>
      </c>
      <c r="EA26" s="146">
        <v>12</v>
      </c>
      <c r="EB26" s="146">
        <v>5</v>
      </c>
      <c r="EC26" s="151">
        <v>57</v>
      </c>
      <c r="ED26" s="150">
        <v>72</v>
      </c>
      <c r="EE26" s="145">
        <v>1</v>
      </c>
      <c r="EF26" s="146">
        <v>0</v>
      </c>
      <c r="EG26" s="151">
        <v>1</v>
      </c>
      <c r="EH26" s="148">
        <v>0</v>
      </c>
      <c r="EI26" s="146">
        <v>6</v>
      </c>
      <c r="EJ26" s="146">
        <v>3</v>
      </c>
      <c r="EK26" s="146">
        <v>3</v>
      </c>
      <c r="EL26" s="146">
        <v>1</v>
      </c>
      <c r="EM26" s="146">
        <v>0</v>
      </c>
      <c r="EN26" s="151">
        <v>13</v>
      </c>
      <c r="EO26" s="150">
        <v>14</v>
      </c>
      <c r="EP26" s="145">
        <v>10</v>
      </c>
      <c r="EQ26" s="146">
        <v>6</v>
      </c>
      <c r="ER26" s="151">
        <v>16</v>
      </c>
      <c r="ES26" s="148">
        <v>0</v>
      </c>
      <c r="ET26" s="146">
        <v>29</v>
      </c>
      <c r="EU26" s="146">
        <v>27</v>
      </c>
      <c r="EV26" s="146">
        <v>15</v>
      </c>
      <c r="EW26" s="146">
        <v>12</v>
      </c>
      <c r="EX26" s="146">
        <v>5</v>
      </c>
      <c r="EY26" s="151">
        <v>88</v>
      </c>
      <c r="EZ26" s="150">
        <v>104</v>
      </c>
    </row>
    <row r="27" spans="2:156" ht="21" customHeight="1" x14ac:dyDescent="0.2">
      <c r="B27" s="152" t="s">
        <v>25</v>
      </c>
      <c r="C27" s="145">
        <v>0</v>
      </c>
      <c r="D27" s="146">
        <v>0</v>
      </c>
      <c r="E27" s="147">
        <v>0</v>
      </c>
      <c r="F27" s="148">
        <v>0</v>
      </c>
      <c r="G27" s="146">
        <v>4</v>
      </c>
      <c r="H27" s="146">
        <v>5</v>
      </c>
      <c r="I27" s="146">
        <v>2</v>
      </c>
      <c r="J27" s="146">
        <v>3</v>
      </c>
      <c r="K27" s="146">
        <v>0</v>
      </c>
      <c r="L27" s="149">
        <v>14</v>
      </c>
      <c r="M27" s="150">
        <v>14</v>
      </c>
      <c r="N27" s="145">
        <v>0</v>
      </c>
      <c r="O27" s="146">
        <v>0</v>
      </c>
      <c r="P27" s="151">
        <v>0</v>
      </c>
      <c r="Q27" s="148">
        <v>0</v>
      </c>
      <c r="R27" s="146">
        <v>0</v>
      </c>
      <c r="S27" s="146">
        <v>1</v>
      </c>
      <c r="T27" s="146">
        <v>1</v>
      </c>
      <c r="U27" s="146">
        <v>0</v>
      </c>
      <c r="V27" s="146">
        <v>0</v>
      </c>
      <c r="W27" s="151">
        <v>2</v>
      </c>
      <c r="X27" s="150">
        <v>2</v>
      </c>
      <c r="Y27" s="145">
        <v>1</v>
      </c>
      <c r="Z27" s="146">
        <v>4</v>
      </c>
      <c r="AA27" s="151">
        <v>5</v>
      </c>
      <c r="AB27" s="148">
        <v>0</v>
      </c>
      <c r="AC27" s="146">
        <v>3</v>
      </c>
      <c r="AD27" s="146">
        <v>7</v>
      </c>
      <c r="AE27" s="146">
        <v>3</v>
      </c>
      <c r="AF27" s="146">
        <v>2</v>
      </c>
      <c r="AG27" s="146">
        <v>0</v>
      </c>
      <c r="AH27" s="151">
        <v>15</v>
      </c>
      <c r="AI27" s="150">
        <v>20</v>
      </c>
      <c r="AJ27" s="145">
        <v>0</v>
      </c>
      <c r="AK27" s="146">
        <v>2</v>
      </c>
      <c r="AL27" s="151">
        <v>2</v>
      </c>
      <c r="AM27" s="148">
        <v>0</v>
      </c>
      <c r="AN27" s="146">
        <v>0</v>
      </c>
      <c r="AO27" s="146">
        <v>1</v>
      </c>
      <c r="AP27" s="146">
        <v>0</v>
      </c>
      <c r="AQ27" s="146">
        <v>0</v>
      </c>
      <c r="AR27" s="146">
        <v>0</v>
      </c>
      <c r="AS27" s="151">
        <v>1</v>
      </c>
      <c r="AT27" s="150">
        <v>3</v>
      </c>
      <c r="AU27" s="145">
        <v>0</v>
      </c>
      <c r="AV27" s="146">
        <v>2</v>
      </c>
      <c r="AW27" s="151">
        <v>2</v>
      </c>
      <c r="AX27" s="148">
        <v>0</v>
      </c>
      <c r="AY27" s="146">
        <v>5</v>
      </c>
      <c r="AZ27" s="146">
        <v>4</v>
      </c>
      <c r="BA27" s="146">
        <v>5</v>
      </c>
      <c r="BB27" s="146">
        <v>6</v>
      </c>
      <c r="BC27" s="146">
        <v>0</v>
      </c>
      <c r="BD27" s="149">
        <v>20</v>
      </c>
      <c r="BE27" s="150">
        <v>22</v>
      </c>
      <c r="BF27" s="145">
        <v>0</v>
      </c>
      <c r="BG27" s="146">
        <v>0</v>
      </c>
      <c r="BH27" s="151">
        <v>0</v>
      </c>
      <c r="BI27" s="148">
        <v>0</v>
      </c>
      <c r="BJ27" s="146">
        <v>3</v>
      </c>
      <c r="BK27" s="146">
        <v>4</v>
      </c>
      <c r="BL27" s="146">
        <v>1</v>
      </c>
      <c r="BM27" s="146">
        <v>2</v>
      </c>
      <c r="BN27" s="146">
        <v>0</v>
      </c>
      <c r="BO27" s="151">
        <v>10</v>
      </c>
      <c r="BP27" s="150">
        <v>10</v>
      </c>
      <c r="BQ27" s="145">
        <v>0</v>
      </c>
      <c r="BR27" s="146">
        <v>1</v>
      </c>
      <c r="BS27" s="151">
        <v>1</v>
      </c>
      <c r="BT27" s="148">
        <v>0</v>
      </c>
      <c r="BU27" s="146">
        <v>1</v>
      </c>
      <c r="BV27" s="146">
        <v>2</v>
      </c>
      <c r="BW27" s="146">
        <v>2</v>
      </c>
      <c r="BX27" s="146">
        <v>1</v>
      </c>
      <c r="BY27" s="146">
        <v>0</v>
      </c>
      <c r="BZ27" s="151">
        <v>6</v>
      </c>
      <c r="CA27" s="150">
        <v>7</v>
      </c>
      <c r="CB27" s="145">
        <v>1</v>
      </c>
      <c r="CC27" s="146">
        <v>0</v>
      </c>
      <c r="CD27" s="151">
        <v>1</v>
      </c>
      <c r="CE27" s="148">
        <v>0</v>
      </c>
      <c r="CF27" s="146">
        <v>2</v>
      </c>
      <c r="CG27" s="146">
        <v>1</v>
      </c>
      <c r="CH27" s="146">
        <v>1</v>
      </c>
      <c r="CI27" s="146">
        <v>1</v>
      </c>
      <c r="CJ27" s="146">
        <v>0</v>
      </c>
      <c r="CK27" s="151">
        <v>5</v>
      </c>
      <c r="CL27" s="150">
        <v>6</v>
      </c>
      <c r="CM27" s="145">
        <v>0</v>
      </c>
      <c r="CN27" s="146">
        <v>0</v>
      </c>
      <c r="CO27" s="151">
        <v>0</v>
      </c>
      <c r="CP27" s="148">
        <v>0</v>
      </c>
      <c r="CQ27" s="146">
        <v>0</v>
      </c>
      <c r="CR27" s="146">
        <v>0</v>
      </c>
      <c r="CS27" s="146">
        <v>0</v>
      </c>
      <c r="CT27" s="146">
        <v>0</v>
      </c>
      <c r="CU27" s="146">
        <v>0</v>
      </c>
      <c r="CV27" s="151">
        <v>0</v>
      </c>
      <c r="CW27" s="150">
        <v>0</v>
      </c>
      <c r="CX27" s="145">
        <v>0</v>
      </c>
      <c r="CY27" s="146">
        <v>0</v>
      </c>
      <c r="CZ27" s="151">
        <v>0</v>
      </c>
      <c r="DA27" s="148">
        <v>0</v>
      </c>
      <c r="DB27" s="146">
        <v>0</v>
      </c>
      <c r="DC27" s="146">
        <v>0</v>
      </c>
      <c r="DD27" s="146">
        <v>0</v>
      </c>
      <c r="DE27" s="146">
        <v>0</v>
      </c>
      <c r="DF27" s="146">
        <v>0</v>
      </c>
      <c r="DG27" s="151">
        <v>0</v>
      </c>
      <c r="DH27" s="150">
        <v>0</v>
      </c>
      <c r="DI27" s="145">
        <v>0</v>
      </c>
      <c r="DJ27" s="146">
        <v>0</v>
      </c>
      <c r="DK27" s="151">
        <v>0</v>
      </c>
      <c r="DL27" s="148">
        <v>0</v>
      </c>
      <c r="DM27" s="146">
        <v>0</v>
      </c>
      <c r="DN27" s="146">
        <v>0</v>
      </c>
      <c r="DO27" s="146">
        <v>0</v>
      </c>
      <c r="DP27" s="146">
        <v>0</v>
      </c>
      <c r="DQ27" s="146">
        <v>0</v>
      </c>
      <c r="DR27" s="151">
        <v>0</v>
      </c>
      <c r="DS27" s="150">
        <v>0</v>
      </c>
      <c r="DT27" s="145">
        <v>9</v>
      </c>
      <c r="DU27" s="146">
        <v>11</v>
      </c>
      <c r="DV27" s="151">
        <v>20</v>
      </c>
      <c r="DW27" s="148">
        <v>0</v>
      </c>
      <c r="DX27" s="146">
        <v>3</v>
      </c>
      <c r="DY27" s="146">
        <v>12</v>
      </c>
      <c r="DZ27" s="146">
        <v>6</v>
      </c>
      <c r="EA27" s="146">
        <v>5</v>
      </c>
      <c r="EB27" s="146">
        <v>0</v>
      </c>
      <c r="EC27" s="151">
        <v>26</v>
      </c>
      <c r="ED27" s="150">
        <v>46</v>
      </c>
      <c r="EE27" s="145">
        <v>0</v>
      </c>
      <c r="EF27" s="146">
        <v>1</v>
      </c>
      <c r="EG27" s="151">
        <v>1</v>
      </c>
      <c r="EH27" s="148">
        <v>0</v>
      </c>
      <c r="EI27" s="146">
        <v>4</v>
      </c>
      <c r="EJ27" s="146">
        <v>2</v>
      </c>
      <c r="EK27" s="146">
        <v>1</v>
      </c>
      <c r="EL27" s="146">
        <v>3</v>
      </c>
      <c r="EM27" s="146">
        <v>0</v>
      </c>
      <c r="EN27" s="151">
        <v>10</v>
      </c>
      <c r="EO27" s="150">
        <v>11</v>
      </c>
      <c r="EP27" s="145">
        <v>9</v>
      </c>
      <c r="EQ27" s="146">
        <v>15</v>
      </c>
      <c r="ER27" s="151">
        <v>24</v>
      </c>
      <c r="ES27" s="148">
        <v>0</v>
      </c>
      <c r="ET27" s="146">
        <v>12</v>
      </c>
      <c r="EU27" s="146">
        <v>15</v>
      </c>
      <c r="EV27" s="146">
        <v>8</v>
      </c>
      <c r="EW27" s="146">
        <v>5</v>
      </c>
      <c r="EX27" s="146">
        <v>0</v>
      </c>
      <c r="EY27" s="151">
        <v>40</v>
      </c>
      <c r="EZ27" s="150">
        <v>64</v>
      </c>
    </row>
    <row r="28" spans="2:156" ht="21" customHeight="1" x14ac:dyDescent="0.2">
      <c r="B28" s="152" t="s">
        <v>26</v>
      </c>
      <c r="C28" s="145">
        <v>0</v>
      </c>
      <c r="D28" s="146">
        <v>0</v>
      </c>
      <c r="E28" s="147">
        <v>0</v>
      </c>
      <c r="F28" s="148">
        <v>0</v>
      </c>
      <c r="G28" s="146">
        <v>7</v>
      </c>
      <c r="H28" s="146">
        <v>7</v>
      </c>
      <c r="I28" s="146">
        <v>2</v>
      </c>
      <c r="J28" s="146">
        <v>5</v>
      </c>
      <c r="K28" s="146">
        <v>3</v>
      </c>
      <c r="L28" s="149">
        <v>24</v>
      </c>
      <c r="M28" s="150">
        <v>24</v>
      </c>
      <c r="N28" s="145">
        <v>0</v>
      </c>
      <c r="O28" s="146">
        <v>0</v>
      </c>
      <c r="P28" s="151">
        <v>0</v>
      </c>
      <c r="Q28" s="148">
        <v>0</v>
      </c>
      <c r="R28" s="146">
        <v>0</v>
      </c>
      <c r="S28" s="146">
        <v>0</v>
      </c>
      <c r="T28" s="146">
        <v>0</v>
      </c>
      <c r="U28" s="146">
        <v>1</v>
      </c>
      <c r="V28" s="146">
        <v>1</v>
      </c>
      <c r="W28" s="151">
        <v>2</v>
      </c>
      <c r="X28" s="150">
        <v>2</v>
      </c>
      <c r="Y28" s="145">
        <v>1</v>
      </c>
      <c r="Z28" s="146">
        <v>1</v>
      </c>
      <c r="AA28" s="151">
        <v>2</v>
      </c>
      <c r="AB28" s="148">
        <v>0</v>
      </c>
      <c r="AC28" s="146">
        <v>9</v>
      </c>
      <c r="AD28" s="146">
        <v>8</v>
      </c>
      <c r="AE28" s="146">
        <v>2</v>
      </c>
      <c r="AF28" s="146">
        <v>5</v>
      </c>
      <c r="AG28" s="146">
        <v>3</v>
      </c>
      <c r="AH28" s="151">
        <v>27</v>
      </c>
      <c r="AI28" s="150">
        <v>29</v>
      </c>
      <c r="AJ28" s="145">
        <v>0</v>
      </c>
      <c r="AK28" s="146">
        <v>0</v>
      </c>
      <c r="AL28" s="151">
        <v>0</v>
      </c>
      <c r="AM28" s="148">
        <v>0</v>
      </c>
      <c r="AN28" s="146">
        <v>0</v>
      </c>
      <c r="AO28" s="146">
        <v>0</v>
      </c>
      <c r="AP28" s="146">
        <v>0</v>
      </c>
      <c r="AQ28" s="146">
        <v>0</v>
      </c>
      <c r="AR28" s="146">
        <v>0</v>
      </c>
      <c r="AS28" s="151">
        <v>0</v>
      </c>
      <c r="AT28" s="150">
        <v>0</v>
      </c>
      <c r="AU28" s="145">
        <v>2</v>
      </c>
      <c r="AV28" s="146">
        <v>0</v>
      </c>
      <c r="AW28" s="151">
        <v>2</v>
      </c>
      <c r="AX28" s="148">
        <v>0</v>
      </c>
      <c r="AY28" s="146">
        <v>6</v>
      </c>
      <c r="AZ28" s="146">
        <v>4</v>
      </c>
      <c r="BA28" s="146">
        <v>6</v>
      </c>
      <c r="BB28" s="146">
        <v>5</v>
      </c>
      <c r="BC28" s="146">
        <v>4</v>
      </c>
      <c r="BD28" s="149">
        <v>25</v>
      </c>
      <c r="BE28" s="150">
        <v>27</v>
      </c>
      <c r="BF28" s="145">
        <v>0</v>
      </c>
      <c r="BG28" s="146">
        <v>0</v>
      </c>
      <c r="BH28" s="151">
        <v>0</v>
      </c>
      <c r="BI28" s="148">
        <v>0</v>
      </c>
      <c r="BJ28" s="146">
        <v>9</v>
      </c>
      <c r="BK28" s="146">
        <v>7</v>
      </c>
      <c r="BL28" s="146">
        <v>3</v>
      </c>
      <c r="BM28" s="146">
        <v>2</v>
      </c>
      <c r="BN28" s="146">
        <v>0</v>
      </c>
      <c r="BO28" s="151">
        <v>21</v>
      </c>
      <c r="BP28" s="150">
        <v>21</v>
      </c>
      <c r="BQ28" s="145">
        <v>0</v>
      </c>
      <c r="BR28" s="146">
        <v>0</v>
      </c>
      <c r="BS28" s="151">
        <v>0</v>
      </c>
      <c r="BT28" s="148">
        <v>0</v>
      </c>
      <c r="BU28" s="146">
        <v>5</v>
      </c>
      <c r="BV28" s="146">
        <v>3</v>
      </c>
      <c r="BW28" s="146">
        <v>0</v>
      </c>
      <c r="BX28" s="146">
        <v>1</v>
      </c>
      <c r="BY28" s="146">
        <v>0</v>
      </c>
      <c r="BZ28" s="151">
        <v>9</v>
      </c>
      <c r="CA28" s="150">
        <v>9</v>
      </c>
      <c r="CB28" s="145">
        <v>0</v>
      </c>
      <c r="CC28" s="146">
        <v>0</v>
      </c>
      <c r="CD28" s="151">
        <v>0</v>
      </c>
      <c r="CE28" s="148">
        <v>0</v>
      </c>
      <c r="CF28" s="146">
        <v>2</v>
      </c>
      <c r="CG28" s="146">
        <v>1</v>
      </c>
      <c r="CH28" s="146">
        <v>1</v>
      </c>
      <c r="CI28" s="146">
        <v>1</v>
      </c>
      <c r="CJ28" s="146">
        <v>0</v>
      </c>
      <c r="CK28" s="151">
        <v>5</v>
      </c>
      <c r="CL28" s="150">
        <v>5</v>
      </c>
      <c r="CM28" s="145">
        <v>0</v>
      </c>
      <c r="CN28" s="146">
        <v>0</v>
      </c>
      <c r="CO28" s="151">
        <v>0</v>
      </c>
      <c r="CP28" s="148">
        <v>0</v>
      </c>
      <c r="CQ28" s="146">
        <v>0</v>
      </c>
      <c r="CR28" s="146">
        <v>0</v>
      </c>
      <c r="CS28" s="146">
        <v>0</v>
      </c>
      <c r="CT28" s="146">
        <v>1</v>
      </c>
      <c r="CU28" s="146">
        <v>0</v>
      </c>
      <c r="CV28" s="151">
        <v>1</v>
      </c>
      <c r="CW28" s="150">
        <v>1</v>
      </c>
      <c r="CX28" s="145">
        <v>0</v>
      </c>
      <c r="CY28" s="146">
        <v>0</v>
      </c>
      <c r="CZ28" s="151">
        <v>0</v>
      </c>
      <c r="DA28" s="148">
        <v>0</v>
      </c>
      <c r="DB28" s="146">
        <v>0</v>
      </c>
      <c r="DC28" s="146">
        <v>0</v>
      </c>
      <c r="DD28" s="146">
        <v>0</v>
      </c>
      <c r="DE28" s="146">
        <v>0</v>
      </c>
      <c r="DF28" s="146">
        <v>0</v>
      </c>
      <c r="DG28" s="151">
        <v>0</v>
      </c>
      <c r="DH28" s="150">
        <v>0</v>
      </c>
      <c r="DI28" s="145">
        <v>0</v>
      </c>
      <c r="DJ28" s="146">
        <v>0</v>
      </c>
      <c r="DK28" s="151">
        <v>0</v>
      </c>
      <c r="DL28" s="148">
        <v>0</v>
      </c>
      <c r="DM28" s="146">
        <v>0</v>
      </c>
      <c r="DN28" s="146">
        <v>0</v>
      </c>
      <c r="DO28" s="146">
        <v>0</v>
      </c>
      <c r="DP28" s="146">
        <v>0</v>
      </c>
      <c r="DQ28" s="146">
        <v>0</v>
      </c>
      <c r="DR28" s="151">
        <v>0</v>
      </c>
      <c r="DS28" s="150">
        <v>0</v>
      </c>
      <c r="DT28" s="145">
        <v>8</v>
      </c>
      <c r="DU28" s="146">
        <v>9</v>
      </c>
      <c r="DV28" s="151">
        <v>17</v>
      </c>
      <c r="DW28" s="148">
        <v>0</v>
      </c>
      <c r="DX28" s="146">
        <v>15</v>
      </c>
      <c r="DY28" s="146">
        <v>13</v>
      </c>
      <c r="DZ28" s="146">
        <v>3</v>
      </c>
      <c r="EA28" s="146">
        <v>9</v>
      </c>
      <c r="EB28" s="146">
        <v>4</v>
      </c>
      <c r="EC28" s="151">
        <v>44</v>
      </c>
      <c r="ED28" s="150">
        <v>61</v>
      </c>
      <c r="EE28" s="145">
        <v>1</v>
      </c>
      <c r="EF28" s="146">
        <v>0</v>
      </c>
      <c r="EG28" s="151">
        <v>1</v>
      </c>
      <c r="EH28" s="148">
        <v>0</v>
      </c>
      <c r="EI28" s="146">
        <v>2</v>
      </c>
      <c r="EJ28" s="146">
        <v>2</v>
      </c>
      <c r="EK28" s="146">
        <v>2</v>
      </c>
      <c r="EL28" s="146">
        <v>1</v>
      </c>
      <c r="EM28" s="146">
        <v>0</v>
      </c>
      <c r="EN28" s="151">
        <v>7</v>
      </c>
      <c r="EO28" s="150">
        <v>8</v>
      </c>
      <c r="EP28" s="145">
        <v>9</v>
      </c>
      <c r="EQ28" s="146">
        <v>10</v>
      </c>
      <c r="ER28" s="151">
        <v>19</v>
      </c>
      <c r="ES28" s="148">
        <v>0</v>
      </c>
      <c r="ET28" s="146">
        <v>29</v>
      </c>
      <c r="EU28" s="146">
        <v>17</v>
      </c>
      <c r="EV28" s="146">
        <v>7</v>
      </c>
      <c r="EW28" s="146">
        <v>9</v>
      </c>
      <c r="EX28" s="146">
        <v>3</v>
      </c>
      <c r="EY28" s="151">
        <v>65</v>
      </c>
      <c r="EZ28" s="150">
        <v>84</v>
      </c>
    </row>
    <row r="29" spans="2:156" ht="21" customHeight="1" x14ac:dyDescent="0.2">
      <c r="B29" s="152" t="s">
        <v>27</v>
      </c>
      <c r="C29" s="145">
        <v>0</v>
      </c>
      <c r="D29" s="146">
        <v>0</v>
      </c>
      <c r="E29" s="147">
        <v>0</v>
      </c>
      <c r="F29" s="148">
        <v>0</v>
      </c>
      <c r="G29" s="146">
        <v>2</v>
      </c>
      <c r="H29" s="146">
        <v>5</v>
      </c>
      <c r="I29" s="146">
        <v>3</v>
      </c>
      <c r="J29" s="146">
        <v>4</v>
      </c>
      <c r="K29" s="146">
        <v>3</v>
      </c>
      <c r="L29" s="149">
        <v>17</v>
      </c>
      <c r="M29" s="150">
        <v>17</v>
      </c>
      <c r="N29" s="145">
        <v>0</v>
      </c>
      <c r="O29" s="146">
        <v>0</v>
      </c>
      <c r="P29" s="151">
        <v>0</v>
      </c>
      <c r="Q29" s="148">
        <v>0</v>
      </c>
      <c r="R29" s="146">
        <v>0</v>
      </c>
      <c r="S29" s="146">
        <v>0</v>
      </c>
      <c r="T29" s="146">
        <v>0</v>
      </c>
      <c r="U29" s="146">
        <v>2</v>
      </c>
      <c r="V29" s="146">
        <v>0</v>
      </c>
      <c r="W29" s="151">
        <v>2</v>
      </c>
      <c r="X29" s="150">
        <v>2</v>
      </c>
      <c r="Y29" s="145">
        <v>3</v>
      </c>
      <c r="Z29" s="146">
        <v>5</v>
      </c>
      <c r="AA29" s="151">
        <v>8</v>
      </c>
      <c r="AB29" s="148">
        <v>0</v>
      </c>
      <c r="AC29" s="146">
        <v>4</v>
      </c>
      <c r="AD29" s="146">
        <v>2</v>
      </c>
      <c r="AE29" s="146">
        <v>5</v>
      </c>
      <c r="AF29" s="146">
        <v>3</v>
      </c>
      <c r="AG29" s="146">
        <v>3</v>
      </c>
      <c r="AH29" s="151">
        <v>17</v>
      </c>
      <c r="AI29" s="150">
        <v>25</v>
      </c>
      <c r="AJ29" s="145">
        <v>0</v>
      </c>
      <c r="AK29" s="146">
        <v>0</v>
      </c>
      <c r="AL29" s="151">
        <v>0</v>
      </c>
      <c r="AM29" s="148">
        <v>0</v>
      </c>
      <c r="AN29" s="146">
        <v>0</v>
      </c>
      <c r="AO29" s="146">
        <v>0</v>
      </c>
      <c r="AP29" s="146">
        <v>0</v>
      </c>
      <c r="AQ29" s="146">
        <v>0</v>
      </c>
      <c r="AR29" s="146">
        <v>0</v>
      </c>
      <c r="AS29" s="151">
        <v>0</v>
      </c>
      <c r="AT29" s="150">
        <v>0</v>
      </c>
      <c r="AU29" s="145">
        <v>2</v>
      </c>
      <c r="AV29" s="146">
        <v>1</v>
      </c>
      <c r="AW29" s="151">
        <v>3</v>
      </c>
      <c r="AX29" s="148">
        <v>0</v>
      </c>
      <c r="AY29" s="146">
        <v>11</v>
      </c>
      <c r="AZ29" s="146">
        <v>3</v>
      </c>
      <c r="BA29" s="146">
        <v>6</v>
      </c>
      <c r="BB29" s="146">
        <v>6</v>
      </c>
      <c r="BC29" s="146">
        <v>5</v>
      </c>
      <c r="BD29" s="149">
        <v>31</v>
      </c>
      <c r="BE29" s="150">
        <v>34</v>
      </c>
      <c r="BF29" s="145">
        <v>0</v>
      </c>
      <c r="BG29" s="146">
        <v>0</v>
      </c>
      <c r="BH29" s="151">
        <v>0</v>
      </c>
      <c r="BI29" s="148">
        <v>0</v>
      </c>
      <c r="BJ29" s="146">
        <v>5</v>
      </c>
      <c r="BK29" s="146">
        <v>6</v>
      </c>
      <c r="BL29" s="146">
        <v>2</v>
      </c>
      <c r="BM29" s="146">
        <v>5</v>
      </c>
      <c r="BN29" s="146">
        <v>0</v>
      </c>
      <c r="BO29" s="151">
        <v>18</v>
      </c>
      <c r="BP29" s="150">
        <v>18</v>
      </c>
      <c r="BQ29" s="145">
        <v>3</v>
      </c>
      <c r="BR29" s="146">
        <v>2</v>
      </c>
      <c r="BS29" s="151">
        <v>5</v>
      </c>
      <c r="BT29" s="148">
        <v>0</v>
      </c>
      <c r="BU29" s="146">
        <v>1</v>
      </c>
      <c r="BV29" s="146">
        <v>2</v>
      </c>
      <c r="BW29" s="146">
        <v>0</v>
      </c>
      <c r="BX29" s="146">
        <v>0</v>
      </c>
      <c r="BY29" s="146">
        <v>0</v>
      </c>
      <c r="BZ29" s="151">
        <v>3</v>
      </c>
      <c r="CA29" s="150">
        <v>8</v>
      </c>
      <c r="CB29" s="145">
        <v>0</v>
      </c>
      <c r="CC29" s="146">
        <v>0</v>
      </c>
      <c r="CD29" s="151">
        <v>0</v>
      </c>
      <c r="CE29" s="148">
        <v>0</v>
      </c>
      <c r="CF29" s="146">
        <v>1</v>
      </c>
      <c r="CG29" s="146">
        <v>0</v>
      </c>
      <c r="CH29" s="146">
        <v>0</v>
      </c>
      <c r="CI29" s="146">
        <v>0</v>
      </c>
      <c r="CJ29" s="146">
        <v>0</v>
      </c>
      <c r="CK29" s="151">
        <v>1</v>
      </c>
      <c r="CL29" s="150">
        <v>1</v>
      </c>
      <c r="CM29" s="145">
        <v>0</v>
      </c>
      <c r="CN29" s="146">
        <v>0</v>
      </c>
      <c r="CO29" s="151">
        <v>0</v>
      </c>
      <c r="CP29" s="148">
        <v>0</v>
      </c>
      <c r="CQ29" s="146">
        <v>0</v>
      </c>
      <c r="CR29" s="146">
        <v>0</v>
      </c>
      <c r="CS29" s="146">
        <v>1</v>
      </c>
      <c r="CT29" s="146">
        <v>0</v>
      </c>
      <c r="CU29" s="146">
        <v>0</v>
      </c>
      <c r="CV29" s="151">
        <v>1</v>
      </c>
      <c r="CW29" s="150">
        <v>1</v>
      </c>
      <c r="CX29" s="145">
        <v>0</v>
      </c>
      <c r="CY29" s="146">
        <v>0</v>
      </c>
      <c r="CZ29" s="151">
        <v>0</v>
      </c>
      <c r="DA29" s="148">
        <v>0</v>
      </c>
      <c r="DB29" s="146">
        <v>0</v>
      </c>
      <c r="DC29" s="146">
        <v>0</v>
      </c>
      <c r="DD29" s="146">
        <v>0</v>
      </c>
      <c r="DE29" s="146">
        <v>0</v>
      </c>
      <c r="DF29" s="146">
        <v>0</v>
      </c>
      <c r="DG29" s="151">
        <v>0</v>
      </c>
      <c r="DH29" s="150">
        <v>0</v>
      </c>
      <c r="DI29" s="145">
        <v>0</v>
      </c>
      <c r="DJ29" s="146">
        <v>0</v>
      </c>
      <c r="DK29" s="151">
        <v>0</v>
      </c>
      <c r="DL29" s="148">
        <v>0</v>
      </c>
      <c r="DM29" s="146">
        <v>0</v>
      </c>
      <c r="DN29" s="146">
        <v>0</v>
      </c>
      <c r="DO29" s="146">
        <v>0</v>
      </c>
      <c r="DP29" s="146">
        <v>0</v>
      </c>
      <c r="DQ29" s="146">
        <v>0</v>
      </c>
      <c r="DR29" s="151">
        <v>0</v>
      </c>
      <c r="DS29" s="150">
        <v>0</v>
      </c>
      <c r="DT29" s="145">
        <v>10</v>
      </c>
      <c r="DU29" s="146">
        <v>17</v>
      </c>
      <c r="DV29" s="151">
        <v>27</v>
      </c>
      <c r="DW29" s="148">
        <v>0</v>
      </c>
      <c r="DX29" s="146">
        <v>4</v>
      </c>
      <c r="DY29" s="146">
        <v>10</v>
      </c>
      <c r="DZ29" s="146">
        <v>9</v>
      </c>
      <c r="EA29" s="146">
        <v>5</v>
      </c>
      <c r="EB29" s="146">
        <v>4</v>
      </c>
      <c r="EC29" s="151">
        <v>32</v>
      </c>
      <c r="ED29" s="150">
        <v>59</v>
      </c>
      <c r="EE29" s="145">
        <v>2</v>
      </c>
      <c r="EF29" s="146">
        <v>0</v>
      </c>
      <c r="EG29" s="151">
        <v>2</v>
      </c>
      <c r="EH29" s="148">
        <v>0</v>
      </c>
      <c r="EI29" s="146">
        <v>5</v>
      </c>
      <c r="EJ29" s="146">
        <v>1</v>
      </c>
      <c r="EK29" s="146">
        <v>1</v>
      </c>
      <c r="EL29" s="146">
        <v>2</v>
      </c>
      <c r="EM29" s="146">
        <v>0</v>
      </c>
      <c r="EN29" s="151">
        <v>9</v>
      </c>
      <c r="EO29" s="150">
        <v>11</v>
      </c>
      <c r="EP29" s="145">
        <v>14</v>
      </c>
      <c r="EQ29" s="146">
        <v>19</v>
      </c>
      <c r="ER29" s="151">
        <v>33</v>
      </c>
      <c r="ES29" s="148">
        <v>0</v>
      </c>
      <c r="ET29" s="146">
        <v>11</v>
      </c>
      <c r="EU29" s="146">
        <v>13</v>
      </c>
      <c r="EV29" s="146">
        <v>9</v>
      </c>
      <c r="EW29" s="146">
        <v>6</v>
      </c>
      <c r="EX29" s="146">
        <v>4</v>
      </c>
      <c r="EY29" s="151">
        <v>43</v>
      </c>
      <c r="EZ29" s="150">
        <v>76</v>
      </c>
    </row>
    <row r="30" spans="2:156" ht="21" customHeight="1" x14ac:dyDescent="0.2">
      <c r="B30" s="152" t="s">
        <v>28</v>
      </c>
      <c r="C30" s="145">
        <v>0</v>
      </c>
      <c r="D30" s="146">
        <v>0</v>
      </c>
      <c r="E30" s="147">
        <v>0</v>
      </c>
      <c r="F30" s="148">
        <v>0</v>
      </c>
      <c r="G30" s="146">
        <v>0</v>
      </c>
      <c r="H30" s="146">
        <v>0</v>
      </c>
      <c r="I30" s="146">
        <v>1</v>
      </c>
      <c r="J30" s="146">
        <v>0</v>
      </c>
      <c r="K30" s="146">
        <v>0</v>
      </c>
      <c r="L30" s="149">
        <v>1</v>
      </c>
      <c r="M30" s="150">
        <v>1</v>
      </c>
      <c r="N30" s="145">
        <v>0</v>
      </c>
      <c r="O30" s="146">
        <v>0</v>
      </c>
      <c r="P30" s="151">
        <v>0</v>
      </c>
      <c r="Q30" s="148">
        <v>0</v>
      </c>
      <c r="R30" s="146">
        <v>0</v>
      </c>
      <c r="S30" s="146">
        <v>0</v>
      </c>
      <c r="T30" s="146">
        <v>0</v>
      </c>
      <c r="U30" s="146">
        <v>0</v>
      </c>
      <c r="V30" s="146">
        <v>0</v>
      </c>
      <c r="W30" s="151">
        <v>0</v>
      </c>
      <c r="X30" s="150">
        <v>0</v>
      </c>
      <c r="Y30" s="145">
        <v>0</v>
      </c>
      <c r="Z30" s="146">
        <v>0</v>
      </c>
      <c r="AA30" s="151">
        <v>0</v>
      </c>
      <c r="AB30" s="148">
        <v>0</v>
      </c>
      <c r="AC30" s="146">
        <v>1</v>
      </c>
      <c r="AD30" s="146">
        <v>0</v>
      </c>
      <c r="AE30" s="146">
        <v>1</v>
      </c>
      <c r="AF30" s="146">
        <v>1</v>
      </c>
      <c r="AG30" s="146">
        <v>0</v>
      </c>
      <c r="AH30" s="151">
        <v>3</v>
      </c>
      <c r="AI30" s="150">
        <v>3</v>
      </c>
      <c r="AJ30" s="145">
        <v>0</v>
      </c>
      <c r="AK30" s="146">
        <v>0</v>
      </c>
      <c r="AL30" s="151">
        <v>0</v>
      </c>
      <c r="AM30" s="148">
        <v>0</v>
      </c>
      <c r="AN30" s="146">
        <v>0</v>
      </c>
      <c r="AO30" s="146">
        <v>0</v>
      </c>
      <c r="AP30" s="146">
        <v>0</v>
      </c>
      <c r="AQ30" s="146">
        <v>0</v>
      </c>
      <c r="AR30" s="146">
        <v>0</v>
      </c>
      <c r="AS30" s="151">
        <v>0</v>
      </c>
      <c r="AT30" s="150">
        <v>0</v>
      </c>
      <c r="AU30" s="145">
        <v>0</v>
      </c>
      <c r="AV30" s="146">
        <v>0</v>
      </c>
      <c r="AW30" s="151">
        <v>0</v>
      </c>
      <c r="AX30" s="148">
        <v>0</v>
      </c>
      <c r="AY30" s="146">
        <v>3</v>
      </c>
      <c r="AZ30" s="146">
        <v>1</v>
      </c>
      <c r="BA30" s="146">
        <v>2</v>
      </c>
      <c r="BB30" s="146">
        <v>0</v>
      </c>
      <c r="BC30" s="146">
        <v>1</v>
      </c>
      <c r="BD30" s="149">
        <v>7</v>
      </c>
      <c r="BE30" s="150">
        <v>7</v>
      </c>
      <c r="BF30" s="145">
        <v>0</v>
      </c>
      <c r="BG30" s="146">
        <v>0</v>
      </c>
      <c r="BH30" s="151">
        <v>0</v>
      </c>
      <c r="BI30" s="148">
        <v>0</v>
      </c>
      <c r="BJ30" s="146">
        <v>2</v>
      </c>
      <c r="BK30" s="146">
        <v>5</v>
      </c>
      <c r="BL30" s="146">
        <v>1</v>
      </c>
      <c r="BM30" s="146">
        <v>0</v>
      </c>
      <c r="BN30" s="146">
        <v>0</v>
      </c>
      <c r="BO30" s="151">
        <v>8</v>
      </c>
      <c r="BP30" s="150">
        <v>8</v>
      </c>
      <c r="BQ30" s="145">
        <v>0</v>
      </c>
      <c r="BR30" s="146">
        <v>0</v>
      </c>
      <c r="BS30" s="151">
        <v>0</v>
      </c>
      <c r="BT30" s="148">
        <v>0</v>
      </c>
      <c r="BU30" s="146">
        <v>1</v>
      </c>
      <c r="BV30" s="146">
        <v>0</v>
      </c>
      <c r="BW30" s="146">
        <v>0</v>
      </c>
      <c r="BX30" s="146">
        <v>0</v>
      </c>
      <c r="BY30" s="146">
        <v>0</v>
      </c>
      <c r="BZ30" s="151">
        <v>1</v>
      </c>
      <c r="CA30" s="150">
        <v>1</v>
      </c>
      <c r="CB30" s="145">
        <v>0</v>
      </c>
      <c r="CC30" s="146">
        <v>0</v>
      </c>
      <c r="CD30" s="151">
        <v>0</v>
      </c>
      <c r="CE30" s="148">
        <v>0</v>
      </c>
      <c r="CF30" s="146">
        <v>0</v>
      </c>
      <c r="CG30" s="146">
        <v>1</v>
      </c>
      <c r="CH30" s="146">
        <v>0</v>
      </c>
      <c r="CI30" s="146">
        <v>0</v>
      </c>
      <c r="CJ30" s="146">
        <v>0</v>
      </c>
      <c r="CK30" s="151">
        <v>1</v>
      </c>
      <c r="CL30" s="150">
        <v>1</v>
      </c>
      <c r="CM30" s="145">
        <v>0</v>
      </c>
      <c r="CN30" s="146">
        <v>0</v>
      </c>
      <c r="CO30" s="151">
        <v>0</v>
      </c>
      <c r="CP30" s="148">
        <v>0</v>
      </c>
      <c r="CQ30" s="146">
        <v>0</v>
      </c>
      <c r="CR30" s="146">
        <v>0</v>
      </c>
      <c r="CS30" s="146">
        <v>1</v>
      </c>
      <c r="CT30" s="146">
        <v>0</v>
      </c>
      <c r="CU30" s="146">
        <v>0</v>
      </c>
      <c r="CV30" s="151">
        <v>1</v>
      </c>
      <c r="CW30" s="150">
        <v>1</v>
      </c>
      <c r="CX30" s="145">
        <v>0</v>
      </c>
      <c r="CY30" s="146">
        <v>0</v>
      </c>
      <c r="CZ30" s="151">
        <v>0</v>
      </c>
      <c r="DA30" s="148">
        <v>0</v>
      </c>
      <c r="DB30" s="146">
        <v>0</v>
      </c>
      <c r="DC30" s="146">
        <v>0</v>
      </c>
      <c r="DD30" s="146">
        <v>0</v>
      </c>
      <c r="DE30" s="146">
        <v>0</v>
      </c>
      <c r="DF30" s="146">
        <v>0</v>
      </c>
      <c r="DG30" s="151">
        <v>0</v>
      </c>
      <c r="DH30" s="150">
        <v>0</v>
      </c>
      <c r="DI30" s="145">
        <v>0</v>
      </c>
      <c r="DJ30" s="146">
        <v>0</v>
      </c>
      <c r="DK30" s="151">
        <v>0</v>
      </c>
      <c r="DL30" s="148">
        <v>0</v>
      </c>
      <c r="DM30" s="146">
        <v>0</v>
      </c>
      <c r="DN30" s="146">
        <v>0</v>
      </c>
      <c r="DO30" s="146">
        <v>0</v>
      </c>
      <c r="DP30" s="146">
        <v>0</v>
      </c>
      <c r="DQ30" s="146">
        <v>0</v>
      </c>
      <c r="DR30" s="151">
        <v>0</v>
      </c>
      <c r="DS30" s="150">
        <v>0</v>
      </c>
      <c r="DT30" s="145">
        <v>0</v>
      </c>
      <c r="DU30" s="146">
        <v>1</v>
      </c>
      <c r="DV30" s="151">
        <v>1</v>
      </c>
      <c r="DW30" s="148">
        <v>0</v>
      </c>
      <c r="DX30" s="146">
        <v>4</v>
      </c>
      <c r="DY30" s="146">
        <v>4</v>
      </c>
      <c r="DZ30" s="146">
        <v>1</v>
      </c>
      <c r="EA30" s="146">
        <v>1</v>
      </c>
      <c r="EB30" s="146">
        <v>0</v>
      </c>
      <c r="EC30" s="151">
        <v>10</v>
      </c>
      <c r="ED30" s="150">
        <v>11</v>
      </c>
      <c r="EE30" s="145">
        <v>0</v>
      </c>
      <c r="EF30" s="146">
        <v>0</v>
      </c>
      <c r="EG30" s="151">
        <v>0</v>
      </c>
      <c r="EH30" s="148">
        <v>0</v>
      </c>
      <c r="EI30" s="146">
        <v>3</v>
      </c>
      <c r="EJ30" s="146">
        <v>0</v>
      </c>
      <c r="EK30" s="146">
        <v>1</v>
      </c>
      <c r="EL30" s="146">
        <v>0</v>
      </c>
      <c r="EM30" s="146">
        <v>0</v>
      </c>
      <c r="EN30" s="151">
        <v>4</v>
      </c>
      <c r="EO30" s="150">
        <v>4</v>
      </c>
      <c r="EP30" s="145">
        <v>0</v>
      </c>
      <c r="EQ30" s="146">
        <v>1</v>
      </c>
      <c r="ER30" s="151">
        <v>1</v>
      </c>
      <c r="ES30" s="148">
        <v>0</v>
      </c>
      <c r="ET30" s="146">
        <v>10</v>
      </c>
      <c r="EU30" s="146">
        <v>6</v>
      </c>
      <c r="EV30" s="146">
        <v>2</v>
      </c>
      <c r="EW30" s="146">
        <v>1</v>
      </c>
      <c r="EX30" s="146">
        <v>0</v>
      </c>
      <c r="EY30" s="151">
        <v>19</v>
      </c>
      <c r="EZ30" s="150">
        <v>20</v>
      </c>
    </row>
    <row r="31" spans="2:156" ht="21" customHeight="1" x14ac:dyDescent="0.2">
      <c r="B31" s="152" t="s">
        <v>29</v>
      </c>
      <c r="C31" s="145">
        <v>0</v>
      </c>
      <c r="D31" s="146">
        <v>0</v>
      </c>
      <c r="E31" s="147">
        <v>0</v>
      </c>
      <c r="F31" s="148">
        <v>0</v>
      </c>
      <c r="G31" s="146">
        <v>0</v>
      </c>
      <c r="H31" s="146">
        <v>2</v>
      </c>
      <c r="I31" s="146">
        <v>1</v>
      </c>
      <c r="J31" s="146">
        <v>1</v>
      </c>
      <c r="K31" s="146">
        <v>0</v>
      </c>
      <c r="L31" s="149">
        <v>4</v>
      </c>
      <c r="M31" s="150">
        <v>4</v>
      </c>
      <c r="N31" s="145">
        <v>0</v>
      </c>
      <c r="O31" s="146">
        <v>0</v>
      </c>
      <c r="P31" s="151">
        <v>0</v>
      </c>
      <c r="Q31" s="148">
        <v>0</v>
      </c>
      <c r="R31" s="146">
        <v>0</v>
      </c>
      <c r="S31" s="146">
        <v>0</v>
      </c>
      <c r="T31" s="146">
        <v>0</v>
      </c>
      <c r="U31" s="146">
        <v>0</v>
      </c>
      <c r="V31" s="146">
        <v>0</v>
      </c>
      <c r="W31" s="151">
        <v>0</v>
      </c>
      <c r="X31" s="150">
        <v>0</v>
      </c>
      <c r="Y31" s="145">
        <v>1</v>
      </c>
      <c r="Z31" s="146">
        <v>0</v>
      </c>
      <c r="AA31" s="151">
        <v>1</v>
      </c>
      <c r="AB31" s="148">
        <v>0</v>
      </c>
      <c r="AC31" s="146">
        <v>0</v>
      </c>
      <c r="AD31" s="146">
        <v>1</v>
      </c>
      <c r="AE31" s="146">
        <v>4</v>
      </c>
      <c r="AF31" s="146">
        <v>0</v>
      </c>
      <c r="AG31" s="146">
        <v>0</v>
      </c>
      <c r="AH31" s="151">
        <v>5</v>
      </c>
      <c r="AI31" s="150">
        <v>6</v>
      </c>
      <c r="AJ31" s="145">
        <v>0</v>
      </c>
      <c r="AK31" s="146">
        <v>0</v>
      </c>
      <c r="AL31" s="151">
        <v>0</v>
      </c>
      <c r="AM31" s="148">
        <v>0</v>
      </c>
      <c r="AN31" s="146">
        <v>0</v>
      </c>
      <c r="AO31" s="146">
        <v>1</v>
      </c>
      <c r="AP31" s="146">
        <v>0</v>
      </c>
      <c r="AQ31" s="146">
        <v>0</v>
      </c>
      <c r="AR31" s="146">
        <v>0</v>
      </c>
      <c r="AS31" s="151">
        <v>1</v>
      </c>
      <c r="AT31" s="150">
        <v>1</v>
      </c>
      <c r="AU31" s="145">
        <v>1</v>
      </c>
      <c r="AV31" s="146">
        <v>0</v>
      </c>
      <c r="AW31" s="151">
        <v>1</v>
      </c>
      <c r="AX31" s="148">
        <v>0</v>
      </c>
      <c r="AY31" s="146">
        <v>2</v>
      </c>
      <c r="AZ31" s="146">
        <v>0</v>
      </c>
      <c r="BA31" s="146">
        <v>1</v>
      </c>
      <c r="BB31" s="146">
        <v>2</v>
      </c>
      <c r="BC31" s="146">
        <v>0</v>
      </c>
      <c r="BD31" s="149">
        <v>5</v>
      </c>
      <c r="BE31" s="150">
        <v>6</v>
      </c>
      <c r="BF31" s="145">
        <v>0</v>
      </c>
      <c r="BG31" s="146">
        <v>0</v>
      </c>
      <c r="BH31" s="151">
        <v>0</v>
      </c>
      <c r="BI31" s="148">
        <v>0</v>
      </c>
      <c r="BJ31" s="146">
        <v>0</v>
      </c>
      <c r="BK31" s="146">
        <v>3</v>
      </c>
      <c r="BL31" s="146">
        <v>2</v>
      </c>
      <c r="BM31" s="146">
        <v>0</v>
      </c>
      <c r="BN31" s="146">
        <v>0</v>
      </c>
      <c r="BO31" s="151">
        <v>5</v>
      </c>
      <c r="BP31" s="150">
        <v>5</v>
      </c>
      <c r="BQ31" s="145">
        <v>1</v>
      </c>
      <c r="BR31" s="146">
        <v>0</v>
      </c>
      <c r="BS31" s="151">
        <v>1</v>
      </c>
      <c r="BT31" s="148">
        <v>0</v>
      </c>
      <c r="BU31" s="146">
        <v>1</v>
      </c>
      <c r="BV31" s="146">
        <v>0</v>
      </c>
      <c r="BW31" s="146">
        <v>1</v>
      </c>
      <c r="BX31" s="146">
        <v>1</v>
      </c>
      <c r="BY31" s="146">
        <v>0</v>
      </c>
      <c r="BZ31" s="151">
        <v>3</v>
      </c>
      <c r="CA31" s="150">
        <v>4</v>
      </c>
      <c r="CB31" s="145">
        <v>0</v>
      </c>
      <c r="CC31" s="146">
        <v>0</v>
      </c>
      <c r="CD31" s="151">
        <v>0</v>
      </c>
      <c r="CE31" s="148">
        <v>0</v>
      </c>
      <c r="CF31" s="146">
        <v>0</v>
      </c>
      <c r="CG31" s="146">
        <v>1</v>
      </c>
      <c r="CH31" s="146">
        <v>0</v>
      </c>
      <c r="CI31" s="146">
        <v>0</v>
      </c>
      <c r="CJ31" s="146">
        <v>0</v>
      </c>
      <c r="CK31" s="151">
        <v>1</v>
      </c>
      <c r="CL31" s="150">
        <v>1</v>
      </c>
      <c r="CM31" s="145">
        <v>0</v>
      </c>
      <c r="CN31" s="146">
        <v>0</v>
      </c>
      <c r="CO31" s="151">
        <v>0</v>
      </c>
      <c r="CP31" s="148">
        <v>0</v>
      </c>
      <c r="CQ31" s="146">
        <v>0</v>
      </c>
      <c r="CR31" s="146">
        <v>0</v>
      </c>
      <c r="CS31" s="146">
        <v>0</v>
      </c>
      <c r="CT31" s="146">
        <v>0</v>
      </c>
      <c r="CU31" s="146">
        <v>0</v>
      </c>
      <c r="CV31" s="151">
        <v>0</v>
      </c>
      <c r="CW31" s="150">
        <v>0</v>
      </c>
      <c r="CX31" s="145">
        <v>0</v>
      </c>
      <c r="CY31" s="146">
        <v>0</v>
      </c>
      <c r="CZ31" s="151">
        <v>0</v>
      </c>
      <c r="DA31" s="148">
        <v>0</v>
      </c>
      <c r="DB31" s="146">
        <v>0</v>
      </c>
      <c r="DC31" s="146">
        <v>0</v>
      </c>
      <c r="DD31" s="146">
        <v>0</v>
      </c>
      <c r="DE31" s="146">
        <v>0</v>
      </c>
      <c r="DF31" s="146">
        <v>0</v>
      </c>
      <c r="DG31" s="151">
        <v>0</v>
      </c>
      <c r="DH31" s="150">
        <v>0</v>
      </c>
      <c r="DI31" s="145">
        <v>0</v>
      </c>
      <c r="DJ31" s="146">
        <v>0</v>
      </c>
      <c r="DK31" s="151">
        <v>0</v>
      </c>
      <c r="DL31" s="148">
        <v>0</v>
      </c>
      <c r="DM31" s="146">
        <v>0</v>
      </c>
      <c r="DN31" s="146">
        <v>0</v>
      </c>
      <c r="DO31" s="146">
        <v>0</v>
      </c>
      <c r="DP31" s="146">
        <v>0</v>
      </c>
      <c r="DQ31" s="146">
        <v>0</v>
      </c>
      <c r="DR31" s="151">
        <v>0</v>
      </c>
      <c r="DS31" s="150">
        <v>0</v>
      </c>
      <c r="DT31" s="145">
        <v>1</v>
      </c>
      <c r="DU31" s="146">
        <v>1</v>
      </c>
      <c r="DV31" s="151">
        <v>2</v>
      </c>
      <c r="DW31" s="148">
        <v>0</v>
      </c>
      <c r="DX31" s="146">
        <v>2</v>
      </c>
      <c r="DY31" s="146">
        <v>3</v>
      </c>
      <c r="DZ31" s="146">
        <v>5</v>
      </c>
      <c r="EA31" s="146">
        <v>2</v>
      </c>
      <c r="EB31" s="146">
        <v>0</v>
      </c>
      <c r="EC31" s="151">
        <v>12</v>
      </c>
      <c r="ED31" s="150">
        <v>14</v>
      </c>
      <c r="EE31" s="145">
        <v>1</v>
      </c>
      <c r="EF31" s="146">
        <v>0</v>
      </c>
      <c r="EG31" s="151">
        <v>1</v>
      </c>
      <c r="EH31" s="148">
        <v>0</v>
      </c>
      <c r="EI31" s="146">
        <v>2</v>
      </c>
      <c r="EJ31" s="146">
        <v>0</v>
      </c>
      <c r="EK31" s="146">
        <v>0</v>
      </c>
      <c r="EL31" s="146">
        <v>1</v>
      </c>
      <c r="EM31" s="146">
        <v>0</v>
      </c>
      <c r="EN31" s="151">
        <v>3</v>
      </c>
      <c r="EO31" s="150">
        <v>4</v>
      </c>
      <c r="EP31" s="145">
        <v>2</v>
      </c>
      <c r="EQ31" s="146">
        <v>2</v>
      </c>
      <c r="ER31" s="151">
        <v>4</v>
      </c>
      <c r="ES31" s="148">
        <v>0</v>
      </c>
      <c r="ET31" s="146">
        <v>2</v>
      </c>
      <c r="EU31" s="146">
        <v>5</v>
      </c>
      <c r="EV31" s="146">
        <v>5</v>
      </c>
      <c r="EW31" s="146">
        <v>2</v>
      </c>
      <c r="EX31" s="146">
        <v>0</v>
      </c>
      <c r="EY31" s="151">
        <v>14</v>
      </c>
      <c r="EZ31" s="150">
        <v>18</v>
      </c>
    </row>
    <row r="32" spans="2:156" ht="21" customHeight="1" x14ac:dyDescent="0.2">
      <c r="B32" s="152" t="s">
        <v>30</v>
      </c>
      <c r="C32" s="145">
        <v>0</v>
      </c>
      <c r="D32" s="146">
        <v>0</v>
      </c>
      <c r="E32" s="147">
        <v>0</v>
      </c>
      <c r="F32" s="148">
        <v>0</v>
      </c>
      <c r="G32" s="146">
        <v>1</v>
      </c>
      <c r="H32" s="146">
        <v>0</v>
      </c>
      <c r="I32" s="146">
        <v>0</v>
      </c>
      <c r="J32" s="146">
        <v>1</v>
      </c>
      <c r="K32" s="146">
        <v>1</v>
      </c>
      <c r="L32" s="149">
        <v>3</v>
      </c>
      <c r="M32" s="150">
        <v>3</v>
      </c>
      <c r="N32" s="145">
        <v>0</v>
      </c>
      <c r="O32" s="146">
        <v>0</v>
      </c>
      <c r="P32" s="151">
        <v>0</v>
      </c>
      <c r="Q32" s="148">
        <v>0</v>
      </c>
      <c r="R32" s="146">
        <v>0</v>
      </c>
      <c r="S32" s="146">
        <v>0</v>
      </c>
      <c r="T32" s="146">
        <v>0</v>
      </c>
      <c r="U32" s="146">
        <v>1</v>
      </c>
      <c r="V32" s="146">
        <v>0</v>
      </c>
      <c r="W32" s="151">
        <v>1</v>
      </c>
      <c r="X32" s="150">
        <v>1</v>
      </c>
      <c r="Y32" s="145">
        <v>1</v>
      </c>
      <c r="Z32" s="146">
        <v>1</v>
      </c>
      <c r="AA32" s="151">
        <v>2</v>
      </c>
      <c r="AB32" s="148">
        <v>0</v>
      </c>
      <c r="AC32" s="146">
        <v>0</v>
      </c>
      <c r="AD32" s="146">
        <v>0</v>
      </c>
      <c r="AE32" s="146">
        <v>2</v>
      </c>
      <c r="AF32" s="146">
        <v>2</v>
      </c>
      <c r="AG32" s="146">
        <v>1</v>
      </c>
      <c r="AH32" s="151">
        <v>5</v>
      </c>
      <c r="AI32" s="150">
        <v>7</v>
      </c>
      <c r="AJ32" s="145">
        <v>0</v>
      </c>
      <c r="AK32" s="146">
        <v>0</v>
      </c>
      <c r="AL32" s="151">
        <v>0</v>
      </c>
      <c r="AM32" s="148">
        <v>0</v>
      </c>
      <c r="AN32" s="146">
        <v>0</v>
      </c>
      <c r="AO32" s="146">
        <v>0</v>
      </c>
      <c r="AP32" s="146">
        <v>0</v>
      </c>
      <c r="AQ32" s="146">
        <v>0</v>
      </c>
      <c r="AR32" s="146">
        <v>0</v>
      </c>
      <c r="AS32" s="151">
        <v>0</v>
      </c>
      <c r="AT32" s="150">
        <v>0</v>
      </c>
      <c r="AU32" s="145">
        <v>0</v>
      </c>
      <c r="AV32" s="146">
        <v>0</v>
      </c>
      <c r="AW32" s="151">
        <v>0</v>
      </c>
      <c r="AX32" s="148">
        <v>0</v>
      </c>
      <c r="AY32" s="146">
        <v>0</v>
      </c>
      <c r="AZ32" s="146">
        <v>3</v>
      </c>
      <c r="BA32" s="146">
        <v>2</v>
      </c>
      <c r="BB32" s="146">
        <v>1</v>
      </c>
      <c r="BC32" s="146">
        <v>0</v>
      </c>
      <c r="BD32" s="149">
        <v>6</v>
      </c>
      <c r="BE32" s="150">
        <v>6</v>
      </c>
      <c r="BF32" s="145">
        <v>0</v>
      </c>
      <c r="BG32" s="146">
        <v>0</v>
      </c>
      <c r="BH32" s="151">
        <v>0</v>
      </c>
      <c r="BI32" s="148">
        <v>0</v>
      </c>
      <c r="BJ32" s="146">
        <v>2</v>
      </c>
      <c r="BK32" s="146">
        <v>1</v>
      </c>
      <c r="BL32" s="146">
        <v>0</v>
      </c>
      <c r="BM32" s="146">
        <v>1</v>
      </c>
      <c r="BN32" s="146">
        <v>1</v>
      </c>
      <c r="BO32" s="151">
        <v>5</v>
      </c>
      <c r="BP32" s="150">
        <v>5</v>
      </c>
      <c r="BQ32" s="145">
        <v>1</v>
      </c>
      <c r="BR32" s="146">
        <v>1</v>
      </c>
      <c r="BS32" s="151">
        <v>2</v>
      </c>
      <c r="BT32" s="148">
        <v>0</v>
      </c>
      <c r="BU32" s="146">
        <v>1</v>
      </c>
      <c r="BV32" s="146">
        <v>0</v>
      </c>
      <c r="BW32" s="146">
        <v>0</v>
      </c>
      <c r="BX32" s="146">
        <v>0</v>
      </c>
      <c r="BY32" s="146">
        <v>0</v>
      </c>
      <c r="BZ32" s="151">
        <v>1</v>
      </c>
      <c r="CA32" s="150">
        <v>3</v>
      </c>
      <c r="CB32" s="145">
        <v>0</v>
      </c>
      <c r="CC32" s="146">
        <v>0</v>
      </c>
      <c r="CD32" s="151">
        <v>0</v>
      </c>
      <c r="CE32" s="148">
        <v>0</v>
      </c>
      <c r="CF32" s="146">
        <v>0</v>
      </c>
      <c r="CG32" s="146">
        <v>0</v>
      </c>
      <c r="CH32" s="146">
        <v>1</v>
      </c>
      <c r="CI32" s="146">
        <v>0</v>
      </c>
      <c r="CJ32" s="146">
        <v>0</v>
      </c>
      <c r="CK32" s="151">
        <v>1</v>
      </c>
      <c r="CL32" s="150">
        <v>1</v>
      </c>
      <c r="CM32" s="145">
        <v>0</v>
      </c>
      <c r="CN32" s="146">
        <v>0</v>
      </c>
      <c r="CO32" s="151">
        <v>0</v>
      </c>
      <c r="CP32" s="148">
        <v>0</v>
      </c>
      <c r="CQ32" s="146">
        <v>0</v>
      </c>
      <c r="CR32" s="146">
        <v>0</v>
      </c>
      <c r="CS32" s="146">
        <v>0</v>
      </c>
      <c r="CT32" s="146">
        <v>0</v>
      </c>
      <c r="CU32" s="146">
        <v>0</v>
      </c>
      <c r="CV32" s="151">
        <v>0</v>
      </c>
      <c r="CW32" s="150">
        <v>0</v>
      </c>
      <c r="CX32" s="145">
        <v>0</v>
      </c>
      <c r="CY32" s="146">
        <v>0</v>
      </c>
      <c r="CZ32" s="151">
        <v>0</v>
      </c>
      <c r="DA32" s="148">
        <v>0</v>
      </c>
      <c r="DB32" s="146">
        <v>0</v>
      </c>
      <c r="DC32" s="146">
        <v>0</v>
      </c>
      <c r="DD32" s="146">
        <v>0</v>
      </c>
      <c r="DE32" s="146">
        <v>0</v>
      </c>
      <c r="DF32" s="146">
        <v>0</v>
      </c>
      <c r="DG32" s="151">
        <v>0</v>
      </c>
      <c r="DH32" s="150">
        <v>0</v>
      </c>
      <c r="DI32" s="145">
        <v>0</v>
      </c>
      <c r="DJ32" s="146">
        <v>0</v>
      </c>
      <c r="DK32" s="151">
        <v>0</v>
      </c>
      <c r="DL32" s="148">
        <v>0</v>
      </c>
      <c r="DM32" s="146">
        <v>0</v>
      </c>
      <c r="DN32" s="146">
        <v>0</v>
      </c>
      <c r="DO32" s="146">
        <v>0</v>
      </c>
      <c r="DP32" s="146">
        <v>0</v>
      </c>
      <c r="DQ32" s="146">
        <v>0</v>
      </c>
      <c r="DR32" s="151">
        <v>0</v>
      </c>
      <c r="DS32" s="150">
        <v>0</v>
      </c>
      <c r="DT32" s="145">
        <v>0</v>
      </c>
      <c r="DU32" s="146">
        <v>1</v>
      </c>
      <c r="DV32" s="151">
        <v>1</v>
      </c>
      <c r="DW32" s="148">
        <v>0</v>
      </c>
      <c r="DX32" s="146">
        <v>2</v>
      </c>
      <c r="DY32" s="146">
        <v>1</v>
      </c>
      <c r="DZ32" s="146">
        <v>2</v>
      </c>
      <c r="EA32" s="146">
        <v>2</v>
      </c>
      <c r="EB32" s="146">
        <v>1</v>
      </c>
      <c r="EC32" s="151">
        <v>8</v>
      </c>
      <c r="ED32" s="150">
        <v>9</v>
      </c>
      <c r="EE32" s="145">
        <v>0</v>
      </c>
      <c r="EF32" s="146">
        <v>0</v>
      </c>
      <c r="EG32" s="151">
        <v>0</v>
      </c>
      <c r="EH32" s="148">
        <v>0</v>
      </c>
      <c r="EI32" s="146">
        <v>0</v>
      </c>
      <c r="EJ32" s="146">
        <v>4</v>
      </c>
      <c r="EK32" s="146">
        <v>0</v>
      </c>
      <c r="EL32" s="146">
        <v>1</v>
      </c>
      <c r="EM32" s="146">
        <v>0</v>
      </c>
      <c r="EN32" s="151">
        <v>5</v>
      </c>
      <c r="EO32" s="150">
        <v>5</v>
      </c>
      <c r="EP32" s="145">
        <v>2</v>
      </c>
      <c r="EQ32" s="146">
        <v>2</v>
      </c>
      <c r="ER32" s="151">
        <v>4</v>
      </c>
      <c r="ES32" s="148">
        <v>0</v>
      </c>
      <c r="ET32" s="146">
        <v>3</v>
      </c>
      <c r="EU32" s="146">
        <v>1</v>
      </c>
      <c r="EV32" s="146">
        <v>2</v>
      </c>
      <c r="EW32" s="146">
        <v>2</v>
      </c>
      <c r="EX32" s="146">
        <v>1</v>
      </c>
      <c r="EY32" s="151">
        <v>9</v>
      </c>
      <c r="EZ32" s="150">
        <v>13</v>
      </c>
    </row>
    <row r="33" spans="2:156" ht="21" customHeight="1" x14ac:dyDescent="0.2">
      <c r="B33" s="152" t="s">
        <v>31</v>
      </c>
      <c r="C33" s="145">
        <v>0</v>
      </c>
      <c r="D33" s="146">
        <v>0</v>
      </c>
      <c r="E33" s="147">
        <v>0</v>
      </c>
      <c r="F33" s="148">
        <v>0</v>
      </c>
      <c r="G33" s="146">
        <v>0</v>
      </c>
      <c r="H33" s="146">
        <v>1</v>
      </c>
      <c r="I33" s="146">
        <v>1</v>
      </c>
      <c r="J33" s="146">
        <v>0</v>
      </c>
      <c r="K33" s="146">
        <v>0</v>
      </c>
      <c r="L33" s="149">
        <v>2</v>
      </c>
      <c r="M33" s="150">
        <v>2</v>
      </c>
      <c r="N33" s="145">
        <v>0</v>
      </c>
      <c r="O33" s="146">
        <v>0</v>
      </c>
      <c r="P33" s="151">
        <v>0</v>
      </c>
      <c r="Q33" s="148">
        <v>0</v>
      </c>
      <c r="R33" s="146">
        <v>0</v>
      </c>
      <c r="S33" s="146">
        <v>1</v>
      </c>
      <c r="T33" s="146">
        <v>0</v>
      </c>
      <c r="U33" s="146">
        <v>0</v>
      </c>
      <c r="V33" s="146">
        <v>0</v>
      </c>
      <c r="W33" s="151">
        <v>1</v>
      </c>
      <c r="X33" s="150">
        <v>1</v>
      </c>
      <c r="Y33" s="145">
        <v>0</v>
      </c>
      <c r="Z33" s="146">
        <v>0</v>
      </c>
      <c r="AA33" s="151">
        <v>0</v>
      </c>
      <c r="AB33" s="148">
        <v>0</v>
      </c>
      <c r="AC33" s="146">
        <v>0</v>
      </c>
      <c r="AD33" s="146">
        <v>1</v>
      </c>
      <c r="AE33" s="146">
        <v>2</v>
      </c>
      <c r="AF33" s="146">
        <v>0</v>
      </c>
      <c r="AG33" s="146">
        <v>0</v>
      </c>
      <c r="AH33" s="151">
        <v>3</v>
      </c>
      <c r="AI33" s="150">
        <v>3</v>
      </c>
      <c r="AJ33" s="145">
        <v>0</v>
      </c>
      <c r="AK33" s="146">
        <v>0</v>
      </c>
      <c r="AL33" s="151">
        <v>0</v>
      </c>
      <c r="AM33" s="148">
        <v>0</v>
      </c>
      <c r="AN33" s="146">
        <v>0</v>
      </c>
      <c r="AO33" s="146">
        <v>0</v>
      </c>
      <c r="AP33" s="146">
        <v>0</v>
      </c>
      <c r="AQ33" s="146">
        <v>0</v>
      </c>
      <c r="AR33" s="146">
        <v>0</v>
      </c>
      <c r="AS33" s="151">
        <v>0</v>
      </c>
      <c r="AT33" s="150">
        <v>0</v>
      </c>
      <c r="AU33" s="145">
        <v>0</v>
      </c>
      <c r="AV33" s="146">
        <v>0</v>
      </c>
      <c r="AW33" s="151">
        <v>0</v>
      </c>
      <c r="AX33" s="148">
        <v>0</v>
      </c>
      <c r="AY33" s="146">
        <v>0</v>
      </c>
      <c r="AZ33" s="146">
        <v>2</v>
      </c>
      <c r="BA33" s="146">
        <v>1</v>
      </c>
      <c r="BB33" s="146">
        <v>2</v>
      </c>
      <c r="BC33" s="146">
        <v>1</v>
      </c>
      <c r="BD33" s="149">
        <v>6</v>
      </c>
      <c r="BE33" s="150">
        <v>6</v>
      </c>
      <c r="BF33" s="145">
        <v>0</v>
      </c>
      <c r="BG33" s="146">
        <v>0</v>
      </c>
      <c r="BH33" s="151">
        <v>0</v>
      </c>
      <c r="BI33" s="148">
        <v>0</v>
      </c>
      <c r="BJ33" s="146">
        <v>2</v>
      </c>
      <c r="BK33" s="146">
        <v>3</v>
      </c>
      <c r="BL33" s="146">
        <v>0</v>
      </c>
      <c r="BM33" s="146">
        <v>1</v>
      </c>
      <c r="BN33" s="146">
        <v>0</v>
      </c>
      <c r="BO33" s="151">
        <v>6</v>
      </c>
      <c r="BP33" s="150">
        <v>6</v>
      </c>
      <c r="BQ33" s="145">
        <v>1</v>
      </c>
      <c r="BR33" s="146">
        <v>0</v>
      </c>
      <c r="BS33" s="151">
        <v>1</v>
      </c>
      <c r="BT33" s="148">
        <v>0</v>
      </c>
      <c r="BU33" s="146">
        <v>1</v>
      </c>
      <c r="BV33" s="146">
        <v>1</v>
      </c>
      <c r="BW33" s="146">
        <v>1</v>
      </c>
      <c r="BX33" s="146">
        <v>0</v>
      </c>
      <c r="BY33" s="146">
        <v>0</v>
      </c>
      <c r="BZ33" s="151">
        <v>3</v>
      </c>
      <c r="CA33" s="150">
        <v>4</v>
      </c>
      <c r="CB33" s="145">
        <v>0</v>
      </c>
      <c r="CC33" s="146">
        <v>1</v>
      </c>
      <c r="CD33" s="151">
        <v>1</v>
      </c>
      <c r="CE33" s="148">
        <v>0</v>
      </c>
      <c r="CF33" s="146">
        <v>0</v>
      </c>
      <c r="CG33" s="146">
        <v>0</v>
      </c>
      <c r="CH33" s="146">
        <v>0</v>
      </c>
      <c r="CI33" s="146">
        <v>1</v>
      </c>
      <c r="CJ33" s="146">
        <v>0</v>
      </c>
      <c r="CK33" s="151">
        <v>1</v>
      </c>
      <c r="CL33" s="150">
        <v>2</v>
      </c>
      <c r="CM33" s="145">
        <v>0</v>
      </c>
      <c r="CN33" s="146">
        <v>0</v>
      </c>
      <c r="CO33" s="151">
        <v>0</v>
      </c>
      <c r="CP33" s="148">
        <v>0</v>
      </c>
      <c r="CQ33" s="146">
        <v>0</v>
      </c>
      <c r="CR33" s="146">
        <v>0</v>
      </c>
      <c r="CS33" s="146">
        <v>0</v>
      </c>
      <c r="CT33" s="146">
        <v>0</v>
      </c>
      <c r="CU33" s="146">
        <v>0</v>
      </c>
      <c r="CV33" s="151">
        <v>0</v>
      </c>
      <c r="CW33" s="150">
        <v>0</v>
      </c>
      <c r="CX33" s="145">
        <v>0</v>
      </c>
      <c r="CY33" s="146">
        <v>0</v>
      </c>
      <c r="CZ33" s="151">
        <v>0</v>
      </c>
      <c r="DA33" s="148">
        <v>0</v>
      </c>
      <c r="DB33" s="146">
        <v>0</v>
      </c>
      <c r="DC33" s="146">
        <v>0</v>
      </c>
      <c r="DD33" s="146">
        <v>0</v>
      </c>
      <c r="DE33" s="146">
        <v>0</v>
      </c>
      <c r="DF33" s="146">
        <v>0</v>
      </c>
      <c r="DG33" s="151">
        <v>0</v>
      </c>
      <c r="DH33" s="150">
        <v>0</v>
      </c>
      <c r="DI33" s="145">
        <v>0</v>
      </c>
      <c r="DJ33" s="146">
        <v>0</v>
      </c>
      <c r="DK33" s="151">
        <v>0</v>
      </c>
      <c r="DL33" s="148">
        <v>0</v>
      </c>
      <c r="DM33" s="146">
        <v>0</v>
      </c>
      <c r="DN33" s="146">
        <v>0</v>
      </c>
      <c r="DO33" s="146">
        <v>0</v>
      </c>
      <c r="DP33" s="146">
        <v>0</v>
      </c>
      <c r="DQ33" s="146">
        <v>0</v>
      </c>
      <c r="DR33" s="151">
        <v>0</v>
      </c>
      <c r="DS33" s="150">
        <v>0</v>
      </c>
      <c r="DT33" s="145">
        <v>2</v>
      </c>
      <c r="DU33" s="146">
        <v>2</v>
      </c>
      <c r="DV33" s="151">
        <v>4</v>
      </c>
      <c r="DW33" s="148">
        <v>0</v>
      </c>
      <c r="DX33" s="146">
        <v>3</v>
      </c>
      <c r="DY33" s="146">
        <v>4</v>
      </c>
      <c r="DZ33" s="146">
        <v>2</v>
      </c>
      <c r="EA33" s="146">
        <v>2</v>
      </c>
      <c r="EB33" s="146">
        <v>0</v>
      </c>
      <c r="EC33" s="151">
        <v>11</v>
      </c>
      <c r="ED33" s="150">
        <v>15</v>
      </c>
      <c r="EE33" s="145">
        <v>0</v>
      </c>
      <c r="EF33" s="146">
        <v>0</v>
      </c>
      <c r="EG33" s="151">
        <v>0</v>
      </c>
      <c r="EH33" s="148">
        <v>0</v>
      </c>
      <c r="EI33" s="146">
        <v>0</v>
      </c>
      <c r="EJ33" s="146">
        <v>0</v>
      </c>
      <c r="EK33" s="146">
        <v>1</v>
      </c>
      <c r="EL33" s="146">
        <v>0</v>
      </c>
      <c r="EM33" s="146">
        <v>0</v>
      </c>
      <c r="EN33" s="151">
        <v>1</v>
      </c>
      <c r="EO33" s="150">
        <v>1</v>
      </c>
      <c r="EP33" s="145">
        <v>3</v>
      </c>
      <c r="EQ33" s="146">
        <v>3</v>
      </c>
      <c r="ER33" s="151">
        <v>6</v>
      </c>
      <c r="ES33" s="148">
        <v>0</v>
      </c>
      <c r="ET33" s="146">
        <v>5</v>
      </c>
      <c r="EU33" s="146">
        <v>6</v>
      </c>
      <c r="EV33" s="146">
        <v>2</v>
      </c>
      <c r="EW33" s="146">
        <v>2</v>
      </c>
      <c r="EX33" s="146">
        <v>0</v>
      </c>
      <c r="EY33" s="151">
        <v>15</v>
      </c>
      <c r="EZ33" s="150">
        <v>21</v>
      </c>
    </row>
    <row r="34" spans="2:156" ht="21" customHeight="1" x14ac:dyDescent="0.2">
      <c r="B34" s="152" t="s">
        <v>32</v>
      </c>
      <c r="C34" s="145">
        <v>0</v>
      </c>
      <c r="D34" s="146">
        <v>0</v>
      </c>
      <c r="E34" s="147">
        <v>0</v>
      </c>
      <c r="F34" s="148">
        <v>0</v>
      </c>
      <c r="G34" s="146">
        <v>3</v>
      </c>
      <c r="H34" s="146">
        <v>4</v>
      </c>
      <c r="I34" s="146">
        <v>1</v>
      </c>
      <c r="J34" s="146">
        <v>0</v>
      </c>
      <c r="K34" s="146">
        <v>1</v>
      </c>
      <c r="L34" s="149">
        <v>9</v>
      </c>
      <c r="M34" s="150">
        <v>9</v>
      </c>
      <c r="N34" s="145">
        <v>0</v>
      </c>
      <c r="O34" s="146">
        <v>0</v>
      </c>
      <c r="P34" s="151">
        <v>0</v>
      </c>
      <c r="Q34" s="148">
        <v>0</v>
      </c>
      <c r="R34" s="146">
        <v>0</v>
      </c>
      <c r="S34" s="146">
        <v>0</v>
      </c>
      <c r="T34" s="146">
        <v>0</v>
      </c>
      <c r="U34" s="146">
        <v>0</v>
      </c>
      <c r="V34" s="146">
        <v>1</v>
      </c>
      <c r="W34" s="151">
        <v>1</v>
      </c>
      <c r="X34" s="150">
        <v>1</v>
      </c>
      <c r="Y34" s="145">
        <v>1</v>
      </c>
      <c r="Z34" s="146">
        <v>0</v>
      </c>
      <c r="AA34" s="151">
        <v>1</v>
      </c>
      <c r="AB34" s="148">
        <v>0</v>
      </c>
      <c r="AC34" s="146">
        <v>1</v>
      </c>
      <c r="AD34" s="146">
        <v>4</v>
      </c>
      <c r="AE34" s="146">
        <v>0</v>
      </c>
      <c r="AF34" s="146">
        <v>0</v>
      </c>
      <c r="AG34" s="146">
        <v>1</v>
      </c>
      <c r="AH34" s="151">
        <v>6</v>
      </c>
      <c r="AI34" s="150">
        <v>7</v>
      </c>
      <c r="AJ34" s="145">
        <v>0</v>
      </c>
      <c r="AK34" s="146">
        <v>0</v>
      </c>
      <c r="AL34" s="151">
        <v>0</v>
      </c>
      <c r="AM34" s="148">
        <v>0</v>
      </c>
      <c r="AN34" s="146">
        <v>1</v>
      </c>
      <c r="AO34" s="146">
        <v>0</v>
      </c>
      <c r="AP34" s="146">
        <v>0</v>
      </c>
      <c r="AQ34" s="146">
        <v>0</v>
      </c>
      <c r="AR34" s="146">
        <v>0</v>
      </c>
      <c r="AS34" s="151">
        <v>1</v>
      </c>
      <c r="AT34" s="150">
        <v>1</v>
      </c>
      <c r="AU34" s="145">
        <v>0</v>
      </c>
      <c r="AV34" s="146">
        <v>0</v>
      </c>
      <c r="AW34" s="151">
        <v>0</v>
      </c>
      <c r="AX34" s="148">
        <v>0</v>
      </c>
      <c r="AY34" s="146">
        <v>2</v>
      </c>
      <c r="AZ34" s="146">
        <v>3</v>
      </c>
      <c r="BA34" s="146">
        <v>2</v>
      </c>
      <c r="BB34" s="146">
        <v>3</v>
      </c>
      <c r="BC34" s="146">
        <v>0</v>
      </c>
      <c r="BD34" s="149">
        <v>10</v>
      </c>
      <c r="BE34" s="150">
        <v>10</v>
      </c>
      <c r="BF34" s="145">
        <v>0</v>
      </c>
      <c r="BG34" s="146">
        <v>0</v>
      </c>
      <c r="BH34" s="151">
        <v>0</v>
      </c>
      <c r="BI34" s="148">
        <v>0</v>
      </c>
      <c r="BJ34" s="146">
        <v>1</v>
      </c>
      <c r="BK34" s="146">
        <v>4</v>
      </c>
      <c r="BL34" s="146">
        <v>2</v>
      </c>
      <c r="BM34" s="146">
        <v>0</v>
      </c>
      <c r="BN34" s="146">
        <v>0</v>
      </c>
      <c r="BO34" s="151">
        <v>7</v>
      </c>
      <c r="BP34" s="150">
        <v>7</v>
      </c>
      <c r="BQ34" s="145">
        <v>1</v>
      </c>
      <c r="BR34" s="146">
        <v>0</v>
      </c>
      <c r="BS34" s="151">
        <v>1</v>
      </c>
      <c r="BT34" s="148">
        <v>0</v>
      </c>
      <c r="BU34" s="146">
        <v>0</v>
      </c>
      <c r="BV34" s="146">
        <v>1</v>
      </c>
      <c r="BW34" s="146">
        <v>0</v>
      </c>
      <c r="BX34" s="146">
        <v>0</v>
      </c>
      <c r="BY34" s="146">
        <v>0</v>
      </c>
      <c r="BZ34" s="151">
        <v>1</v>
      </c>
      <c r="CA34" s="150">
        <v>2</v>
      </c>
      <c r="CB34" s="145">
        <v>0</v>
      </c>
      <c r="CC34" s="146">
        <v>0</v>
      </c>
      <c r="CD34" s="151">
        <v>0</v>
      </c>
      <c r="CE34" s="148">
        <v>0</v>
      </c>
      <c r="CF34" s="146">
        <v>0</v>
      </c>
      <c r="CG34" s="146">
        <v>1</v>
      </c>
      <c r="CH34" s="146">
        <v>0</v>
      </c>
      <c r="CI34" s="146">
        <v>0</v>
      </c>
      <c r="CJ34" s="146">
        <v>0</v>
      </c>
      <c r="CK34" s="151">
        <v>1</v>
      </c>
      <c r="CL34" s="150">
        <v>1</v>
      </c>
      <c r="CM34" s="145">
        <v>0</v>
      </c>
      <c r="CN34" s="146">
        <v>0</v>
      </c>
      <c r="CO34" s="151">
        <v>0</v>
      </c>
      <c r="CP34" s="148">
        <v>0</v>
      </c>
      <c r="CQ34" s="146">
        <v>0</v>
      </c>
      <c r="CR34" s="146">
        <v>0</v>
      </c>
      <c r="CS34" s="146">
        <v>0</v>
      </c>
      <c r="CT34" s="146">
        <v>0</v>
      </c>
      <c r="CU34" s="146">
        <v>0</v>
      </c>
      <c r="CV34" s="151">
        <v>0</v>
      </c>
      <c r="CW34" s="150">
        <v>0</v>
      </c>
      <c r="CX34" s="145">
        <v>0</v>
      </c>
      <c r="CY34" s="146">
        <v>0</v>
      </c>
      <c r="CZ34" s="151">
        <v>0</v>
      </c>
      <c r="DA34" s="148">
        <v>0</v>
      </c>
      <c r="DB34" s="146">
        <v>0</v>
      </c>
      <c r="DC34" s="146">
        <v>0</v>
      </c>
      <c r="DD34" s="146">
        <v>0</v>
      </c>
      <c r="DE34" s="146">
        <v>0</v>
      </c>
      <c r="DF34" s="146">
        <v>0</v>
      </c>
      <c r="DG34" s="151">
        <v>0</v>
      </c>
      <c r="DH34" s="150">
        <v>0</v>
      </c>
      <c r="DI34" s="145">
        <v>0</v>
      </c>
      <c r="DJ34" s="146">
        <v>0</v>
      </c>
      <c r="DK34" s="151">
        <v>0</v>
      </c>
      <c r="DL34" s="148">
        <v>0</v>
      </c>
      <c r="DM34" s="146">
        <v>0</v>
      </c>
      <c r="DN34" s="146">
        <v>0</v>
      </c>
      <c r="DO34" s="146">
        <v>0</v>
      </c>
      <c r="DP34" s="146">
        <v>0</v>
      </c>
      <c r="DQ34" s="146">
        <v>0</v>
      </c>
      <c r="DR34" s="151">
        <v>0</v>
      </c>
      <c r="DS34" s="150">
        <v>0</v>
      </c>
      <c r="DT34" s="145">
        <v>1</v>
      </c>
      <c r="DU34" s="146">
        <v>2</v>
      </c>
      <c r="DV34" s="151">
        <v>3</v>
      </c>
      <c r="DW34" s="148">
        <v>0</v>
      </c>
      <c r="DX34" s="146">
        <v>7</v>
      </c>
      <c r="DY34" s="146">
        <v>8</v>
      </c>
      <c r="DZ34" s="146">
        <v>3</v>
      </c>
      <c r="EA34" s="146">
        <v>0</v>
      </c>
      <c r="EB34" s="146">
        <v>1</v>
      </c>
      <c r="EC34" s="151">
        <v>19</v>
      </c>
      <c r="ED34" s="150">
        <v>22</v>
      </c>
      <c r="EE34" s="145">
        <v>0</v>
      </c>
      <c r="EF34" s="146">
        <v>0</v>
      </c>
      <c r="EG34" s="151">
        <v>0</v>
      </c>
      <c r="EH34" s="148">
        <v>0</v>
      </c>
      <c r="EI34" s="146">
        <v>1</v>
      </c>
      <c r="EJ34" s="146">
        <v>1</v>
      </c>
      <c r="EK34" s="146">
        <v>0</v>
      </c>
      <c r="EL34" s="146">
        <v>2</v>
      </c>
      <c r="EM34" s="146">
        <v>0</v>
      </c>
      <c r="EN34" s="151">
        <v>4</v>
      </c>
      <c r="EO34" s="150">
        <v>4</v>
      </c>
      <c r="EP34" s="145">
        <v>3</v>
      </c>
      <c r="EQ34" s="146">
        <v>2</v>
      </c>
      <c r="ER34" s="151">
        <v>5</v>
      </c>
      <c r="ES34" s="148">
        <v>0</v>
      </c>
      <c r="ET34" s="146">
        <v>7</v>
      </c>
      <c r="EU34" s="146">
        <v>12</v>
      </c>
      <c r="EV34" s="146">
        <v>4</v>
      </c>
      <c r="EW34" s="146">
        <v>0</v>
      </c>
      <c r="EX34" s="146">
        <v>1</v>
      </c>
      <c r="EY34" s="151">
        <v>24</v>
      </c>
      <c r="EZ34" s="150">
        <v>29</v>
      </c>
    </row>
    <row r="35" spans="2:156" ht="21" customHeight="1" x14ac:dyDescent="0.2">
      <c r="B35" s="152" t="s">
        <v>33</v>
      </c>
      <c r="C35" s="145">
        <v>0</v>
      </c>
      <c r="D35" s="146">
        <v>0</v>
      </c>
      <c r="E35" s="147">
        <v>0</v>
      </c>
      <c r="F35" s="148">
        <v>0</v>
      </c>
      <c r="G35" s="146">
        <v>2</v>
      </c>
      <c r="H35" s="146">
        <v>0</v>
      </c>
      <c r="I35" s="146">
        <v>1</v>
      </c>
      <c r="J35" s="146">
        <v>0</v>
      </c>
      <c r="K35" s="146">
        <v>0</v>
      </c>
      <c r="L35" s="149">
        <v>3</v>
      </c>
      <c r="M35" s="150">
        <v>3</v>
      </c>
      <c r="N35" s="145">
        <v>0</v>
      </c>
      <c r="O35" s="146">
        <v>0</v>
      </c>
      <c r="P35" s="151">
        <v>0</v>
      </c>
      <c r="Q35" s="148">
        <v>0</v>
      </c>
      <c r="R35" s="146">
        <v>0</v>
      </c>
      <c r="S35" s="146">
        <v>0</v>
      </c>
      <c r="T35" s="146">
        <v>0</v>
      </c>
      <c r="U35" s="146">
        <v>0</v>
      </c>
      <c r="V35" s="146">
        <v>0</v>
      </c>
      <c r="W35" s="151">
        <v>0</v>
      </c>
      <c r="X35" s="150">
        <v>0</v>
      </c>
      <c r="Y35" s="145">
        <v>0</v>
      </c>
      <c r="Z35" s="146">
        <v>0</v>
      </c>
      <c r="AA35" s="151">
        <v>0</v>
      </c>
      <c r="AB35" s="148">
        <v>0</v>
      </c>
      <c r="AC35" s="146">
        <v>1</v>
      </c>
      <c r="AD35" s="146">
        <v>0</v>
      </c>
      <c r="AE35" s="146">
        <v>1</v>
      </c>
      <c r="AF35" s="146">
        <v>0</v>
      </c>
      <c r="AG35" s="146">
        <v>0</v>
      </c>
      <c r="AH35" s="151">
        <v>2</v>
      </c>
      <c r="AI35" s="150">
        <v>2</v>
      </c>
      <c r="AJ35" s="145">
        <v>2</v>
      </c>
      <c r="AK35" s="146">
        <v>2</v>
      </c>
      <c r="AL35" s="151">
        <v>4</v>
      </c>
      <c r="AM35" s="148">
        <v>0</v>
      </c>
      <c r="AN35" s="146">
        <v>2</v>
      </c>
      <c r="AO35" s="146">
        <v>0</v>
      </c>
      <c r="AP35" s="146">
        <v>2</v>
      </c>
      <c r="AQ35" s="146">
        <v>0</v>
      </c>
      <c r="AR35" s="146">
        <v>0</v>
      </c>
      <c r="AS35" s="151">
        <v>4</v>
      </c>
      <c r="AT35" s="150">
        <v>8</v>
      </c>
      <c r="AU35" s="145">
        <v>0</v>
      </c>
      <c r="AV35" s="146">
        <v>0</v>
      </c>
      <c r="AW35" s="151">
        <v>0</v>
      </c>
      <c r="AX35" s="148">
        <v>0</v>
      </c>
      <c r="AY35" s="146">
        <v>1</v>
      </c>
      <c r="AZ35" s="146">
        <v>0</v>
      </c>
      <c r="BA35" s="146">
        <v>1</v>
      </c>
      <c r="BB35" s="146">
        <v>0</v>
      </c>
      <c r="BC35" s="146">
        <v>1</v>
      </c>
      <c r="BD35" s="149">
        <v>3</v>
      </c>
      <c r="BE35" s="150">
        <v>3</v>
      </c>
      <c r="BF35" s="145">
        <v>0</v>
      </c>
      <c r="BG35" s="146">
        <v>0</v>
      </c>
      <c r="BH35" s="151">
        <v>0</v>
      </c>
      <c r="BI35" s="148">
        <v>0</v>
      </c>
      <c r="BJ35" s="146">
        <v>0</v>
      </c>
      <c r="BK35" s="146">
        <v>0</v>
      </c>
      <c r="BL35" s="146">
        <v>0</v>
      </c>
      <c r="BM35" s="146">
        <v>0</v>
      </c>
      <c r="BN35" s="146">
        <v>0</v>
      </c>
      <c r="BO35" s="151">
        <v>0</v>
      </c>
      <c r="BP35" s="150">
        <v>0</v>
      </c>
      <c r="BQ35" s="145">
        <v>0</v>
      </c>
      <c r="BR35" s="146">
        <v>0</v>
      </c>
      <c r="BS35" s="151">
        <v>0</v>
      </c>
      <c r="BT35" s="148">
        <v>0</v>
      </c>
      <c r="BU35" s="146">
        <v>0</v>
      </c>
      <c r="BV35" s="146">
        <v>0</v>
      </c>
      <c r="BW35" s="146">
        <v>0</v>
      </c>
      <c r="BX35" s="146">
        <v>0</v>
      </c>
      <c r="BY35" s="146">
        <v>0</v>
      </c>
      <c r="BZ35" s="151">
        <v>0</v>
      </c>
      <c r="CA35" s="150">
        <v>0</v>
      </c>
      <c r="CB35" s="145">
        <v>0</v>
      </c>
      <c r="CC35" s="146">
        <v>0</v>
      </c>
      <c r="CD35" s="151">
        <v>0</v>
      </c>
      <c r="CE35" s="148">
        <v>0</v>
      </c>
      <c r="CF35" s="146">
        <v>0</v>
      </c>
      <c r="CG35" s="146">
        <v>0</v>
      </c>
      <c r="CH35" s="146">
        <v>0</v>
      </c>
      <c r="CI35" s="146">
        <v>0</v>
      </c>
      <c r="CJ35" s="146">
        <v>1</v>
      </c>
      <c r="CK35" s="151">
        <v>1</v>
      </c>
      <c r="CL35" s="150">
        <v>1</v>
      </c>
      <c r="CM35" s="145">
        <v>0</v>
      </c>
      <c r="CN35" s="146">
        <v>0</v>
      </c>
      <c r="CO35" s="151">
        <v>0</v>
      </c>
      <c r="CP35" s="148">
        <v>0</v>
      </c>
      <c r="CQ35" s="146">
        <v>0</v>
      </c>
      <c r="CR35" s="146">
        <v>0</v>
      </c>
      <c r="CS35" s="146">
        <v>0</v>
      </c>
      <c r="CT35" s="146">
        <v>0</v>
      </c>
      <c r="CU35" s="146">
        <v>0</v>
      </c>
      <c r="CV35" s="151">
        <v>0</v>
      </c>
      <c r="CW35" s="150">
        <v>0</v>
      </c>
      <c r="CX35" s="145">
        <v>0</v>
      </c>
      <c r="CY35" s="146">
        <v>0</v>
      </c>
      <c r="CZ35" s="151">
        <v>0</v>
      </c>
      <c r="DA35" s="148">
        <v>0</v>
      </c>
      <c r="DB35" s="146">
        <v>0</v>
      </c>
      <c r="DC35" s="146">
        <v>0</v>
      </c>
      <c r="DD35" s="146">
        <v>0</v>
      </c>
      <c r="DE35" s="146">
        <v>0</v>
      </c>
      <c r="DF35" s="146">
        <v>0</v>
      </c>
      <c r="DG35" s="151">
        <v>0</v>
      </c>
      <c r="DH35" s="150">
        <v>0</v>
      </c>
      <c r="DI35" s="145">
        <v>0</v>
      </c>
      <c r="DJ35" s="146">
        <v>0</v>
      </c>
      <c r="DK35" s="151">
        <v>0</v>
      </c>
      <c r="DL35" s="148">
        <v>0</v>
      </c>
      <c r="DM35" s="146">
        <v>0</v>
      </c>
      <c r="DN35" s="146">
        <v>0</v>
      </c>
      <c r="DO35" s="146">
        <v>0</v>
      </c>
      <c r="DP35" s="146">
        <v>0</v>
      </c>
      <c r="DQ35" s="146">
        <v>0</v>
      </c>
      <c r="DR35" s="151">
        <v>0</v>
      </c>
      <c r="DS35" s="150">
        <v>0</v>
      </c>
      <c r="DT35" s="145">
        <v>2</v>
      </c>
      <c r="DU35" s="146">
        <v>0</v>
      </c>
      <c r="DV35" s="151">
        <v>2</v>
      </c>
      <c r="DW35" s="148">
        <v>0</v>
      </c>
      <c r="DX35" s="146">
        <v>3</v>
      </c>
      <c r="DY35" s="146">
        <v>0</v>
      </c>
      <c r="DZ35" s="146">
        <v>0</v>
      </c>
      <c r="EA35" s="146">
        <v>0</v>
      </c>
      <c r="EB35" s="146">
        <v>0</v>
      </c>
      <c r="EC35" s="151">
        <v>3</v>
      </c>
      <c r="ED35" s="150">
        <v>5</v>
      </c>
      <c r="EE35" s="145">
        <v>0</v>
      </c>
      <c r="EF35" s="146">
        <v>0</v>
      </c>
      <c r="EG35" s="151">
        <v>0</v>
      </c>
      <c r="EH35" s="148">
        <v>0</v>
      </c>
      <c r="EI35" s="146">
        <v>0</v>
      </c>
      <c r="EJ35" s="146">
        <v>0</v>
      </c>
      <c r="EK35" s="146">
        <v>0</v>
      </c>
      <c r="EL35" s="146">
        <v>0</v>
      </c>
      <c r="EM35" s="146">
        <v>1</v>
      </c>
      <c r="EN35" s="151">
        <v>1</v>
      </c>
      <c r="EO35" s="150">
        <v>1</v>
      </c>
      <c r="EP35" s="145">
        <v>2</v>
      </c>
      <c r="EQ35" s="146">
        <v>2</v>
      </c>
      <c r="ER35" s="151">
        <v>4</v>
      </c>
      <c r="ES35" s="148">
        <v>0</v>
      </c>
      <c r="ET35" s="146">
        <v>3</v>
      </c>
      <c r="EU35" s="146">
        <v>0</v>
      </c>
      <c r="EV35" s="146">
        <v>2</v>
      </c>
      <c r="EW35" s="146">
        <v>0</v>
      </c>
      <c r="EX35" s="146">
        <v>1</v>
      </c>
      <c r="EY35" s="151">
        <v>6</v>
      </c>
      <c r="EZ35" s="150">
        <v>10</v>
      </c>
    </row>
    <row r="36" spans="2:156" ht="21" customHeight="1" x14ac:dyDescent="0.2">
      <c r="B36" s="152" t="s">
        <v>34</v>
      </c>
      <c r="C36" s="145">
        <v>0</v>
      </c>
      <c r="D36" s="146">
        <v>0</v>
      </c>
      <c r="E36" s="147">
        <v>0</v>
      </c>
      <c r="F36" s="148">
        <v>0</v>
      </c>
      <c r="G36" s="146">
        <v>0</v>
      </c>
      <c r="H36" s="146">
        <v>0</v>
      </c>
      <c r="I36" s="146">
        <v>0</v>
      </c>
      <c r="J36" s="146">
        <v>0</v>
      </c>
      <c r="K36" s="146">
        <v>0</v>
      </c>
      <c r="L36" s="149">
        <v>0</v>
      </c>
      <c r="M36" s="150">
        <v>0</v>
      </c>
      <c r="N36" s="145">
        <v>0</v>
      </c>
      <c r="O36" s="146">
        <v>0</v>
      </c>
      <c r="P36" s="151">
        <v>0</v>
      </c>
      <c r="Q36" s="148">
        <v>0</v>
      </c>
      <c r="R36" s="146">
        <v>0</v>
      </c>
      <c r="S36" s="146">
        <v>0</v>
      </c>
      <c r="T36" s="146">
        <v>0</v>
      </c>
      <c r="U36" s="146">
        <v>0</v>
      </c>
      <c r="V36" s="146">
        <v>0</v>
      </c>
      <c r="W36" s="151">
        <v>0</v>
      </c>
      <c r="X36" s="150">
        <v>0</v>
      </c>
      <c r="Y36" s="145">
        <v>0</v>
      </c>
      <c r="Z36" s="146">
        <v>0</v>
      </c>
      <c r="AA36" s="151">
        <v>0</v>
      </c>
      <c r="AB36" s="148">
        <v>0</v>
      </c>
      <c r="AC36" s="146">
        <v>1</v>
      </c>
      <c r="AD36" s="146">
        <v>2</v>
      </c>
      <c r="AE36" s="146">
        <v>0</v>
      </c>
      <c r="AF36" s="146">
        <v>0</v>
      </c>
      <c r="AG36" s="146">
        <v>1</v>
      </c>
      <c r="AH36" s="151">
        <v>4</v>
      </c>
      <c r="AI36" s="150">
        <v>4</v>
      </c>
      <c r="AJ36" s="145">
        <v>0</v>
      </c>
      <c r="AK36" s="146">
        <v>0</v>
      </c>
      <c r="AL36" s="151">
        <v>0</v>
      </c>
      <c r="AM36" s="148">
        <v>0</v>
      </c>
      <c r="AN36" s="146">
        <v>0</v>
      </c>
      <c r="AO36" s="146">
        <v>0</v>
      </c>
      <c r="AP36" s="146">
        <v>0</v>
      </c>
      <c r="AQ36" s="146">
        <v>0</v>
      </c>
      <c r="AR36" s="146">
        <v>1</v>
      </c>
      <c r="AS36" s="151">
        <v>1</v>
      </c>
      <c r="AT36" s="150">
        <v>1</v>
      </c>
      <c r="AU36" s="145">
        <v>0</v>
      </c>
      <c r="AV36" s="146">
        <v>0</v>
      </c>
      <c r="AW36" s="151">
        <v>0</v>
      </c>
      <c r="AX36" s="148">
        <v>0</v>
      </c>
      <c r="AY36" s="146">
        <v>1</v>
      </c>
      <c r="AZ36" s="146">
        <v>4</v>
      </c>
      <c r="BA36" s="146">
        <v>1</v>
      </c>
      <c r="BB36" s="146">
        <v>1</v>
      </c>
      <c r="BC36" s="146">
        <v>2</v>
      </c>
      <c r="BD36" s="149">
        <v>9</v>
      </c>
      <c r="BE36" s="150">
        <v>9</v>
      </c>
      <c r="BF36" s="145">
        <v>0</v>
      </c>
      <c r="BG36" s="146">
        <v>0</v>
      </c>
      <c r="BH36" s="151">
        <v>0</v>
      </c>
      <c r="BI36" s="148">
        <v>0</v>
      </c>
      <c r="BJ36" s="146">
        <v>1</v>
      </c>
      <c r="BK36" s="146">
        <v>1</v>
      </c>
      <c r="BL36" s="146">
        <v>1</v>
      </c>
      <c r="BM36" s="146">
        <v>0</v>
      </c>
      <c r="BN36" s="146">
        <v>0</v>
      </c>
      <c r="BO36" s="151">
        <v>3</v>
      </c>
      <c r="BP36" s="150">
        <v>3</v>
      </c>
      <c r="BQ36" s="145">
        <v>0</v>
      </c>
      <c r="BR36" s="146">
        <v>0</v>
      </c>
      <c r="BS36" s="151">
        <v>0</v>
      </c>
      <c r="BT36" s="148">
        <v>0</v>
      </c>
      <c r="BU36" s="146">
        <v>0</v>
      </c>
      <c r="BV36" s="146">
        <v>0</v>
      </c>
      <c r="BW36" s="146">
        <v>0</v>
      </c>
      <c r="BX36" s="146">
        <v>0</v>
      </c>
      <c r="BY36" s="146">
        <v>0</v>
      </c>
      <c r="BZ36" s="151">
        <v>0</v>
      </c>
      <c r="CA36" s="150">
        <v>0</v>
      </c>
      <c r="CB36" s="145">
        <v>0</v>
      </c>
      <c r="CC36" s="146">
        <v>0</v>
      </c>
      <c r="CD36" s="151">
        <v>0</v>
      </c>
      <c r="CE36" s="148">
        <v>0</v>
      </c>
      <c r="CF36" s="146">
        <v>0</v>
      </c>
      <c r="CG36" s="146">
        <v>0</v>
      </c>
      <c r="CH36" s="146">
        <v>0</v>
      </c>
      <c r="CI36" s="146">
        <v>0</v>
      </c>
      <c r="CJ36" s="146">
        <v>0</v>
      </c>
      <c r="CK36" s="151">
        <v>0</v>
      </c>
      <c r="CL36" s="150">
        <v>0</v>
      </c>
      <c r="CM36" s="145">
        <v>0</v>
      </c>
      <c r="CN36" s="146">
        <v>0</v>
      </c>
      <c r="CO36" s="151">
        <v>0</v>
      </c>
      <c r="CP36" s="148">
        <v>0</v>
      </c>
      <c r="CQ36" s="146">
        <v>0</v>
      </c>
      <c r="CR36" s="146">
        <v>0</v>
      </c>
      <c r="CS36" s="146">
        <v>0</v>
      </c>
      <c r="CT36" s="146">
        <v>0</v>
      </c>
      <c r="CU36" s="146">
        <v>0</v>
      </c>
      <c r="CV36" s="151">
        <v>0</v>
      </c>
      <c r="CW36" s="150">
        <v>0</v>
      </c>
      <c r="CX36" s="145">
        <v>0</v>
      </c>
      <c r="CY36" s="146">
        <v>0</v>
      </c>
      <c r="CZ36" s="151">
        <v>0</v>
      </c>
      <c r="DA36" s="148">
        <v>0</v>
      </c>
      <c r="DB36" s="146">
        <v>0</v>
      </c>
      <c r="DC36" s="146">
        <v>0</v>
      </c>
      <c r="DD36" s="146">
        <v>0</v>
      </c>
      <c r="DE36" s="146">
        <v>0</v>
      </c>
      <c r="DF36" s="146">
        <v>0</v>
      </c>
      <c r="DG36" s="151">
        <v>0</v>
      </c>
      <c r="DH36" s="150">
        <v>0</v>
      </c>
      <c r="DI36" s="145">
        <v>0</v>
      </c>
      <c r="DJ36" s="146">
        <v>0</v>
      </c>
      <c r="DK36" s="151">
        <v>0</v>
      </c>
      <c r="DL36" s="148">
        <v>0</v>
      </c>
      <c r="DM36" s="146">
        <v>0</v>
      </c>
      <c r="DN36" s="146">
        <v>0</v>
      </c>
      <c r="DO36" s="146">
        <v>0</v>
      </c>
      <c r="DP36" s="146">
        <v>0</v>
      </c>
      <c r="DQ36" s="146">
        <v>0</v>
      </c>
      <c r="DR36" s="151">
        <v>0</v>
      </c>
      <c r="DS36" s="150">
        <v>0</v>
      </c>
      <c r="DT36" s="145">
        <v>0</v>
      </c>
      <c r="DU36" s="146">
        <v>0</v>
      </c>
      <c r="DV36" s="151">
        <v>0</v>
      </c>
      <c r="DW36" s="148">
        <v>0</v>
      </c>
      <c r="DX36" s="146">
        <v>2</v>
      </c>
      <c r="DY36" s="146">
        <v>6</v>
      </c>
      <c r="DZ36" s="146">
        <v>1</v>
      </c>
      <c r="EA36" s="146">
        <v>0</v>
      </c>
      <c r="EB36" s="146">
        <v>1</v>
      </c>
      <c r="EC36" s="151">
        <v>10</v>
      </c>
      <c r="ED36" s="150">
        <v>10</v>
      </c>
      <c r="EE36" s="145">
        <v>0</v>
      </c>
      <c r="EF36" s="146">
        <v>0</v>
      </c>
      <c r="EG36" s="151">
        <v>0</v>
      </c>
      <c r="EH36" s="148">
        <v>0</v>
      </c>
      <c r="EI36" s="146">
        <v>0</v>
      </c>
      <c r="EJ36" s="146">
        <v>1</v>
      </c>
      <c r="EK36" s="146">
        <v>0</v>
      </c>
      <c r="EL36" s="146">
        <v>1</v>
      </c>
      <c r="EM36" s="146">
        <v>0</v>
      </c>
      <c r="EN36" s="151">
        <v>2</v>
      </c>
      <c r="EO36" s="150">
        <v>2</v>
      </c>
      <c r="EP36" s="145">
        <v>0</v>
      </c>
      <c r="EQ36" s="146">
        <v>0</v>
      </c>
      <c r="ER36" s="151">
        <v>0</v>
      </c>
      <c r="ES36" s="148">
        <v>0</v>
      </c>
      <c r="ET36" s="146">
        <v>4</v>
      </c>
      <c r="EU36" s="146">
        <v>6</v>
      </c>
      <c r="EV36" s="146">
        <v>1</v>
      </c>
      <c r="EW36" s="146">
        <v>0</v>
      </c>
      <c r="EX36" s="146">
        <v>1</v>
      </c>
      <c r="EY36" s="151">
        <v>12</v>
      </c>
      <c r="EZ36" s="150">
        <v>12</v>
      </c>
    </row>
    <row r="37" spans="2:156" ht="21" customHeight="1" x14ac:dyDescent="0.2">
      <c r="B37" s="152" t="s">
        <v>35</v>
      </c>
      <c r="C37" s="145">
        <v>0</v>
      </c>
      <c r="D37" s="146">
        <v>0</v>
      </c>
      <c r="E37" s="147">
        <v>0</v>
      </c>
      <c r="F37" s="148">
        <v>0</v>
      </c>
      <c r="G37" s="146">
        <v>2</v>
      </c>
      <c r="H37" s="146">
        <v>5</v>
      </c>
      <c r="I37" s="146">
        <v>0</v>
      </c>
      <c r="J37" s="146">
        <v>0</v>
      </c>
      <c r="K37" s="146">
        <v>0</v>
      </c>
      <c r="L37" s="149">
        <v>7</v>
      </c>
      <c r="M37" s="150">
        <v>7</v>
      </c>
      <c r="N37" s="145">
        <v>0</v>
      </c>
      <c r="O37" s="146">
        <v>0</v>
      </c>
      <c r="P37" s="151">
        <v>0</v>
      </c>
      <c r="Q37" s="148">
        <v>0</v>
      </c>
      <c r="R37" s="146">
        <v>0</v>
      </c>
      <c r="S37" s="146">
        <v>0</v>
      </c>
      <c r="T37" s="146">
        <v>1</v>
      </c>
      <c r="U37" s="146">
        <v>0</v>
      </c>
      <c r="V37" s="146">
        <v>1</v>
      </c>
      <c r="W37" s="151">
        <v>2</v>
      </c>
      <c r="X37" s="150">
        <v>2</v>
      </c>
      <c r="Y37" s="145">
        <v>0</v>
      </c>
      <c r="Z37" s="146">
        <v>1</v>
      </c>
      <c r="AA37" s="151">
        <v>1</v>
      </c>
      <c r="AB37" s="148">
        <v>0</v>
      </c>
      <c r="AC37" s="146">
        <v>3</v>
      </c>
      <c r="AD37" s="146">
        <v>3</v>
      </c>
      <c r="AE37" s="146">
        <v>2</v>
      </c>
      <c r="AF37" s="146">
        <v>0</v>
      </c>
      <c r="AG37" s="146">
        <v>2</v>
      </c>
      <c r="AH37" s="151">
        <v>10</v>
      </c>
      <c r="AI37" s="150">
        <v>11</v>
      </c>
      <c r="AJ37" s="145">
        <v>0</v>
      </c>
      <c r="AK37" s="146">
        <v>1</v>
      </c>
      <c r="AL37" s="151">
        <v>1</v>
      </c>
      <c r="AM37" s="148">
        <v>0</v>
      </c>
      <c r="AN37" s="146">
        <v>2</v>
      </c>
      <c r="AO37" s="146">
        <v>0</v>
      </c>
      <c r="AP37" s="146">
        <v>0</v>
      </c>
      <c r="AQ37" s="146">
        <v>0</v>
      </c>
      <c r="AR37" s="146">
        <v>1</v>
      </c>
      <c r="AS37" s="151">
        <v>3</v>
      </c>
      <c r="AT37" s="150">
        <v>4</v>
      </c>
      <c r="AU37" s="145">
        <v>1</v>
      </c>
      <c r="AV37" s="146">
        <v>0</v>
      </c>
      <c r="AW37" s="151">
        <v>1</v>
      </c>
      <c r="AX37" s="148">
        <v>0</v>
      </c>
      <c r="AY37" s="146">
        <v>6</v>
      </c>
      <c r="AZ37" s="146">
        <v>6</v>
      </c>
      <c r="BA37" s="146">
        <v>1</v>
      </c>
      <c r="BB37" s="146">
        <v>3</v>
      </c>
      <c r="BC37" s="146">
        <v>2</v>
      </c>
      <c r="BD37" s="149">
        <v>18</v>
      </c>
      <c r="BE37" s="150">
        <v>19</v>
      </c>
      <c r="BF37" s="145">
        <v>0</v>
      </c>
      <c r="BG37" s="146">
        <v>0</v>
      </c>
      <c r="BH37" s="151">
        <v>0</v>
      </c>
      <c r="BI37" s="148">
        <v>0</v>
      </c>
      <c r="BJ37" s="146">
        <v>4</v>
      </c>
      <c r="BK37" s="146">
        <v>2</v>
      </c>
      <c r="BL37" s="146">
        <v>1</v>
      </c>
      <c r="BM37" s="146">
        <v>0</v>
      </c>
      <c r="BN37" s="146">
        <v>0</v>
      </c>
      <c r="BO37" s="151">
        <v>7</v>
      </c>
      <c r="BP37" s="150">
        <v>7</v>
      </c>
      <c r="BQ37" s="145">
        <v>2</v>
      </c>
      <c r="BR37" s="146">
        <v>0</v>
      </c>
      <c r="BS37" s="151">
        <v>2</v>
      </c>
      <c r="BT37" s="148">
        <v>0</v>
      </c>
      <c r="BU37" s="146">
        <v>4</v>
      </c>
      <c r="BV37" s="146">
        <v>2</v>
      </c>
      <c r="BW37" s="146">
        <v>0</v>
      </c>
      <c r="BX37" s="146">
        <v>1</v>
      </c>
      <c r="BY37" s="146">
        <v>0</v>
      </c>
      <c r="BZ37" s="151">
        <v>7</v>
      </c>
      <c r="CA37" s="150">
        <v>9</v>
      </c>
      <c r="CB37" s="145">
        <v>0</v>
      </c>
      <c r="CC37" s="146">
        <v>0</v>
      </c>
      <c r="CD37" s="151">
        <v>0</v>
      </c>
      <c r="CE37" s="148">
        <v>0</v>
      </c>
      <c r="CF37" s="146">
        <v>0</v>
      </c>
      <c r="CG37" s="146">
        <v>0</v>
      </c>
      <c r="CH37" s="146">
        <v>0</v>
      </c>
      <c r="CI37" s="146">
        <v>0</v>
      </c>
      <c r="CJ37" s="146">
        <v>1</v>
      </c>
      <c r="CK37" s="151">
        <v>1</v>
      </c>
      <c r="CL37" s="150">
        <v>1</v>
      </c>
      <c r="CM37" s="145">
        <v>0</v>
      </c>
      <c r="CN37" s="146">
        <v>0</v>
      </c>
      <c r="CO37" s="151">
        <v>0</v>
      </c>
      <c r="CP37" s="148">
        <v>0</v>
      </c>
      <c r="CQ37" s="146">
        <v>0</v>
      </c>
      <c r="CR37" s="146">
        <v>0</v>
      </c>
      <c r="CS37" s="146">
        <v>0</v>
      </c>
      <c r="CT37" s="146">
        <v>0</v>
      </c>
      <c r="CU37" s="146">
        <v>0</v>
      </c>
      <c r="CV37" s="151">
        <v>0</v>
      </c>
      <c r="CW37" s="150">
        <v>0</v>
      </c>
      <c r="CX37" s="145">
        <v>0</v>
      </c>
      <c r="CY37" s="146">
        <v>0</v>
      </c>
      <c r="CZ37" s="151">
        <v>0</v>
      </c>
      <c r="DA37" s="148">
        <v>0</v>
      </c>
      <c r="DB37" s="146">
        <v>0</v>
      </c>
      <c r="DC37" s="146">
        <v>0</v>
      </c>
      <c r="DD37" s="146">
        <v>0</v>
      </c>
      <c r="DE37" s="146">
        <v>0</v>
      </c>
      <c r="DF37" s="146">
        <v>0</v>
      </c>
      <c r="DG37" s="151">
        <v>0</v>
      </c>
      <c r="DH37" s="150">
        <v>0</v>
      </c>
      <c r="DI37" s="145">
        <v>0</v>
      </c>
      <c r="DJ37" s="146">
        <v>0</v>
      </c>
      <c r="DK37" s="151">
        <v>0</v>
      </c>
      <c r="DL37" s="148">
        <v>0</v>
      </c>
      <c r="DM37" s="146">
        <v>0</v>
      </c>
      <c r="DN37" s="146">
        <v>0</v>
      </c>
      <c r="DO37" s="146">
        <v>0</v>
      </c>
      <c r="DP37" s="146">
        <v>0</v>
      </c>
      <c r="DQ37" s="146">
        <v>0</v>
      </c>
      <c r="DR37" s="151">
        <v>0</v>
      </c>
      <c r="DS37" s="150">
        <v>0</v>
      </c>
      <c r="DT37" s="145">
        <v>2</v>
      </c>
      <c r="DU37" s="146">
        <v>0</v>
      </c>
      <c r="DV37" s="151">
        <v>2</v>
      </c>
      <c r="DW37" s="148">
        <v>0</v>
      </c>
      <c r="DX37" s="146">
        <v>7</v>
      </c>
      <c r="DY37" s="146">
        <v>8</v>
      </c>
      <c r="DZ37" s="146">
        <v>2</v>
      </c>
      <c r="EA37" s="146">
        <v>1</v>
      </c>
      <c r="EB37" s="146">
        <v>2</v>
      </c>
      <c r="EC37" s="151">
        <v>20</v>
      </c>
      <c r="ED37" s="150">
        <v>22</v>
      </c>
      <c r="EE37" s="145">
        <v>1</v>
      </c>
      <c r="EF37" s="146">
        <v>0</v>
      </c>
      <c r="EG37" s="151">
        <v>1</v>
      </c>
      <c r="EH37" s="148">
        <v>0</v>
      </c>
      <c r="EI37" s="146">
        <v>4</v>
      </c>
      <c r="EJ37" s="146">
        <v>1</v>
      </c>
      <c r="EK37" s="146">
        <v>0</v>
      </c>
      <c r="EL37" s="146">
        <v>3</v>
      </c>
      <c r="EM37" s="146">
        <v>0</v>
      </c>
      <c r="EN37" s="151">
        <v>8</v>
      </c>
      <c r="EO37" s="150">
        <v>9</v>
      </c>
      <c r="EP37" s="145">
        <v>4</v>
      </c>
      <c r="EQ37" s="146">
        <v>2</v>
      </c>
      <c r="ER37" s="151">
        <v>6</v>
      </c>
      <c r="ES37" s="148">
        <v>0</v>
      </c>
      <c r="ET37" s="146">
        <v>16</v>
      </c>
      <c r="EU37" s="146">
        <v>8</v>
      </c>
      <c r="EV37" s="146">
        <v>2</v>
      </c>
      <c r="EW37" s="146">
        <v>1</v>
      </c>
      <c r="EX37" s="146">
        <v>2</v>
      </c>
      <c r="EY37" s="151">
        <v>29</v>
      </c>
      <c r="EZ37" s="150">
        <v>35</v>
      </c>
    </row>
    <row r="38" spans="2:156" ht="21" customHeight="1" x14ac:dyDescent="0.2">
      <c r="B38" s="152" t="s">
        <v>36</v>
      </c>
      <c r="C38" s="145">
        <v>0</v>
      </c>
      <c r="D38" s="146">
        <v>0</v>
      </c>
      <c r="E38" s="147">
        <v>0</v>
      </c>
      <c r="F38" s="148">
        <v>0</v>
      </c>
      <c r="G38" s="146">
        <v>1</v>
      </c>
      <c r="H38" s="146">
        <v>0</v>
      </c>
      <c r="I38" s="146">
        <v>0</v>
      </c>
      <c r="J38" s="146">
        <v>1</v>
      </c>
      <c r="K38" s="146">
        <v>1</v>
      </c>
      <c r="L38" s="149">
        <v>3</v>
      </c>
      <c r="M38" s="150">
        <v>3</v>
      </c>
      <c r="N38" s="145">
        <v>0</v>
      </c>
      <c r="O38" s="146">
        <v>0</v>
      </c>
      <c r="P38" s="151">
        <v>0</v>
      </c>
      <c r="Q38" s="148">
        <v>0</v>
      </c>
      <c r="R38" s="146">
        <v>0</v>
      </c>
      <c r="S38" s="146">
        <v>0</v>
      </c>
      <c r="T38" s="146">
        <v>1</v>
      </c>
      <c r="U38" s="146">
        <v>0</v>
      </c>
      <c r="V38" s="146">
        <v>1</v>
      </c>
      <c r="W38" s="151">
        <v>2</v>
      </c>
      <c r="X38" s="150">
        <v>2</v>
      </c>
      <c r="Y38" s="145">
        <v>0</v>
      </c>
      <c r="Z38" s="146">
        <v>1</v>
      </c>
      <c r="AA38" s="151">
        <v>1</v>
      </c>
      <c r="AB38" s="148">
        <v>0</v>
      </c>
      <c r="AC38" s="146">
        <v>3</v>
      </c>
      <c r="AD38" s="146">
        <v>0</v>
      </c>
      <c r="AE38" s="146">
        <v>1</v>
      </c>
      <c r="AF38" s="146">
        <v>0</v>
      </c>
      <c r="AG38" s="146">
        <v>1</v>
      </c>
      <c r="AH38" s="151">
        <v>5</v>
      </c>
      <c r="AI38" s="150">
        <v>6</v>
      </c>
      <c r="AJ38" s="145">
        <v>0</v>
      </c>
      <c r="AK38" s="146">
        <v>0</v>
      </c>
      <c r="AL38" s="151">
        <v>0</v>
      </c>
      <c r="AM38" s="148">
        <v>0</v>
      </c>
      <c r="AN38" s="146">
        <v>0</v>
      </c>
      <c r="AO38" s="146">
        <v>1</v>
      </c>
      <c r="AP38" s="146">
        <v>0</v>
      </c>
      <c r="AQ38" s="146">
        <v>0</v>
      </c>
      <c r="AR38" s="146">
        <v>0</v>
      </c>
      <c r="AS38" s="151">
        <v>1</v>
      </c>
      <c r="AT38" s="150">
        <v>1</v>
      </c>
      <c r="AU38" s="145">
        <v>0</v>
      </c>
      <c r="AV38" s="146">
        <v>0</v>
      </c>
      <c r="AW38" s="151">
        <v>0</v>
      </c>
      <c r="AX38" s="148">
        <v>0</v>
      </c>
      <c r="AY38" s="146">
        <v>3</v>
      </c>
      <c r="AZ38" s="146">
        <v>2</v>
      </c>
      <c r="BA38" s="146">
        <v>2</v>
      </c>
      <c r="BB38" s="146">
        <v>1</v>
      </c>
      <c r="BC38" s="146">
        <v>1</v>
      </c>
      <c r="BD38" s="149">
        <v>9</v>
      </c>
      <c r="BE38" s="150">
        <v>9</v>
      </c>
      <c r="BF38" s="145">
        <v>0</v>
      </c>
      <c r="BG38" s="146">
        <v>0</v>
      </c>
      <c r="BH38" s="151">
        <v>0</v>
      </c>
      <c r="BI38" s="148">
        <v>0</v>
      </c>
      <c r="BJ38" s="146">
        <v>1</v>
      </c>
      <c r="BK38" s="146">
        <v>2</v>
      </c>
      <c r="BL38" s="146">
        <v>0</v>
      </c>
      <c r="BM38" s="146">
        <v>0</v>
      </c>
      <c r="BN38" s="146">
        <v>0</v>
      </c>
      <c r="BO38" s="151">
        <v>3</v>
      </c>
      <c r="BP38" s="150">
        <v>3</v>
      </c>
      <c r="BQ38" s="145">
        <v>0</v>
      </c>
      <c r="BR38" s="146">
        <v>1</v>
      </c>
      <c r="BS38" s="151">
        <v>1</v>
      </c>
      <c r="BT38" s="148">
        <v>0</v>
      </c>
      <c r="BU38" s="146">
        <v>1</v>
      </c>
      <c r="BV38" s="146">
        <v>1</v>
      </c>
      <c r="BW38" s="146">
        <v>0</v>
      </c>
      <c r="BX38" s="146">
        <v>0</v>
      </c>
      <c r="BY38" s="146">
        <v>0</v>
      </c>
      <c r="BZ38" s="151">
        <v>2</v>
      </c>
      <c r="CA38" s="150">
        <v>3</v>
      </c>
      <c r="CB38" s="145">
        <v>1</v>
      </c>
      <c r="CC38" s="146">
        <v>0</v>
      </c>
      <c r="CD38" s="151">
        <v>1</v>
      </c>
      <c r="CE38" s="148">
        <v>0</v>
      </c>
      <c r="CF38" s="146">
        <v>0</v>
      </c>
      <c r="CG38" s="146">
        <v>1</v>
      </c>
      <c r="CH38" s="146">
        <v>0</v>
      </c>
      <c r="CI38" s="146">
        <v>0</v>
      </c>
      <c r="CJ38" s="146">
        <v>0</v>
      </c>
      <c r="CK38" s="151">
        <v>1</v>
      </c>
      <c r="CL38" s="150">
        <v>2</v>
      </c>
      <c r="CM38" s="145">
        <v>0</v>
      </c>
      <c r="CN38" s="146">
        <v>0</v>
      </c>
      <c r="CO38" s="151">
        <v>0</v>
      </c>
      <c r="CP38" s="148">
        <v>0</v>
      </c>
      <c r="CQ38" s="146">
        <v>0</v>
      </c>
      <c r="CR38" s="146">
        <v>0</v>
      </c>
      <c r="CS38" s="146">
        <v>0</v>
      </c>
      <c r="CT38" s="146">
        <v>0</v>
      </c>
      <c r="CU38" s="146">
        <v>0</v>
      </c>
      <c r="CV38" s="151">
        <v>0</v>
      </c>
      <c r="CW38" s="150">
        <v>0</v>
      </c>
      <c r="CX38" s="145">
        <v>0</v>
      </c>
      <c r="CY38" s="146">
        <v>0</v>
      </c>
      <c r="CZ38" s="151">
        <v>0</v>
      </c>
      <c r="DA38" s="148">
        <v>0</v>
      </c>
      <c r="DB38" s="146">
        <v>0</v>
      </c>
      <c r="DC38" s="146">
        <v>0</v>
      </c>
      <c r="DD38" s="146">
        <v>0</v>
      </c>
      <c r="DE38" s="146">
        <v>0</v>
      </c>
      <c r="DF38" s="146">
        <v>0</v>
      </c>
      <c r="DG38" s="151">
        <v>0</v>
      </c>
      <c r="DH38" s="150">
        <v>0</v>
      </c>
      <c r="DI38" s="145">
        <v>0</v>
      </c>
      <c r="DJ38" s="146">
        <v>0</v>
      </c>
      <c r="DK38" s="151">
        <v>0</v>
      </c>
      <c r="DL38" s="148">
        <v>0</v>
      </c>
      <c r="DM38" s="146">
        <v>0</v>
      </c>
      <c r="DN38" s="146">
        <v>0</v>
      </c>
      <c r="DO38" s="146">
        <v>0</v>
      </c>
      <c r="DP38" s="146">
        <v>0</v>
      </c>
      <c r="DQ38" s="146">
        <v>0</v>
      </c>
      <c r="DR38" s="151">
        <v>0</v>
      </c>
      <c r="DS38" s="150">
        <v>0</v>
      </c>
      <c r="DT38" s="145">
        <v>2</v>
      </c>
      <c r="DU38" s="146">
        <v>3</v>
      </c>
      <c r="DV38" s="151">
        <v>5</v>
      </c>
      <c r="DW38" s="148">
        <v>0</v>
      </c>
      <c r="DX38" s="146">
        <v>7</v>
      </c>
      <c r="DY38" s="146">
        <v>5</v>
      </c>
      <c r="DZ38" s="146">
        <v>1</v>
      </c>
      <c r="EA38" s="146">
        <v>1</v>
      </c>
      <c r="EB38" s="146">
        <v>1</v>
      </c>
      <c r="EC38" s="151">
        <v>15</v>
      </c>
      <c r="ED38" s="150">
        <v>20</v>
      </c>
      <c r="EE38" s="145">
        <v>0</v>
      </c>
      <c r="EF38" s="146">
        <v>0</v>
      </c>
      <c r="EG38" s="151">
        <v>0</v>
      </c>
      <c r="EH38" s="148">
        <v>0</v>
      </c>
      <c r="EI38" s="146">
        <v>3</v>
      </c>
      <c r="EJ38" s="146">
        <v>1</v>
      </c>
      <c r="EK38" s="146">
        <v>1</v>
      </c>
      <c r="EL38" s="146">
        <v>0</v>
      </c>
      <c r="EM38" s="146">
        <v>0</v>
      </c>
      <c r="EN38" s="151">
        <v>5</v>
      </c>
      <c r="EO38" s="150">
        <v>5</v>
      </c>
      <c r="EP38" s="145">
        <v>3</v>
      </c>
      <c r="EQ38" s="146">
        <v>5</v>
      </c>
      <c r="ER38" s="151">
        <v>8</v>
      </c>
      <c r="ES38" s="148">
        <v>0</v>
      </c>
      <c r="ET38" s="146">
        <v>11</v>
      </c>
      <c r="EU38" s="146">
        <v>6</v>
      </c>
      <c r="EV38" s="146">
        <v>1</v>
      </c>
      <c r="EW38" s="146">
        <v>1</v>
      </c>
      <c r="EX38" s="146">
        <v>2</v>
      </c>
      <c r="EY38" s="151">
        <v>21</v>
      </c>
      <c r="EZ38" s="150">
        <v>29</v>
      </c>
    </row>
    <row r="39" spans="2:156" ht="21" customHeight="1" thickBot="1" x14ac:dyDescent="0.25">
      <c r="B39" s="153" t="s">
        <v>37</v>
      </c>
      <c r="C39" s="154">
        <v>0</v>
      </c>
      <c r="D39" s="155">
        <v>0</v>
      </c>
      <c r="E39" s="156">
        <v>0</v>
      </c>
      <c r="F39" s="157">
        <v>0</v>
      </c>
      <c r="G39" s="155">
        <v>0</v>
      </c>
      <c r="H39" s="155">
        <v>0</v>
      </c>
      <c r="I39" s="155">
        <v>0</v>
      </c>
      <c r="J39" s="155">
        <v>0</v>
      </c>
      <c r="K39" s="155">
        <v>0</v>
      </c>
      <c r="L39" s="158">
        <v>0</v>
      </c>
      <c r="M39" s="159">
        <v>0</v>
      </c>
      <c r="N39" s="154">
        <v>0</v>
      </c>
      <c r="O39" s="155">
        <v>0</v>
      </c>
      <c r="P39" s="160">
        <v>0</v>
      </c>
      <c r="Q39" s="157">
        <v>0</v>
      </c>
      <c r="R39" s="155">
        <v>0</v>
      </c>
      <c r="S39" s="155">
        <v>0</v>
      </c>
      <c r="T39" s="155">
        <v>0</v>
      </c>
      <c r="U39" s="155">
        <v>0</v>
      </c>
      <c r="V39" s="155">
        <v>0</v>
      </c>
      <c r="W39" s="160">
        <v>0</v>
      </c>
      <c r="X39" s="159">
        <v>0</v>
      </c>
      <c r="Y39" s="154">
        <v>0</v>
      </c>
      <c r="Z39" s="155">
        <v>0</v>
      </c>
      <c r="AA39" s="160">
        <v>0</v>
      </c>
      <c r="AB39" s="157">
        <v>0</v>
      </c>
      <c r="AC39" s="155">
        <v>0</v>
      </c>
      <c r="AD39" s="155">
        <v>0</v>
      </c>
      <c r="AE39" s="155">
        <v>0</v>
      </c>
      <c r="AF39" s="155">
        <v>0</v>
      </c>
      <c r="AG39" s="155">
        <v>0</v>
      </c>
      <c r="AH39" s="160">
        <v>0</v>
      </c>
      <c r="AI39" s="159">
        <v>0</v>
      </c>
      <c r="AJ39" s="154">
        <v>0</v>
      </c>
      <c r="AK39" s="155">
        <v>0</v>
      </c>
      <c r="AL39" s="160">
        <v>0</v>
      </c>
      <c r="AM39" s="157">
        <v>0</v>
      </c>
      <c r="AN39" s="155">
        <v>0</v>
      </c>
      <c r="AO39" s="155">
        <v>0</v>
      </c>
      <c r="AP39" s="155">
        <v>0</v>
      </c>
      <c r="AQ39" s="155">
        <v>0</v>
      </c>
      <c r="AR39" s="155">
        <v>0</v>
      </c>
      <c r="AS39" s="160">
        <v>0</v>
      </c>
      <c r="AT39" s="159">
        <v>0</v>
      </c>
      <c r="AU39" s="154">
        <v>0</v>
      </c>
      <c r="AV39" s="155">
        <v>0</v>
      </c>
      <c r="AW39" s="160">
        <v>0</v>
      </c>
      <c r="AX39" s="157">
        <v>0</v>
      </c>
      <c r="AY39" s="155">
        <v>0</v>
      </c>
      <c r="AZ39" s="155">
        <v>0</v>
      </c>
      <c r="BA39" s="155">
        <v>0</v>
      </c>
      <c r="BB39" s="155">
        <v>0</v>
      </c>
      <c r="BC39" s="155">
        <v>0</v>
      </c>
      <c r="BD39" s="158">
        <v>0</v>
      </c>
      <c r="BE39" s="159">
        <v>0</v>
      </c>
      <c r="BF39" s="154">
        <v>0</v>
      </c>
      <c r="BG39" s="155">
        <v>0</v>
      </c>
      <c r="BH39" s="160">
        <v>0</v>
      </c>
      <c r="BI39" s="157">
        <v>0</v>
      </c>
      <c r="BJ39" s="155">
        <v>0</v>
      </c>
      <c r="BK39" s="155">
        <v>0</v>
      </c>
      <c r="BL39" s="155">
        <v>0</v>
      </c>
      <c r="BM39" s="155">
        <v>0</v>
      </c>
      <c r="BN39" s="155">
        <v>0</v>
      </c>
      <c r="BO39" s="160">
        <v>0</v>
      </c>
      <c r="BP39" s="159">
        <v>0</v>
      </c>
      <c r="BQ39" s="154">
        <v>0</v>
      </c>
      <c r="BR39" s="155">
        <v>0</v>
      </c>
      <c r="BS39" s="160">
        <v>0</v>
      </c>
      <c r="BT39" s="157">
        <v>0</v>
      </c>
      <c r="BU39" s="155">
        <v>1</v>
      </c>
      <c r="BV39" s="155">
        <v>1</v>
      </c>
      <c r="BW39" s="155">
        <v>0</v>
      </c>
      <c r="BX39" s="155">
        <v>0</v>
      </c>
      <c r="BY39" s="155">
        <v>0</v>
      </c>
      <c r="BZ39" s="160">
        <v>2</v>
      </c>
      <c r="CA39" s="159">
        <v>2</v>
      </c>
      <c r="CB39" s="154">
        <v>0</v>
      </c>
      <c r="CC39" s="155">
        <v>0</v>
      </c>
      <c r="CD39" s="160">
        <v>0</v>
      </c>
      <c r="CE39" s="157">
        <v>0</v>
      </c>
      <c r="CF39" s="155">
        <v>0</v>
      </c>
      <c r="CG39" s="155">
        <v>0</v>
      </c>
      <c r="CH39" s="155">
        <v>0</v>
      </c>
      <c r="CI39" s="155">
        <v>0</v>
      </c>
      <c r="CJ39" s="155">
        <v>0</v>
      </c>
      <c r="CK39" s="160">
        <v>0</v>
      </c>
      <c r="CL39" s="159">
        <v>0</v>
      </c>
      <c r="CM39" s="154">
        <v>0</v>
      </c>
      <c r="CN39" s="155">
        <v>0</v>
      </c>
      <c r="CO39" s="160">
        <v>0</v>
      </c>
      <c r="CP39" s="157">
        <v>0</v>
      </c>
      <c r="CQ39" s="155">
        <v>0</v>
      </c>
      <c r="CR39" s="155">
        <v>0</v>
      </c>
      <c r="CS39" s="155">
        <v>0</v>
      </c>
      <c r="CT39" s="155">
        <v>0</v>
      </c>
      <c r="CU39" s="155">
        <v>0</v>
      </c>
      <c r="CV39" s="160">
        <v>0</v>
      </c>
      <c r="CW39" s="159">
        <v>0</v>
      </c>
      <c r="CX39" s="154">
        <v>0</v>
      </c>
      <c r="CY39" s="155">
        <v>0</v>
      </c>
      <c r="CZ39" s="160">
        <v>0</v>
      </c>
      <c r="DA39" s="157">
        <v>0</v>
      </c>
      <c r="DB39" s="155">
        <v>0</v>
      </c>
      <c r="DC39" s="155">
        <v>0</v>
      </c>
      <c r="DD39" s="155">
        <v>0</v>
      </c>
      <c r="DE39" s="155">
        <v>0</v>
      </c>
      <c r="DF39" s="155">
        <v>0</v>
      </c>
      <c r="DG39" s="160">
        <v>0</v>
      </c>
      <c r="DH39" s="159">
        <v>0</v>
      </c>
      <c r="DI39" s="154">
        <v>0</v>
      </c>
      <c r="DJ39" s="155">
        <v>0</v>
      </c>
      <c r="DK39" s="160">
        <v>0</v>
      </c>
      <c r="DL39" s="157">
        <v>0</v>
      </c>
      <c r="DM39" s="155">
        <v>0</v>
      </c>
      <c r="DN39" s="155">
        <v>0</v>
      </c>
      <c r="DO39" s="155">
        <v>0</v>
      </c>
      <c r="DP39" s="155">
        <v>0</v>
      </c>
      <c r="DQ39" s="155">
        <v>0</v>
      </c>
      <c r="DR39" s="160">
        <v>0</v>
      </c>
      <c r="DS39" s="159">
        <v>0</v>
      </c>
      <c r="DT39" s="154">
        <v>0</v>
      </c>
      <c r="DU39" s="155">
        <v>0</v>
      </c>
      <c r="DV39" s="160">
        <v>0</v>
      </c>
      <c r="DW39" s="157">
        <v>0</v>
      </c>
      <c r="DX39" s="155">
        <v>1</v>
      </c>
      <c r="DY39" s="155">
        <v>2</v>
      </c>
      <c r="DZ39" s="155">
        <v>0</v>
      </c>
      <c r="EA39" s="155">
        <v>0</v>
      </c>
      <c r="EB39" s="155">
        <v>0</v>
      </c>
      <c r="EC39" s="160">
        <v>3</v>
      </c>
      <c r="ED39" s="159">
        <v>3</v>
      </c>
      <c r="EE39" s="154">
        <v>0</v>
      </c>
      <c r="EF39" s="155">
        <v>0</v>
      </c>
      <c r="EG39" s="160">
        <v>0</v>
      </c>
      <c r="EH39" s="157">
        <v>0</v>
      </c>
      <c r="EI39" s="155">
        <v>0</v>
      </c>
      <c r="EJ39" s="155">
        <v>0</v>
      </c>
      <c r="EK39" s="155">
        <v>0</v>
      </c>
      <c r="EL39" s="155">
        <v>0</v>
      </c>
      <c r="EM39" s="155">
        <v>0</v>
      </c>
      <c r="EN39" s="160">
        <v>0</v>
      </c>
      <c r="EO39" s="159">
        <v>0</v>
      </c>
      <c r="EP39" s="154">
        <v>0</v>
      </c>
      <c r="EQ39" s="155">
        <v>0</v>
      </c>
      <c r="ER39" s="160">
        <v>0</v>
      </c>
      <c r="ES39" s="157">
        <v>0</v>
      </c>
      <c r="ET39" s="155">
        <v>1</v>
      </c>
      <c r="EU39" s="155">
        <v>2</v>
      </c>
      <c r="EV39" s="155">
        <v>0</v>
      </c>
      <c r="EW39" s="155">
        <v>0</v>
      </c>
      <c r="EX39" s="155">
        <v>0</v>
      </c>
      <c r="EY39" s="160">
        <v>3</v>
      </c>
      <c r="EZ39" s="159">
        <v>3</v>
      </c>
    </row>
  </sheetData>
  <mergeCells count="59">
    <mergeCell ref="CL4:CL5"/>
    <mergeCell ref="CM4:CO4"/>
    <mergeCell ref="CP4:CV4"/>
    <mergeCell ref="EZ4:EZ5"/>
    <mergeCell ref="CX4:CZ4"/>
    <mergeCell ref="DA4:DG4"/>
    <mergeCell ref="DH4:DH5"/>
    <mergeCell ref="DT4:DV4"/>
    <mergeCell ref="DW4:EC4"/>
    <mergeCell ref="ED4:ED5"/>
    <mergeCell ref="EE4:EG4"/>
    <mergeCell ref="EH4:EN4"/>
    <mergeCell ref="EO4:EO5"/>
    <mergeCell ref="EP4:ER4"/>
    <mergeCell ref="ES4:EY4"/>
    <mergeCell ref="DI4:DK4"/>
    <mergeCell ref="CB4:CD4"/>
    <mergeCell ref="CE4:CK4"/>
    <mergeCell ref="AJ4:AL4"/>
    <mergeCell ref="AM4:AS4"/>
    <mergeCell ref="AT4:AT5"/>
    <mergeCell ref="AU4:AW4"/>
    <mergeCell ref="AX4:BD4"/>
    <mergeCell ref="DT3:ED3"/>
    <mergeCell ref="EE3:EO3"/>
    <mergeCell ref="EP3:EZ3"/>
    <mergeCell ref="CB3:CL3"/>
    <mergeCell ref="CM3:CW3"/>
    <mergeCell ref="DI3:DS3"/>
    <mergeCell ref="B3:B5"/>
    <mergeCell ref="C3:M3"/>
    <mergeCell ref="N3:X3"/>
    <mergeCell ref="X4:X5"/>
    <mergeCell ref="AJ3:AT3"/>
    <mergeCell ref="Y3:AI3"/>
    <mergeCell ref="Y4:AA4"/>
    <mergeCell ref="AB4:AH4"/>
    <mergeCell ref="AI4:AI5"/>
    <mergeCell ref="C4:E4"/>
    <mergeCell ref="F4:L4"/>
    <mergeCell ref="M4:M5"/>
    <mergeCell ref="N4:P4"/>
    <mergeCell ref="Q4:W4"/>
    <mergeCell ref="DL4:DR4"/>
    <mergeCell ref="DS4:DS5"/>
    <mergeCell ref="I1:J1"/>
    <mergeCell ref="L1:M1"/>
    <mergeCell ref="AU3:BE3"/>
    <mergeCell ref="BF3:BP3"/>
    <mergeCell ref="BQ3:CA3"/>
    <mergeCell ref="BE4:BE5"/>
    <mergeCell ref="CX3:DH3"/>
    <mergeCell ref="CW4:CW5"/>
    <mergeCell ref="BF4:BH4"/>
    <mergeCell ref="BI4:BO4"/>
    <mergeCell ref="BP4:BP5"/>
    <mergeCell ref="BQ4:BS4"/>
    <mergeCell ref="BT4:BZ4"/>
    <mergeCell ref="CA4:CA5"/>
  </mergeCells>
  <phoneticPr fontId="4"/>
  <pageMargins left="0.70866141732283472" right="0.70866141732283472" top="0.74803149606299213" bottom="0.74803149606299213" header="0.31496062992125984" footer="0.31496062992125984"/>
  <pageSetup paperSize="9" scale="33" orientation="landscape" r:id="rId1"/>
  <headerFooter>
    <oddFooter>&amp;L&amp;20&amp;A&amp;C&amp;P/&amp;N</oddFooter>
  </headerFooter>
  <colBreaks count="3" manualBreakCount="3">
    <brk id="46" max="1048575" man="1"/>
    <brk id="90" max="1048575" man="1"/>
    <brk id="134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EZ39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4" width="9" style="161"/>
    <col min="5" max="5" width="10.33203125" style="161" customWidth="1"/>
    <col min="6" max="6" width="7.6640625" style="161" customWidth="1"/>
    <col min="7" max="7" width="10.21875" style="161" customWidth="1"/>
    <col min="8" max="8" width="10.44140625" style="161" customWidth="1"/>
    <col min="9" max="16" width="9" style="161"/>
    <col min="17" max="17" width="7.21875" style="161" customWidth="1"/>
    <col min="18" max="27" width="9" style="161"/>
    <col min="28" max="28" width="7.6640625" style="161" customWidth="1"/>
    <col min="29" max="38" width="9" style="161"/>
    <col min="39" max="39" width="7.6640625" style="161" customWidth="1"/>
    <col min="40" max="49" width="9" style="161"/>
    <col min="50" max="50" width="7.21875" style="161" customWidth="1"/>
    <col min="51" max="60" width="9" style="161"/>
    <col min="61" max="61" width="7.21875" style="161" customWidth="1"/>
    <col min="62" max="71" width="9" style="161"/>
    <col min="72" max="72" width="7.33203125" style="161" customWidth="1"/>
    <col min="73" max="82" width="9" style="161"/>
    <col min="83" max="83" width="7.44140625" style="161" customWidth="1"/>
    <col min="84" max="93" width="9" style="161"/>
    <col min="94" max="94" width="7.6640625" style="161" customWidth="1"/>
    <col min="95" max="104" width="9" style="161"/>
    <col min="105" max="105" width="7.44140625" style="161" customWidth="1"/>
    <col min="106" max="115" width="9" style="161"/>
    <col min="116" max="116" width="7.44140625" style="161" customWidth="1"/>
    <col min="117" max="126" width="9" style="161"/>
    <col min="127" max="127" width="7.44140625" style="161" customWidth="1"/>
    <col min="128" max="137" width="9" style="161"/>
    <col min="138" max="138" width="7.33203125" style="161" customWidth="1"/>
    <col min="139" max="148" width="9" style="161"/>
    <col min="149" max="149" width="7.77734375" style="161" customWidth="1"/>
    <col min="150" max="16384" width="9" style="161"/>
  </cols>
  <sheetData>
    <row r="1" spans="2:156" ht="24" customHeight="1" x14ac:dyDescent="0.2">
      <c r="B1" s="128" t="s">
        <v>120</v>
      </c>
      <c r="I1" s="441">
        <f>第１表!F2</f>
        <v>7</v>
      </c>
      <c r="J1" s="441"/>
      <c r="K1" s="15">
        <f>第１表!G2</f>
        <v>1</v>
      </c>
      <c r="L1" s="445">
        <f>IF(K1&lt;3,K1+12-2,K1-2)</f>
        <v>11</v>
      </c>
      <c r="M1" s="445"/>
    </row>
    <row r="2" spans="2:156" ht="24" customHeight="1" thickBot="1" x14ac:dyDescent="0.25">
      <c r="B2" s="128" t="s">
        <v>148</v>
      </c>
      <c r="G2" s="14"/>
      <c r="H2" s="15"/>
      <c r="J2" s="162"/>
      <c r="K2" s="162"/>
    </row>
    <row r="3" spans="2:156" ht="21" customHeight="1" thickBot="1" x14ac:dyDescent="0.25">
      <c r="B3" s="466"/>
      <c r="C3" s="463" t="s">
        <v>70</v>
      </c>
      <c r="D3" s="464"/>
      <c r="E3" s="464"/>
      <c r="F3" s="464"/>
      <c r="G3" s="464"/>
      <c r="H3" s="464"/>
      <c r="I3" s="464"/>
      <c r="J3" s="464"/>
      <c r="K3" s="464"/>
      <c r="L3" s="464"/>
      <c r="M3" s="465"/>
      <c r="N3" s="463" t="s">
        <v>71</v>
      </c>
      <c r="O3" s="464"/>
      <c r="P3" s="464"/>
      <c r="Q3" s="464"/>
      <c r="R3" s="464"/>
      <c r="S3" s="464"/>
      <c r="T3" s="464"/>
      <c r="U3" s="464"/>
      <c r="V3" s="464"/>
      <c r="W3" s="464"/>
      <c r="X3" s="465"/>
      <c r="Y3" s="463" t="s">
        <v>72</v>
      </c>
      <c r="Z3" s="464"/>
      <c r="AA3" s="464"/>
      <c r="AB3" s="464"/>
      <c r="AC3" s="464"/>
      <c r="AD3" s="464"/>
      <c r="AE3" s="464"/>
      <c r="AF3" s="464"/>
      <c r="AG3" s="464"/>
      <c r="AH3" s="464"/>
      <c r="AI3" s="465"/>
      <c r="AJ3" s="463" t="s">
        <v>73</v>
      </c>
      <c r="AK3" s="464"/>
      <c r="AL3" s="464"/>
      <c r="AM3" s="464"/>
      <c r="AN3" s="464"/>
      <c r="AO3" s="464"/>
      <c r="AP3" s="464"/>
      <c r="AQ3" s="464"/>
      <c r="AR3" s="464"/>
      <c r="AS3" s="464"/>
      <c r="AT3" s="465"/>
      <c r="AU3" s="463" t="s">
        <v>74</v>
      </c>
      <c r="AV3" s="464"/>
      <c r="AW3" s="464"/>
      <c r="AX3" s="464"/>
      <c r="AY3" s="464"/>
      <c r="AZ3" s="464"/>
      <c r="BA3" s="464"/>
      <c r="BB3" s="464"/>
      <c r="BC3" s="464"/>
      <c r="BD3" s="464"/>
      <c r="BE3" s="465"/>
      <c r="BF3" s="463" t="s">
        <v>75</v>
      </c>
      <c r="BG3" s="464"/>
      <c r="BH3" s="464"/>
      <c r="BI3" s="464"/>
      <c r="BJ3" s="464"/>
      <c r="BK3" s="464"/>
      <c r="BL3" s="464"/>
      <c r="BM3" s="464"/>
      <c r="BN3" s="464"/>
      <c r="BO3" s="464"/>
      <c r="BP3" s="465"/>
      <c r="BQ3" s="463" t="s">
        <v>76</v>
      </c>
      <c r="BR3" s="464"/>
      <c r="BS3" s="464"/>
      <c r="BT3" s="464"/>
      <c r="BU3" s="464"/>
      <c r="BV3" s="464"/>
      <c r="BW3" s="464"/>
      <c r="BX3" s="464"/>
      <c r="BY3" s="464"/>
      <c r="BZ3" s="464"/>
      <c r="CA3" s="465"/>
      <c r="CB3" s="463" t="s">
        <v>77</v>
      </c>
      <c r="CC3" s="464"/>
      <c r="CD3" s="464"/>
      <c r="CE3" s="464"/>
      <c r="CF3" s="464"/>
      <c r="CG3" s="464"/>
      <c r="CH3" s="464"/>
      <c r="CI3" s="464"/>
      <c r="CJ3" s="464"/>
      <c r="CK3" s="464"/>
      <c r="CL3" s="465"/>
      <c r="CM3" s="463" t="s">
        <v>78</v>
      </c>
      <c r="CN3" s="464"/>
      <c r="CO3" s="464"/>
      <c r="CP3" s="464"/>
      <c r="CQ3" s="464"/>
      <c r="CR3" s="464"/>
      <c r="CS3" s="464"/>
      <c r="CT3" s="464"/>
      <c r="CU3" s="464"/>
      <c r="CV3" s="464"/>
      <c r="CW3" s="465"/>
      <c r="CX3" s="463" t="s">
        <v>79</v>
      </c>
      <c r="CY3" s="464"/>
      <c r="CZ3" s="464"/>
      <c r="DA3" s="464"/>
      <c r="DB3" s="464"/>
      <c r="DC3" s="464"/>
      <c r="DD3" s="464"/>
      <c r="DE3" s="464"/>
      <c r="DF3" s="464"/>
      <c r="DG3" s="464"/>
      <c r="DH3" s="465"/>
      <c r="DI3" s="463" t="s">
        <v>146</v>
      </c>
      <c r="DJ3" s="464"/>
      <c r="DK3" s="464"/>
      <c r="DL3" s="464"/>
      <c r="DM3" s="464"/>
      <c r="DN3" s="464"/>
      <c r="DO3" s="464"/>
      <c r="DP3" s="464"/>
      <c r="DQ3" s="464"/>
      <c r="DR3" s="464"/>
      <c r="DS3" s="465"/>
      <c r="DT3" s="463" t="s">
        <v>80</v>
      </c>
      <c r="DU3" s="464"/>
      <c r="DV3" s="464"/>
      <c r="DW3" s="464"/>
      <c r="DX3" s="464"/>
      <c r="DY3" s="464"/>
      <c r="DZ3" s="464"/>
      <c r="EA3" s="464"/>
      <c r="EB3" s="464"/>
      <c r="EC3" s="464"/>
      <c r="ED3" s="465"/>
      <c r="EE3" s="463" t="s">
        <v>68</v>
      </c>
      <c r="EF3" s="464"/>
      <c r="EG3" s="464"/>
      <c r="EH3" s="464"/>
      <c r="EI3" s="464"/>
      <c r="EJ3" s="464"/>
      <c r="EK3" s="464"/>
      <c r="EL3" s="464"/>
      <c r="EM3" s="464"/>
      <c r="EN3" s="464"/>
      <c r="EO3" s="465"/>
      <c r="EP3" s="476" t="s">
        <v>69</v>
      </c>
      <c r="EQ3" s="477"/>
      <c r="ER3" s="477"/>
      <c r="ES3" s="477"/>
      <c r="ET3" s="477"/>
      <c r="EU3" s="477"/>
      <c r="EV3" s="477"/>
      <c r="EW3" s="477"/>
      <c r="EX3" s="477"/>
      <c r="EY3" s="477"/>
      <c r="EZ3" s="478"/>
    </row>
    <row r="4" spans="2:156" ht="21" customHeight="1" x14ac:dyDescent="0.2">
      <c r="B4" s="467"/>
      <c r="C4" s="471" t="s">
        <v>61</v>
      </c>
      <c r="D4" s="472"/>
      <c r="E4" s="473"/>
      <c r="F4" s="474" t="s">
        <v>62</v>
      </c>
      <c r="G4" s="472"/>
      <c r="H4" s="472"/>
      <c r="I4" s="472"/>
      <c r="J4" s="472"/>
      <c r="K4" s="472"/>
      <c r="L4" s="475"/>
      <c r="M4" s="469" t="s">
        <v>52</v>
      </c>
      <c r="N4" s="471" t="s">
        <v>61</v>
      </c>
      <c r="O4" s="472"/>
      <c r="P4" s="473"/>
      <c r="Q4" s="474" t="s">
        <v>62</v>
      </c>
      <c r="R4" s="472"/>
      <c r="S4" s="472"/>
      <c r="T4" s="472"/>
      <c r="U4" s="472"/>
      <c r="V4" s="472"/>
      <c r="W4" s="473"/>
      <c r="X4" s="469" t="s">
        <v>52</v>
      </c>
      <c r="Y4" s="471" t="s">
        <v>61</v>
      </c>
      <c r="Z4" s="472"/>
      <c r="AA4" s="473"/>
      <c r="AB4" s="474" t="s">
        <v>62</v>
      </c>
      <c r="AC4" s="472"/>
      <c r="AD4" s="472"/>
      <c r="AE4" s="472"/>
      <c r="AF4" s="472"/>
      <c r="AG4" s="472"/>
      <c r="AH4" s="473"/>
      <c r="AI4" s="469" t="s">
        <v>52</v>
      </c>
      <c r="AJ4" s="471" t="s">
        <v>61</v>
      </c>
      <c r="AK4" s="472"/>
      <c r="AL4" s="473"/>
      <c r="AM4" s="474" t="s">
        <v>62</v>
      </c>
      <c r="AN4" s="472"/>
      <c r="AO4" s="472"/>
      <c r="AP4" s="472"/>
      <c r="AQ4" s="472"/>
      <c r="AR4" s="472"/>
      <c r="AS4" s="473"/>
      <c r="AT4" s="469" t="s">
        <v>52</v>
      </c>
      <c r="AU4" s="471" t="s">
        <v>61</v>
      </c>
      <c r="AV4" s="472"/>
      <c r="AW4" s="473"/>
      <c r="AX4" s="474" t="s">
        <v>62</v>
      </c>
      <c r="AY4" s="472"/>
      <c r="AZ4" s="472"/>
      <c r="BA4" s="472"/>
      <c r="BB4" s="472"/>
      <c r="BC4" s="472"/>
      <c r="BD4" s="475"/>
      <c r="BE4" s="469" t="s">
        <v>52</v>
      </c>
      <c r="BF4" s="471" t="s">
        <v>61</v>
      </c>
      <c r="BG4" s="472"/>
      <c r="BH4" s="473"/>
      <c r="BI4" s="474" t="s">
        <v>62</v>
      </c>
      <c r="BJ4" s="472"/>
      <c r="BK4" s="472"/>
      <c r="BL4" s="472"/>
      <c r="BM4" s="472"/>
      <c r="BN4" s="472"/>
      <c r="BO4" s="473"/>
      <c r="BP4" s="469" t="s">
        <v>52</v>
      </c>
      <c r="BQ4" s="471" t="s">
        <v>61</v>
      </c>
      <c r="BR4" s="472"/>
      <c r="BS4" s="473"/>
      <c r="BT4" s="474" t="s">
        <v>62</v>
      </c>
      <c r="BU4" s="472"/>
      <c r="BV4" s="472"/>
      <c r="BW4" s="472"/>
      <c r="BX4" s="472"/>
      <c r="BY4" s="472"/>
      <c r="BZ4" s="473"/>
      <c r="CA4" s="469" t="s">
        <v>52</v>
      </c>
      <c r="CB4" s="471" t="s">
        <v>61</v>
      </c>
      <c r="CC4" s="472"/>
      <c r="CD4" s="473"/>
      <c r="CE4" s="474" t="s">
        <v>62</v>
      </c>
      <c r="CF4" s="472"/>
      <c r="CG4" s="472"/>
      <c r="CH4" s="472"/>
      <c r="CI4" s="472"/>
      <c r="CJ4" s="472"/>
      <c r="CK4" s="473"/>
      <c r="CL4" s="469" t="s">
        <v>52</v>
      </c>
      <c r="CM4" s="471" t="s">
        <v>61</v>
      </c>
      <c r="CN4" s="472"/>
      <c r="CO4" s="473"/>
      <c r="CP4" s="474" t="s">
        <v>62</v>
      </c>
      <c r="CQ4" s="472"/>
      <c r="CR4" s="472"/>
      <c r="CS4" s="472"/>
      <c r="CT4" s="472"/>
      <c r="CU4" s="472"/>
      <c r="CV4" s="473"/>
      <c r="CW4" s="469" t="s">
        <v>52</v>
      </c>
      <c r="CX4" s="471" t="s">
        <v>61</v>
      </c>
      <c r="CY4" s="472"/>
      <c r="CZ4" s="473"/>
      <c r="DA4" s="474" t="s">
        <v>62</v>
      </c>
      <c r="DB4" s="472"/>
      <c r="DC4" s="472"/>
      <c r="DD4" s="472"/>
      <c r="DE4" s="472"/>
      <c r="DF4" s="472"/>
      <c r="DG4" s="473"/>
      <c r="DH4" s="469" t="s">
        <v>52</v>
      </c>
      <c r="DI4" s="471" t="s">
        <v>61</v>
      </c>
      <c r="DJ4" s="472"/>
      <c r="DK4" s="473"/>
      <c r="DL4" s="474" t="s">
        <v>62</v>
      </c>
      <c r="DM4" s="472"/>
      <c r="DN4" s="472"/>
      <c r="DO4" s="472"/>
      <c r="DP4" s="472"/>
      <c r="DQ4" s="472"/>
      <c r="DR4" s="473"/>
      <c r="DS4" s="469" t="s">
        <v>52</v>
      </c>
      <c r="DT4" s="471" t="s">
        <v>61</v>
      </c>
      <c r="DU4" s="472"/>
      <c r="DV4" s="473"/>
      <c r="DW4" s="474" t="s">
        <v>62</v>
      </c>
      <c r="DX4" s="472"/>
      <c r="DY4" s="472"/>
      <c r="DZ4" s="472"/>
      <c r="EA4" s="472"/>
      <c r="EB4" s="472"/>
      <c r="EC4" s="473"/>
      <c r="ED4" s="469" t="s">
        <v>52</v>
      </c>
      <c r="EE4" s="471" t="s">
        <v>61</v>
      </c>
      <c r="EF4" s="472"/>
      <c r="EG4" s="473"/>
      <c r="EH4" s="474" t="s">
        <v>62</v>
      </c>
      <c r="EI4" s="472"/>
      <c r="EJ4" s="472"/>
      <c r="EK4" s="472"/>
      <c r="EL4" s="472"/>
      <c r="EM4" s="472"/>
      <c r="EN4" s="473"/>
      <c r="EO4" s="469" t="s">
        <v>52</v>
      </c>
      <c r="EP4" s="471" t="s">
        <v>61</v>
      </c>
      <c r="EQ4" s="472"/>
      <c r="ER4" s="473"/>
      <c r="ES4" s="474" t="s">
        <v>62</v>
      </c>
      <c r="ET4" s="472"/>
      <c r="EU4" s="472"/>
      <c r="EV4" s="472"/>
      <c r="EW4" s="472"/>
      <c r="EX4" s="472"/>
      <c r="EY4" s="473"/>
      <c r="EZ4" s="469" t="s">
        <v>52</v>
      </c>
    </row>
    <row r="5" spans="2:156" ht="30" customHeight="1" thickBot="1" x14ac:dyDescent="0.25">
      <c r="B5" s="468"/>
      <c r="C5" s="163" t="s">
        <v>43</v>
      </c>
      <c r="D5" s="164" t="s">
        <v>156</v>
      </c>
      <c r="E5" s="165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7" t="s">
        <v>45</v>
      </c>
      <c r="M5" s="470"/>
      <c r="N5" s="163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  <c r="Y5" s="163" t="s">
        <v>43</v>
      </c>
      <c r="Z5" s="164" t="s">
        <v>44</v>
      </c>
      <c r="AA5" s="168" t="s">
        <v>45</v>
      </c>
      <c r="AB5" s="166" t="s">
        <v>83</v>
      </c>
      <c r="AC5" s="164" t="s">
        <v>47</v>
      </c>
      <c r="AD5" s="164" t="s">
        <v>48</v>
      </c>
      <c r="AE5" s="164" t="s">
        <v>49</v>
      </c>
      <c r="AF5" s="164" t="s">
        <v>50</v>
      </c>
      <c r="AG5" s="164" t="s">
        <v>51</v>
      </c>
      <c r="AH5" s="168" t="s">
        <v>45</v>
      </c>
      <c r="AI5" s="470"/>
      <c r="AJ5" s="163" t="s">
        <v>43</v>
      </c>
      <c r="AK5" s="164" t="s">
        <v>44</v>
      </c>
      <c r="AL5" s="168" t="s">
        <v>45</v>
      </c>
      <c r="AM5" s="166" t="s">
        <v>83</v>
      </c>
      <c r="AN5" s="164" t="s">
        <v>47</v>
      </c>
      <c r="AO5" s="164" t="s">
        <v>48</v>
      </c>
      <c r="AP5" s="164" t="s">
        <v>49</v>
      </c>
      <c r="AQ5" s="164" t="s">
        <v>50</v>
      </c>
      <c r="AR5" s="164" t="s">
        <v>51</v>
      </c>
      <c r="AS5" s="168" t="s">
        <v>45</v>
      </c>
      <c r="AT5" s="470"/>
      <c r="AU5" s="163" t="s">
        <v>43</v>
      </c>
      <c r="AV5" s="164" t="s">
        <v>44</v>
      </c>
      <c r="AW5" s="168" t="s">
        <v>45</v>
      </c>
      <c r="AX5" s="166" t="s">
        <v>83</v>
      </c>
      <c r="AY5" s="164" t="s">
        <v>47</v>
      </c>
      <c r="AZ5" s="164" t="s">
        <v>48</v>
      </c>
      <c r="BA5" s="164" t="s">
        <v>49</v>
      </c>
      <c r="BB5" s="164" t="s">
        <v>50</v>
      </c>
      <c r="BC5" s="164" t="s">
        <v>51</v>
      </c>
      <c r="BD5" s="167" t="s">
        <v>45</v>
      </c>
      <c r="BE5" s="470"/>
      <c r="BF5" s="163" t="s">
        <v>43</v>
      </c>
      <c r="BG5" s="164" t="s">
        <v>44</v>
      </c>
      <c r="BH5" s="168" t="s">
        <v>45</v>
      </c>
      <c r="BI5" s="166" t="s">
        <v>83</v>
      </c>
      <c r="BJ5" s="164" t="s">
        <v>47</v>
      </c>
      <c r="BK5" s="164" t="s">
        <v>48</v>
      </c>
      <c r="BL5" s="164" t="s">
        <v>49</v>
      </c>
      <c r="BM5" s="164" t="s">
        <v>50</v>
      </c>
      <c r="BN5" s="164" t="s">
        <v>51</v>
      </c>
      <c r="BO5" s="168" t="s">
        <v>45</v>
      </c>
      <c r="BP5" s="470"/>
      <c r="BQ5" s="163" t="s">
        <v>43</v>
      </c>
      <c r="BR5" s="164" t="s">
        <v>44</v>
      </c>
      <c r="BS5" s="168" t="s">
        <v>45</v>
      </c>
      <c r="BT5" s="166" t="s">
        <v>83</v>
      </c>
      <c r="BU5" s="164" t="s">
        <v>47</v>
      </c>
      <c r="BV5" s="164" t="s">
        <v>48</v>
      </c>
      <c r="BW5" s="164" t="s">
        <v>49</v>
      </c>
      <c r="BX5" s="164" t="s">
        <v>50</v>
      </c>
      <c r="BY5" s="164" t="s">
        <v>51</v>
      </c>
      <c r="BZ5" s="168" t="s">
        <v>45</v>
      </c>
      <c r="CA5" s="470"/>
      <c r="CB5" s="163" t="s">
        <v>43</v>
      </c>
      <c r="CC5" s="164" t="s">
        <v>44</v>
      </c>
      <c r="CD5" s="168" t="s">
        <v>45</v>
      </c>
      <c r="CE5" s="166" t="s">
        <v>83</v>
      </c>
      <c r="CF5" s="164" t="s">
        <v>47</v>
      </c>
      <c r="CG5" s="164" t="s">
        <v>48</v>
      </c>
      <c r="CH5" s="164" t="s">
        <v>49</v>
      </c>
      <c r="CI5" s="164" t="s">
        <v>50</v>
      </c>
      <c r="CJ5" s="164" t="s">
        <v>51</v>
      </c>
      <c r="CK5" s="168" t="s">
        <v>45</v>
      </c>
      <c r="CL5" s="470"/>
      <c r="CM5" s="163" t="s">
        <v>43</v>
      </c>
      <c r="CN5" s="164" t="s">
        <v>44</v>
      </c>
      <c r="CO5" s="168" t="s">
        <v>45</v>
      </c>
      <c r="CP5" s="166" t="s">
        <v>83</v>
      </c>
      <c r="CQ5" s="164" t="s">
        <v>47</v>
      </c>
      <c r="CR5" s="164" t="s">
        <v>48</v>
      </c>
      <c r="CS5" s="164" t="s">
        <v>49</v>
      </c>
      <c r="CT5" s="164" t="s">
        <v>50</v>
      </c>
      <c r="CU5" s="164" t="s">
        <v>51</v>
      </c>
      <c r="CV5" s="168" t="s">
        <v>45</v>
      </c>
      <c r="CW5" s="470"/>
      <c r="CX5" s="163" t="s">
        <v>43</v>
      </c>
      <c r="CY5" s="164" t="s">
        <v>44</v>
      </c>
      <c r="CZ5" s="168" t="s">
        <v>45</v>
      </c>
      <c r="DA5" s="166" t="s">
        <v>83</v>
      </c>
      <c r="DB5" s="164" t="s">
        <v>47</v>
      </c>
      <c r="DC5" s="164" t="s">
        <v>48</v>
      </c>
      <c r="DD5" s="164" t="s">
        <v>49</v>
      </c>
      <c r="DE5" s="164" t="s">
        <v>50</v>
      </c>
      <c r="DF5" s="164" t="s">
        <v>51</v>
      </c>
      <c r="DG5" s="168" t="s">
        <v>45</v>
      </c>
      <c r="DH5" s="470"/>
      <c r="DI5" s="163" t="s">
        <v>43</v>
      </c>
      <c r="DJ5" s="164" t="s">
        <v>44</v>
      </c>
      <c r="DK5" s="168" t="s">
        <v>45</v>
      </c>
      <c r="DL5" s="166" t="s">
        <v>83</v>
      </c>
      <c r="DM5" s="164" t="s">
        <v>47</v>
      </c>
      <c r="DN5" s="164" t="s">
        <v>48</v>
      </c>
      <c r="DO5" s="164" t="s">
        <v>49</v>
      </c>
      <c r="DP5" s="164" t="s">
        <v>50</v>
      </c>
      <c r="DQ5" s="164" t="s">
        <v>51</v>
      </c>
      <c r="DR5" s="168" t="s">
        <v>45</v>
      </c>
      <c r="DS5" s="470"/>
      <c r="DT5" s="163" t="s">
        <v>43</v>
      </c>
      <c r="DU5" s="164" t="s">
        <v>44</v>
      </c>
      <c r="DV5" s="168" t="s">
        <v>45</v>
      </c>
      <c r="DW5" s="166" t="s">
        <v>83</v>
      </c>
      <c r="DX5" s="164" t="s">
        <v>47</v>
      </c>
      <c r="DY5" s="164" t="s">
        <v>48</v>
      </c>
      <c r="DZ5" s="164" t="s">
        <v>49</v>
      </c>
      <c r="EA5" s="164" t="s">
        <v>50</v>
      </c>
      <c r="EB5" s="164" t="s">
        <v>51</v>
      </c>
      <c r="EC5" s="168" t="s">
        <v>45</v>
      </c>
      <c r="ED5" s="470"/>
      <c r="EE5" s="163" t="s">
        <v>43</v>
      </c>
      <c r="EF5" s="164" t="s">
        <v>44</v>
      </c>
      <c r="EG5" s="168" t="s">
        <v>45</v>
      </c>
      <c r="EH5" s="166" t="s">
        <v>83</v>
      </c>
      <c r="EI5" s="164" t="s">
        <v>47</v>
      </c>
      <c r="EJ5" s="164" t="s">
        <v>48</v>
      </c>
      <c r="EK5" s="164" t="s">
        <v>49</v>
      </c>
      <c r="EL5" s="164" t="s">
        <v>50</v>
      </c>
      <c r="EM5" s="164" t="s">
        <v>51</v>
      </c>
      <c r="EN5" s="168" t="s">
        <v>45</v>
      </c>
      <c r="EO5" s="470"/>
      <c r="EP5" s="163" t="s">
        <v>43</v>
      </c>
      <c r="EQ5" s="164" t="s">
        <v>44</v>
      </c>
      <c r="ER5" s="168" t="s">
        <v>45</v>
      </c>
      <c r="ES5" s="166" t="s">
        <v>83</v>
      </c>
      <c r="ET5" s="164" t="s">
        <v>47</v>
      </c>
      <c r="EU5" s="164" t="s">
        <v>48</v>
      </c>
      <c r="EV5" s="164" t="s">
        <v>49</v>
      </c>
      <c r="EW5" s="164" t="s">
        <v>50</v>
      </c>
      <c r="EX5" s="164" t="s">
        <v>51</v>
      </c>
      <c r="EY5" s="168" t="s">
        <v>45</v>
      </c>
      <c r="EZ5" s="470"/>
    </row>
    <row r="6" spans="2:156" ht="21" customHeight="1" x14ac:dyDescent="0.2">
      <c r="B6" s="70" t="s">
        <v>4</v>
      </c>
      <c r="C6" s="169">
        <v>0</v>
      </c>
      <c r="D6" s="170">
        <v>0</v>
      </c>
      <c r="E6" s="171">
        <v>0</v>
      </c>
      <c r="F6" s="172">
        <v>0</v>
      </c>
      <c r="G6" s="170">
        <v>1207</v>
      </c>
      <c r="H6" s="170">
        <v>1381</v>
      </c>
      <c r="I6" s="170">
        <v>727</v>
      </c>
      <c r="J6" s="170">
        <v>587</v>
      </c>
      <c r="K6" s="170">
        <v>470</v>
      </c>
      <c r="L6" s="173">
        <v>4372</v>
      </c>
      <c r="M6" s="174">
        <v>4372</v>
      </c>
      <c r="N6" s="169">
        <v>0</v>
      </c>
      <c r="O6" s="170">
        <v>2</v>
      </c>
      <c r="P6" s="175">
        <v>2</v>
      </c>
      <c r="Q6" s="172">
        <v>0</v>
      </c>
      <c r="R6" s="170">
        <v>9</v>
      </c>
      <c r="S6" s="170">
        <v>30</v>
      </c>
      <c r="T6" s="170">
        <v>49</v>
      </c>
      <c r="U6" s="170">
        <v>127</v>
      </c>
      <c r="V6" s="170">
        <v>218</v>
      </c>
      <c r="W6" s="175">
        <v>433</v>
      </c>
      <c r="X6" s="174">
        <v>435</v>
      </c>
      <c r="Y6" s="169">
        <v>260</v>
      </c>
      <c r="Z6" s="170">
        <v>589</v>
      </c>
      <c r="AA6" s="175">
        <v>849</v>
      </c>
      <c r="AB6" s="172">
        <v>0</v>
      </c>
      <c r="AC6" s="170">
        <v>1040</v>
      </c>
      <c r="AD6" s="170">
        <v>1456</v>
      </c>
      <c r="AE6" s="170">
        <v>783</v>
      </c>
      <c r="AF6" s="170">
        <v>651</v>
      </c>
      <c r="AG6" s="170">
        <v>420</v>
      </c>
      <c r="AH6" s="175">
        <v>4350</v>
      </c>
      <c r="AI6" s="174">
        <v>5199</v>
      </c>
      <c r="AJ6" s="169">
        <v>22</v>
      </c>
      <c r="AK6" s="170">
        <v>81</v>
      </c>
      <c r="AL6" s="175">
        <v>103</v>
      </c>
      <c r="AM6" s="172">
        <v>0</v>
      </c>
      <c r="AN6" s="170">
        <v>108</v>
      </c>
      <c r="AO6" s="170">
        <v>145</v>
      </c>
      <c r="AP6" s="170">
        <v>77</v>
      </c>
      <c r="AQ6" s="170">
        <v>86</v>
      </c>
      <c r="AR6" s="170">
        <v>57</v>
      </c>
      <c r="AS6" s="175">
        <v>473</v>
      </c>
      <c r="AT6" s="174">
        <v>576</v>
      </c>
      <c r="AU6" s="169">
        <v>350</v>
      </c>
      <c r="AV6" s="170">
        <v>423</v>
      </c>
      <c r="AW6" s="175">
        <v>773</v>
      </c>
      <c r="AX6" s="172">
        <v>0</v>
      </c>
      <c r="AY6" s="170">
        <v>1500</v>
      </c>
      <c r="AZ6" s="170">
        <v>1907</v>
      </c>
      <c r="BA6" s="170">
        <v>1481</v>
      </c>
      <c r="BB6" s="170">
        <v>1488</v>
      </c>
      <c r="BC6" s="170">
        <v>1134</v>
      </c>
      <c r="BD6" s="173">
        <v>7510</v>
      </c>
      <c r="BE6" s="174">
        <v>8283</v>
      </c>
      <c r="BF6" s="169">
        <v>0</v>
      </c>
      <c r="BG6" s="170">
        <v>1</v>
      </c>
      <c r="BH6" s="175">
        <v>1</v>
      </c>
      <c r="BI6" s="172">
        <v>0</v>
      </c>
      <c r="BJ6" s="170">
        <v>1447</v>
      </c>
      <c r="BK6" s="170">
        <v>1301</v>
      </c>
      <c r="BL6" s="170">
        <v>616</v>
      </c>
      <c r="BM6" s="170">
        <v>333</v>
      </c>
      <c r="BN6" s="170">
        <v>161</v>
      </c>
      <c r="BO6" s="175">
        <v>3858</v>
      </c>
      <c r="BP6" s="174">
        <v>3859</v>
      </c>
      <c r="BQ6" s="169">
        <v>133</v>
      </c>
      <c r="BR6" s="170">
        <v>192</v>
      </c>
      <c r="BS6" s="175">
        <v>325</v>
      </c>
      <c r="BT6" s="172">
        <v>0</v>
      </c>
      <c r="BU6" s="170">
        <v>364</v>
      </c>
      <c r="BV6" s="170">
        <v>464</v>
      </c>
      <c r="BW6" s="170">
        <v>300</v>
      </c>
      <c r="BX6" s="170">
        <v>177</v>
      </c>
      <c r="BY6" s="170">
        <v>56</v>
      </c>
      <c r="BZ6" s="175">
        <v>1361</v>
      </c>
      <c r="CA6" s="174">
        <v>1686</v>
      </c>
      <c r="CB6" s="169">
        <v>8</v>
      </c>
      <c r="CC6" s="170">
        <v>18</v>
      </c>
      <c r="CD6" s="175">
        <v>26</v>
      </c>
      <c r="CE6" s="172">
        <v>0</v>
      </c>
      <c r="CF6" s="170">
        <v>165</v>
      </c>
      <c r="CG6" s="170">
        <v>270</v>
      </c>
      <c r="CH6" s="170">
        <v>273</v>
      </c>
      <c r="CI6" s="170">
        <v>169</v>
      </c>
      <c r="CJ6" s="170">
        <v>98</v>
      </c>
      <c r="CK6" s="175">
        <v>975</v>
      </c>
      <c r="CL6" s="174">
        <v>1001</v>
      </c>
      <c r="CM6" s="169">
        <v>3</v>
      </c>
      <c r="CN6" s="170">
        <v>3</v>
      </c>
      <c r="CO6" s="175">
        <v>6</v>
      </c>
      <c r="CP6" s="172">
        <v>0</v>
      </c>
      <c r="CQ6" s="170">
        <v>21</v>
      </c>
      <c r="CR6" s="170">
        <v>40</v>
      </c>
      <c r="CS6" s="170">
        <v>62</v>
      </c>
      <c r="CT6" s="170">
        <v>56</v>
      </c>
      <c r="CU6" s="170">
        <v>31</v>
      </c>
      <c r="CV6" s="175">
        <v>210</v>
      </c>
      <c r="CW6" s="174">
        <v>216</v>
      </c>
      <c r="CX6" s="169">
        <v>0</v>
      </c>
      <c r="CY6" s="170">
        <v>0</v>
      </c>
      <c r="CZ6" s="175">
        <v>0</v>
      </c>
      <c r="DA6" s="172">
        <v>0</v>
      </c>
      <c r="DB6" s="170">
        <v>0</v>
      </c>
      <c r="DC6" s="170">
        <v>0</v>
      </c>
      <c r="DD6" s="170">
        <v>0</v>
      </c>
      <c r="DE6" s="170">
        <v>0</v>
      </c>
      <c r="DF6" s="170">
        <v>0</v>
      </c>
      <c r="DG6" s="175">
        <v>0</v>
      </c>
      <c r="DH6" s="174">
        <v>0</v>
      </c>
      <c r="DI6" s="169">
        <v>0</v>
      </c>
      <c r="DJ6" s="170">
        <v>0</v>
      </c>
      <c r="DK6" s="175">
        <v>0</v>
      </c>
      <c r="DL6" s="172">
        <v>0</v>
      </c>
      <c r="DM6" s="170">
        <v>1</v>
      </c>
      <c r="DN6" s="170">
        <v>0</v>
      </c>
      <c r="DO6" s="170">
        <v>0</v>
      </c>
      <c r="DP6" s="170">
        <v>0</v>
      </c>
      <c r="DQ6" s="170">
        <v>0</v>
      </c>
      <c r="DR6" s="175">
        <v>1</v>
      </c>
      <c r="DS6" s="174">
        <v>1</v>
      </c>
      <c r="DT6" s="169">
        <v>676</v>
      </c>
      <c r="DU6" s="170">
        <v>1481</v>
      </c>
      <c r="DV6" s="175">
        <v>2157</v>
      </c>
      <c r="DW6" s="172">
        <v>0</v>
      </c>
      <c r="DX6" s="170">
        <v>1720</v>
      </c>
      <c r="DY6" s="170">
        <v>3064</v>
      </c>
      <c r="DZ6" s="170">
        <v>1713</v>
      </c>
      <c r="EA6" s="170">
        <v>1274</v>
      </c>
      <c r="EB6" s="170">
        <v>788</v>
      </c>
      <c r="EC6" s="175">
        <v>8559</v>
      </c>
      <c r="ED6" s="174">
        <v>10716</v>
      </c>
      <c r="EE6" s="169">
        <v>247</v>
      </c>
      <c r="EF6" s="170">
        <v>186</v>
      </c>
      <c r="EG6" s="175">
        <v>433</v>
      </c>
      <c r="EH6" s="172">
        <v>0</v>
      </c>
      <c r="EI6" s="170">
        <v>717</v>
      </c>
      <c r="EJ6" s="170">
        <v>735</v>
      </c>
      <c r="EK6" s="170">
        <v>608</v>
      </c>
      <c r="EL6" s="170">
        <v>638</v>
      </c>
      <c r="EM6" s="170">
        <v>439</v>
      </c>
      <c r="EN6" s="175">
        <v>3137</v>
      </c>
      <c r="EO6" s="174">
        <v>3570</v>
      </c>
      <c r="EP6" s="169">
        <v>1003</v>
      </c>
      <c r="EQ6" s="170">
        <v>1920</v>
      </c>
      <c r="ER6" s="175">
        <v>2923</v>
      </c>
      <c r="ES6" s="172">
        <v>0</v>
      </c>
      <c r="ET6" s="170">
        <v>4005</v>
      </c>
      <c r="EU6" s="170">
        <v>4252</v>
      </c>
      <c r="EV6" s="170">
        <v>2049</v>
      </c>
      <c r="EW6" s="170">
        <v>1416</v>
      </c>
      <c r="EX6" s="170">
        <v>838</v>
      </c>
      <c r="EY6" s="175">
        <v>12560</v>
      </c>
      <c r="EZ6" s="174">
        <v>15483</v>
      </c>
    </row>
    <row r="7" spans="2:156" ht="21" customHeight="1" x14ac:dyDescent="0.2">
      <c r="B7" s="81" t="s">
        <v>5</v>
      </c>
      <c r="C7" s="176">
        <v>0</v>
      </c>
      <c r="D7" s="177">
        <v>0</v>
      </c>
      <c r="E7" s="178">
        <v>0</v>
      </c>
      <c r="F7" s="179">
        <v>0</v>
      </c>
      <c r="G7" s="177">
        <v>476</v>
      </c>
      <c r="H7" s="177">
        <v>670</v>
      </c>
      <c r="I7" s="177">
        <v>327</v>
      </c>
      <c r="J7" s="177">
        <v>250</v>
      </c>
      <c r="K7" s="177">
        <v>213</v>
      </c>
      <c r="L7" s="180">
        <v>1936</v>
      </c>
      <c r="M7" s="181">
        <v>1936</v>
      </c>
      <c r="N7" s="176">
        <v>0</v>
      </c>
      <c r="O7" s="177">
        <v>2</v>
      </c>
      <c r="P7" s="182">
        <v>2</v>
      </c>
      <c r="Q7" s="179">
        <v>0</v>
      </c>
      <c r="R7" s="177">
        <v>4</v>
      </c>
      <c r="S7" s="177">
        <v>12</v>
      </c>
      <c r="T7" s="177">
        <v>18</v>
      </c>
      <c r="U7" s="177">
        <v>48</v>
      </c>
      <c r="V7" s="177">
        <v>121</v>
      </c>
      <c r="W7" s="182">
        <v>203</v>
      </c>
      <c r="X7" s="181">
        <v>205</v>
      </c>
      <c r="Y7" s="176">
        <v>116</v>
      </c>
      <c r="Z7" s="177">
        <v>334</v>
      </c>
      <c r="AA7" s="182">
        <v>450</v>
      </c>
      <c r="AB7" s="179">
        <v>0</v>
      </c>
      <c r="AC7" s="177">
        <v>398</v>
      </c>
      <c r="AD7" s="177">
        <v>769</v>
      </c>
      <c r="AE7" s="177">
        <v>379</v>
      </c>
      <c r="AF7" s="177">
        <v>292</v>
      </c>
      <c r="AG7" s="177">
        <v>194</v>
      </c>
      <c r="AH7" s="182">
        <v>2032</v>
      </c>
      <c r="AI7" s="181">
        <v>2482</v>
      </c>
      <c r="AJ7" s="176">
        <v>12</v>
      </c>
      <c r="AK7" s="177">
        <v>49</v>
      </c>
      <c r="AL7" s="182">
        <v>61</v>
      </c>
      <c r="AM7" s="179">
        <v>0</v>
      </c>
      <c r="AN7" s="177">
        <v>35</v>
      </c>
      <c r="AO7" s="177">
        <v>71</v>
      </c>
      <c r="AP7" s="177">
        <v>34</v>
      </c>
      <c r="AQ7" s="177">
        <v>40</v>
      </c>
      <c r="AR7" s="177">
        <v>26</v>
      </c>
      <c r="AS7" s="182">
        <v>206</v>
      </c>
      <c r="AT7" s="181">
        <v>267</v>
      </c>
      <c r="AU7" s="176">
        <v>163</v>
      </c>
      <c r="AV7" s="177">
        <v>215</v>
      </c>
      <c r="AW7" s="182">
        <v>378</v>
      </c>
      <c r="AX7" s="179">
        <v>0</v>
      </c>
      <c r="AY7" s="177">
        <v>583</v>
      </c>
      <c r="AZ7" s="177">
        <v>906</v>
      </c>
      <c r="BA7" s="177">
        <v>655</v>
      </c>
      <c r="BB7" s="177">
        <v>660</v>
      </c>
      <c r="BC7" s="177">
        <v>498</v>
      </c>
      <c r="BD7" s="180">
        <v>3302</v>
      </c>
      <c r="BE7" s="181">
        <v>3680</v>
      </c>
      <c r="BF7" s="176">
        <v>0</v>
      </c>
      <c r="BG7" s="177">
        <v>1</v>
      </c>
      <c r="BH7" s="182">
        <v>1</v>
      </c>
      <c r="BI7" s="179">
        <v>0</v>
      </c>
      <c r="BJ7" s="177">
        <v>511</v>
      </c>
      <c r="BK7" s="177">
        <v>576</v>
      </c>
      <c r="BL7" s="177">
        <v>238</v>
      </c>
      <c r="BM7" s="177">
        <v>125</v>
      </c>
      <c r="BN7" s="177">
        <v>60</v>
      </c>
      <c r="BO7" s="182">
        <v>1510</v>
      </c>
      <c r="BP7" s="181">
        <v>1511</v>
      </c>
      <c r="BQ7" s="176">
        <v>61</v>
      </c>
      <c r="BR7" s="177">
        <v>97</v>
      </c>
      <c r="BS7" s="182">
        <v>158</v>
      </c>
      <c r="BT7" s="179">
        <v>0</v>
      </c>
      <c r="BU7" s="177">
        <v>121</v>
      </c>
      <c r="BV7" s="177">
        <v>234</v>
      </c>
      <c r="BW7" s="177">
        <v>146</v>
      </c>
      <c r="BX7" s="177">
        <v>81</v>
      </c>
      <c r="BY7" s="177">
        <v>29</v>
      </c>
      <c r="BZ7" s="182">
        <v>611</v>
      </c>
      <c r="CA7" s="181">
        <v>769</v>
      </c>
      <c r="CB7" s="176">
        <v>1</v>
      </c>
      <c r="CC7" s="177">
        <v>10</v>
      </c>
      <c r="CD7" s="182">
        <v>11</v>
      </c>
      <c r="CE7" s="179">
        <v>0</v>
      </c>
      <c r="CF7" s="177">
        <v>50</v>
      </c>
      <c r="CG7" s="177">
        <v>101</v>
      </c>
      <c r="CH7" s="177">
        <v>114</v>
      </c>
      <c r="CI7" s="177">
        <v>62</v>
      </c>
      <c r="CJ7" s="177">
        <v>42</v>
      </c>
      <c r="CK7" s="182">
        <v>369</v>
      </c>
      <c r="CL7" s="181">
        <v>380</v>
      </c>
      <c r="CM7" s="176">
        <v>3</v>
      </c>
      <c r="CN7" s="177">
        <v>3</v>
      </c>
      <c r="CO7" s="182">
        <v>6</v>
      </c>
      <c r="CP7" s="179">
        <v>0</v>
      </c>
      <c r="CQ7" s="177">
        <v>9</v>
      </c>
      <c r="CR7" s="177">
        <v>22</v>
      </c>
      <c r="CS7" s="177">
        <v>36</v>
      </c>
      <c r="CT7" s="177">
        <v>37</v>
      </c>
      <c r="CU7" s="177">
        <v>17</v>
      </c>
      <c r="CV7" s="182">
        <v>121</v>
      </c>
      <c r="CW7" s="181">
        <v>127</v>
      </c>
      <c r="CX7" s="176">
        <v>0</v>
      </c>
      <c r="CY7" s="177">
        <v>0</v>
      </c>
      <c r="CZ7" s="182">
        <v>0</v>
      </c>
      <c r="DA7" s="179">
        <v>0</v>
      </c>
      <c r="DB7" s="177">
        <v>0</v>
      </c>
      <c r="DC7" s="177">
        <v>0</v>
      </c>
      <c r="DD7" s="177">
        <v>0</v>
      </c>
      <c r="DE7" s="177">
        <v>0</v>
      </c>
      <c r="DF7" s="177">
        <v>0</v>
      </c>
      <c r="DG7" s="182">
        <v>0</v>
      </c>
      <c r="DH7" s="181">
        <v>0</v>
      </c>
      <c r="DI7" s="176">
        <v>0</v>
      </c>
      <c r="DJ7" s="177">
        <v>0</v>
      </c>
      <c r="DK7" s="182">
        <v>0</v>
      </c>
      <c r="DL7" s="179">
        <v>0</v>
      </c>
      <c r="DM7" s="177">
        <v>0</v>
      </c>
      <c r="DN7" s="177">
        <v>0</v>
      </c>
      <c r="DO7" s="177">
        <v>0</v>
      </c>
      <c r="DP7" s="177">
        <v>0</v>
      </c>
      <c r="DQ7" s="177">
        <v>0</v>
      </c>
      <c r="DR7" s="182">
        <v>0</v>
      </c>
      <c r="DS7" s="181">
        <v>0</v>
      </c>
      <c r="DT7" s="176">
        <v>234</v>
      </c>
      <c r="DU7" s="177">
        <v>710</v>
      </c>
      <c r="DV7" s="182">
        <v>944</v>
      </c>
      <c r="DW7" s="179">
        <v>0</v>
      </c>
      <c r="DX7" s="177">
        <v>547</v>
      </c>
      <c r="DY7" s="177">
        <v>1451</v>
      </c>
      <c r="DZ7" s="177">
        <v>752</v>
      </c>
      <c r="EA7" s="177">
        <v>543</v>
      </c>
      <c r="EB7" s="177">
        <v>347</v>
      </c>
      <c r="EC7" s="182">
        <v>3640</v>
      </c>
      <c r="ED7" s="181">
        <v>4584</v>
      </c>
      <c r="EE7" s="176">
        <v>111</v>
      </c>
      <c r="EF7" s="177">
        <v>92</v>
      </c>
      <c r="EG7" s="182">
        <v>203</v>
      </c>
      <c r="EH7" s="179">
        <v>0</v>
      </c>
      <c r="EI7" s="177">
        <v>298</v>
      </c>
      <c r="EJ7" s="177">
        <v>367</v>
      </c>
      <c r="EK7" s="177">
        <v>282</v>
      </c>
      <c r="EL7" s="177">
        <v>303</v>
      </c>
      <c r="EM7" s="177">
        <v>186</v>
      </c>
      <c r="EN7" s="182">
        <v>1436</v>
      </c>
      <c r="EO7" s="181">
        <v>1639</v>
      </c>
      <c r="EP7" s="176">
        <v>380</v>
      </c>
      <c r="EQ7" s="177">
        <v>971</v>
      </c>
      <c r="ER7" s="182">
        <v>1351</v>
      </c>
      <c r="ES7" s="179">
        <v>0</v>
      </c>
      <c r="ET7" s="177">
        <v>1460</v>
      </c>
      <c r="EU7" s="177">
        <v>2050</v>
      </c>
      <c r="EV7" s="177">
        <v>920</v>
      </c>
      <c r="EW7" s="177">
        <v>612</v>
      </c>
      <c r="EX7" s="177">
        <v>383</v>
      </c>
      <c r="EY7" s="182">
        <v>5425</v>
      </c>
      <c r="EZ7" s="181">
        <v>6776</v>
      </c>
    </row>
    <row r="8" spans="2:156" ht="21" customHeight="1" x14ac:dyDescent="0.2">
      <c r="B8" s="92" t="s">
        <v>6</v>
      </c>
      <c r="C8" s="176">
        <v>0</v>
      </c>
      <c r="D8" s="177">
        <v>0</v>
      </c>
      <c r="E8" s="178">
        <v>0</v>
      </c>
      <c r="F8" s="179">
        <v>0</v>
      </c>
      <c r="G8" s="177">
        <v>234</v>
      </c>
      <c r="H8" s="177">
        <v>206</v>
      </c>
      <c r="I8" s="177">
        <v>94</v>
      </c>
      <c r="J8" s="177">
        <v>107</v>
      </c>
      <c r="K8" s="177">
        <v>73</v>
      </c>
      <c r="L8" s="180">
        <v>714</v>
      </c>
      <c r="M8" s="181">
        <v>714</v>
      </c>
      <c r="N8" s="176">
        <v>0</v>
      </c>
      <c r="O8" s="177">
        <v>0</v>
      </c>
      <c r="P8" s="182">
        <v>0</v>
      </c>
      <c r="Q8" s="179">
        <v>0</v>
      </c>
      <c r="R8" s="177">
        <v>2</v>
      </c>
      <c r="S8" s="177">
        <v>2</v>
      </c>
      <c r="T8" s="177">
        <v>10</v>
      </c>
      <c r="U8" s="177">
        <v>22</v>
      </c>
      <c r="V8" s="177">
        <v>22</v>
      </c>
      <c r="W8" s="182">
        <v>58</v>
      </c>
      <c r="X8" s="181">
        <v>58</v>
      </c>
      <c r="Y8" s="176">
        <v>47</v>
      </c>
      <c r="Z8" s="177">
        <v>90</v>
      </c>
      <c r="AA8" s="182">
        <v>137</v>
      </c>
      <c r="AB8" s="179">
        <v>0</v>
      </c>
      <c r="AC8" s="177">
        <v>226</v>
      </c>
      <c r="AD8" s="177">
        <v>229</v>
      </c>
      <c r="AE8" s="177">
        <v>132</v>
      </c>
      <c r="AF8" s="177">
        <v>122</v>
      </c>
      <c r="AG8" s="177">
        <v>74</v>
      </c>
      <c r="AH8" s="182">
        <v>783</v>
      </c>
      <c r="AI8" s="181">
        <v>920</v>
      </c>
      <c r="AJ8" s="176">
        <v>1</v>
      </c>
      <c r="AK8" s="177">
        <v>9</v>
      </c>
      <c r="AL8" s="182">
        <v>10</v>
      </c>
      <c r="AM8" s="179">
        <v>0</v>
      </c>
      <c r="AN8" s="177">
        <v>20</v>
      </c>
      <c r="AO8" s="177">
        <v>15</v>
      </c>
      <c r="AP8" s="177">
        <v>10</v>
      </c>
      <c r="AQ8" s="177">
        <v>16</v>
      </c>
      <c r="AR8" s="177">
        <v>6</v>
      </c>
      <c r="AS8" s="182">
        <v>67</v>
      </c>
      <c r="AT8" s="181">
        <v>77</v>
      </c>
      <c r="AU8" s="176">
        <v>60</v>
      </c>
      <c r="AV8" s="177">
        <v>74</v>
      </c>
      <c r="AW8" s="182">
        <v>134</v>
      </c>
      <c r="AX8" s="179">
        <v>0</v>
      </c>
      <c r="AY8" s="177">
        <v>316</v>
      </c>
      <c r="AZ8" s="177">
        <v>345</v>
      </c>
      <c r="BA8" s="177">
        <v>242</v>
      </c>
      <c r="BB8" s="177">
        <v>286</v>
      </c>
      <c r="BC8" s="177">
        <v>208</v>
      </c>
      <c r="BD8" s="180">
        <v>1397</v>
      </c>
      <c r="BE8" s="181">
        <v>1531</v>
      </c>
      <c r="BF8" s="176">
        <v>0</v>
      </c>
      <c r="BG8" s="177">
        <v>0</v>
      </c>
      <c r="BH8" s="182">
        <v>0</v>
      </c>
      <c r="BI8" s="179">
        <v>0</v>
      </c>
      <c r="BJ8" s="177">
        <v>273</v>
      </c>
      <c r="BK8" s="177">
        <v>202</v>
      </c>
      <c r="BL8" s="177">
        <v>86</v>
      </c>
      <c r="BM8" s="177">
        <v>62</v>
      </c>
      <c r="BN8" s="177">
        <v>20</v>
      </c>
      <c r="BO8" s="182">
        <v>643</v>
      </c>
      <c r="BP8" s="181">
        <v>643</v>
      </c>
      <c r="BQ8" s="176">
        <v>11</v>
      </c>
      <c r="BR8" s="177">
        <v>16</v>
      </c>
      <c r="BS8" s="182">
        <v>27</v>
      </c>
      <c r="BT8" s="179">
        <v>0</v>
      </c>
      <c r="BU8" s="177">
        <v>54</v>
      </c>
      <c r="BV8" s="177">
        <v>59</v>
      </c>
      <c r="BW8" s="177">
        <v>36</v>
      </c>
      <c r="BX8" s="177">
        <v>27</v>
      </c>
      <c r="BY8" s="177">
        <v>4</v>
      </c>
      <c r="BZ8" s="182">
        <v>180</v>
      </c>
      <c r="CA8" s="181">
        <v>207</v>
      </c>
      <c r="CB8" s="176">
        <v>0</v>
      </c>
      <c r="CC8" s="177">
        <v>0</v>
      </c>
      <c r="CD8" s="182">
        <v>0</v>
      </c>
      <c r="CE8" s="179">
        <v>0</v>
      </c>
      <c r="CF8" s="177">
        <v>23</v>
      </c>
      <c r="CG8" s="177">
        <v>44</v>
      </c>
      <c r="CH8" s="177">
        <v>34</v>
      </c>
      <c r="CI8" s="177">
        <v>31</v>
      </c>
      <c r="CJ8" s="177">
        <v>16</v>
      </c>
      <c r="CK8" s="182">
        <v>148</v>
      </c>
      <c r="CL8" s="181">
        <v>148</v>
      </c>
      <c r="CM8" s="176">
        <v>0</v>
      </c>
      <c r="CN8" s="177">
        <v>0</v>
      </c>
      <c r="CO8" s="182">
        <v>0</v>
      </c>
      <c r="CP8" s="179">
        <v>0</v>
      </c>
      <c r="CQ8" s="177">
        <v>3</v>
      </c>
      <c r="CR8" s="177">
        <v>7</v>
      </c>
      <c r="CS8" s="177">
        <v>11</v>
      </c>
      <c r="CT8" s="177">
        <v>7</v>
      </c>
      <c r="CU8" s="177">
        <v>4</v>
      </c>
      <c r="CV8" s="182">
        <v>32</v>
      </c>
      <c r="CW8" s="181">
        <v>32</v>
      </c>
      <c r="CX8" s="176">
        <v>0</v>
      </c>
      <c r="CY8" s="177">
        <v>0</v>
      </c>
      <c r="CZ8" s="182">
        <v>0</v>
      </c>
      <c r="DA8" s="179">
        <v>0</v>
      </c>
      <c r="DB8" s="177">
        <v>0</v>
      </c>
      <c r="DC8" s="177">
        <v>0</v>
      </c>
      <c r="DD8" s="177">
        <v>0</v>
      </c>
      <c r="DE8" s="177">
        <v>0</v>
      </c>
      <c r="DF8" s="177">
        <v>0</v>
      </c>
      <c r="DG8" s="182">
        <v>0</v>
      </c>
      <c r="DH8" s="181">
        <v>0</v>
      </c>
      <c r="DI8" s="176">
        <v>0</v>
      </c>
      <c r="DJ8" s="177">
        <v>0</v>
      </c>
      <c r="DK8" s="182">
        <v>0</v>
      </c>
      <c r="DL8" s="179">
        <v>0</v>
      </c>
      <c r="DM8" s="177">
        <v>0</v>
      </c>
      <c r="DN8" s="177">
        <v>0</v>
      </c>
      <c r="DO8" s="177">
        <v>0</v>
      </c>
      <c r="DP8" s="177">
        <v>0</v>
      </c>
      <c r="DQ8" s="177">
        <v>0</v>
      </c>
      <c r="DR8" s="182">
        <v>0</v>
      </c>
      <c r="DS8" s="181">
        <v>0</v>
      </c>
      <c r="DT8" s="176">
        <v>128</v>
      </c>
      <c r="DU8" s="177">
        <v>202</v>
      </c>
      <c r="DV8" s="182">
        <v>330</v>
      </c>
      <c r="DW8" s="179">
        <v>0</v>
      </c>
      <c r="DX8" s="177">
        <v>358</v>
      </c>
      <c r="DY8" s="177">
        <v>451</v>
      </c>
      <c r="DZ8" s="177">
        <v>258</v>
      </c>
      <c r="EA8" s="177">
        <v>231</v>
      </c>
      <c r="EB8" s="177">
        <v>134</v>
      </c>
      <c r="EC8" s="182">
        <v>1432</v>
      </c>
      <c r="ED8" s="181">
        <v>1762</v>
      </c>
      <c r="EE8" s="176">
        <v>40</v>
      </c>
      <c r="EF8" s="177">
        <v>26</v>
      </c>
      <c r="EG8" s="182">
        <v>66</v>
      </c>
      <c r="EH8" s="179">
        <v>0</v>
      </c>
      <c r="EI8" s="177">
        <v>140</v>
      </c>
      <c r="EJ8" s="177">
        <v>124</v>
      </c>
      <c r="EK8" s="177">
        <v>101</v>
      </c>
      <c r="EL8" s="177">
        <v>122</v>
      </c>
      <c r="EM8" s="177">
        <v>75</v>
      </c>
      <c r="EN8" s="182">
        <v>562</v>
      </c>
      <c r="EO8" s="181">
        <v>628</v>
      </c>
      <c r="EP8" s="176">
        <v>166</v>
      </c>
      <c r="EQ8" s="177">
        <v>261</v>
      </c>
      <c r="ER8" s="182">
        <v>427</v>
      </c>
      <c r="ES8" s="179">
        <v>0</v>
      </c>
      <c r="ET8" s="177">
        <v>760</v>
      </c>
      <c r="EU8" s="177">
        <v>635</v>
      </c>
      <c r="EV8" s="177">
        <v>295</v>
      </c>
      <c r="EW8" s="177">
        <v>254</v>
      </c>
      <c r="EX8" s="177">
        <v>135</v>
      </c>
      <c r="EY8" s="182">
        <v>2079</v>
      </c>
      <c r="EZ8" s="181">
        <v>2506</v>
      </c>
    </row>
    <row r="9" spans="2:156" ht="21" customHeight="1" x14ac:dyDescent="0.2">
      <c r="B9" s="92" t="s">
        <v>14</v>
      </c>
      <c r="C9" s="176">
        <v>0</v>
      </c>
      <c r="D9" s="177">
        <v>0</v>
      </c>
      <c r="E9" s="178">
        <v>0</v>
      </c>
      <c r="F9" s="179">
        <v>0</v>
      </c>
      <c r="G9" s="177">
        <v>52</v>
      </c>
      <c r="H9" s="177">
        <v>91</v>
      </c>
      <c r="I9" s="177">
        <v>46</v>
      </c>
      <c r="J9" s="177">
        <v>31</v>
      </c>
      <c r="K9" s="177">
        <v>36</v>
      </c>
      <c r="L9" s="180">
        <v>256</v>
      </c>
      <c r="M9" s="181">
        <v>256</v>
      </c>
      <c r="N9" s="176">
        <v>0</v>
      </c>
      <c r="O9" s="177">
        <v>0</v>
      </c>
      <c r="P9" s="182">
        <v>0</v>
      </c>
      <c r="Q9" s="179">
        <v>0</v>
      </c>
      <c r="R9" s="177">
        <v>0</v>
      </c>
      <c r="S9" s="177">
        <v>2</v>
      </c>
      <c r="T9" s="177">
        <v>4</v>
      </c>
      <c r="U9" s="177">
        <v>9</v>
      </c>
      <c r="V9" s="177">
        <v>11</v>
      </c>
      <c r="W9" s="182">
        <v>26</v>
      </c>
      <c r="X9" s="181">
        <v>26</v>
      </c>
      <c r="Y9" s="176">
        <v>3</v>
      </c>
      <c r="Z9" s="177">
        <v>24</v>
      </c>
      <c r="AA9" s="182">
        <v>27</v>
      </c>
      <c r="AB9" s="179">
        <v>0</v>
      </c>
      <c r="AC9" s="177">
        <v>42</v>
      </c>
      <c r="AD9" s="177">
        <v>69</v>
      </c>
      <c r="AE9" s="177">
        <v>48</v>
      </c>
      <c r="AF9" s="177">
        <v>35</v>
      </c>
      <c r="AG9" s="177">
        <v>24</v>
      </c>
      <c r="AH9" s="182">
        <v>218</v>
      </c>
      <c r="AI9" s="181">
        <v>245</v>
      </c>
      <c r="AJ9" s="176">
        <v>0</v>
      </c>
      <c r="AK9" s="177">
        <v>3</v>
      </c>
      <c r="AL9" s="182">
        <v>3</v>
      </c>
      <c r="AM9" s="179">
        <v>0</v>
      </c>
      <c r="AN9" s="177">
        <v>0</v>
      </c>
      <c r="AO9" s="177">
        <v>6</v>
      </c>
      <c r="AP9" s="177">
        <v>1</v>
      </c>
      <c r="AQ9" s="177">
        <v>1</v>
      </c>
      <c r="AR9" s="177">
        <v>3</v>
      </c>
      <c r="AS9" s="182">
        <v>11</v>
      </c>
      <c r="AT9" s="181">
        <v>14</v>
      </c>
      <c r="AU9" s="176">
        <v>13</v>
      </c>
      <c r="AV9" s="177">
        <v>27</v>
      </c>
      <c r="AW9" s="182">
        <v>40</v>
      </c>
      <c r="AX9" s="179">
        <v>0</v>
      </c>
      <c r="AY9" s="177">
        <v>81</v>
      </c>
      <c r="AZ9" s="177">
        <v>117</v>
      </c>
      <c r="BA9" s="177">
        <v>92</v>
      </c>
      <c r="BB9" s="177">
        <v>87</v>
      </c>
      <c r="BC9" s="177">
        <v>68</v>
      </c>
      <c r="BD9" s="180">
        <v>445</v>
      </c>
      <c r="BE9" s="181">
        <v>485</v>
      </c>
      <c r="BF9" s="176">
        <v>0</v>
      </c>
      <c r="BG9" s="177">
        <v>0</v>
      </c>
      <c r="BH9" s="182">
        <v>0</v>
      </c>
      <c r="BI9" s="179">
        <v>0</v>
      </c>
      <c r="BJ9" s="177">
        <v>89</v>
      </c>
      <c r="BK9" s="177">
        <v>96</v>
      </c>
      <c r="BL9" s="177">
        <v>63</v>
      </c>
      <c r="BM9" s="177">
        <v>29</v>
      </c>
      <c r="BN9" s="177">
        <v>19</v>
      </c>
      <c r="BO9" s="182">
        <v>296</v>
      </c>
      <c r="BP9" s="181">
        <v>296</v>
      </c>
      <c r="BQ9" s="176">
        <v>6</v>
      </c>
      <c r="BR9" s="177">
        <v>9</v>
      </c>
      <c r="BS9" s="182">
        <v>15</v>
      </c>
      <c r="BT9" s="179">
        <v>0</v>
      </c>
      <c r="BU9" s="177">
        <v>9</v>
      </c>
      <c r="BV9" s="177">
        <v>20</v>
      </c>
      <c r="BW9" s="177">
        <v>14</v>
      </c>
      <c r="BX9" s="177">
        <v>11</v>
      </c>
      <c r="BY9" s="177">
        <v>3</v>
      </c>
      <c r="BZ9" s="182">
        <v>57</v>
      </c>
      <c r="CA9" s="181">
        <v>72</v>
      </c>
      <c r="CB9" s="176">
        <v>0</v>
      </c>
      <c r="CC9" s="177">
        <v>0</v>
      </c>
      <c r="CD9" s="182">
        <v>0</v>
      </c>
      <c r="CE9" s="179">
        <v>0</v>
      </c>
      <c r="CF9" s="177">
        <v>8</v>
      </c>
      <c r="CG9" s="177">
        <v>24</v>
      </c>
      <c r="CH9" s="177">
        <v>18</v>
      </c>
      <c r="CI9" s="177">
        <v>18</v>
      </c>
      <c r="CJ9" s="177">
        <v>9</v>
      </c>
      <c r="CK9" s="182">
        <v>77</v>
      </c>
      <c r="CL9" s="181">
        <v>77</v>
      </c>
      <c r="CM9" s="176">
        <v>0</v>
      </c>
      <c r="CN9" s="177">
        <v>0</v>
      </c>
      <c r="CO9" s="182">
        <v>0</v>
      </c>
      <c r="CP9" s="179">
        <v>0</v>
      </c>
      <c r="CQ9" s="177">
        <v>1</v>
      </c>
      <c r="CR9" s="177">
        <v>0</v>
      </c>
      <c r="CS9" s="177">
        <v>0</v>
      </c>
      <c r="CT9" s="177">
        <v>0</v>
      </c>
      <c r="CU9" s="177">
        <v>0</v>
      </c>
      <c r="CV9" s="182">
        <v>1</v>
      </c>
      <c r="CW9" s="181">
        <v>1</v>
      </c>
      <c r="CX9" s="176">
        <v>0</v>
      </c>
      <c r="CY9" s="177">
        <v>0</v>
      </c>
      <c r="CZ9" s="182">
        <v>0</v>
      </c>
      <c r="DA9" s="179">
        <v>0</v>
      </c>
      <c r="DB9" s="177">
        <v>0</v>
      </c>
      <c r="DC9" s="177">
        <v>0</v>
      </c>
      <c r="DD9" s="177">
        <v>0</v>
      </c>
      <c r="DE9" s="177">
        <v>0</v>
      </c>
      <c r="DF9" s="177">
        <v>0</v>
      </c>
      <c r="DG9" s="182">
        <v>0</v>
      </c>
      <c r="DH9" s="181">
        <v>0</v>
      </c>
      <c r="DI9" s="176">
        <v>0</v>
      </c>
      <c r="DJ9" s="177">
        <v>0</v>
      </c>
      <c r="DK9" s="182">
        <v>0</v>
      </c>
      <c r="DL9" s="179">
        <v>0</v>
      </c>
      <c r="DM9" s="177">
        <v>0</v>
      </c>
      <c r="DN9" s="177">
        <v>0</v>
      </c>
      <c r="DO9" s="177">
        <v>0</v>
      </c>
      <c r="DP9" s="177">
        <v>0</v>
      </c>
      <c r="DQ9" s="177">
        <v>0</v>
      </c>
      <c r="DR9" s="182">
        <v>0</v>
      </c>
      <c r="DS9" s="181">
        <v>0</v>
      </c>
      <c r="DT9" s="176">
        <v>34</v>
      </c>
      <c r="DU9" s="177">
        <v>92</v>
      </c>
      <c r="DV9" s="182">
        <v>126</v>
      </c>
      <c r="DW9" s="179">
        <v>0</v>
      </c>
      <c r="DX9" s="177">
        <v>95</v>
      </c>
      <c r="DY9" s="177">
        <v>205</v>
      </c>
      <c r="DZ9" s="177">
        <v>123</v>
      </c>
      <c r="EA9" s="177">
        <v>84</v>
      </c>
      <c r="EB9" s="177">
        <v>54</v>
      </c>
      <c r="EC9" s="182">
        <v>561</v>
      </c>
      <c r="ED9" s="181">
        <v>687</v>
      </c>
      <c r="EE9" s="176">
        <v>10</v>
      </c>
      <c r="EF9" s="177">
        <v>9</v>
      </c>
      <c r="EG9" s="182">
        <v>19</v>
      </c>
      <c r="EH9" s="179">
        <v>0</v>
      </c>
      <c r="EI9" s="177">
        <v>32</v>
      </c>
      <c r="EJ9" s="177">
        <v>44</v>
      </c>
      <c r="EK9" s="177">
        <v>29</v>
      </c>
      <c r="EL9" s="177">
        <v>27</v>
      </c>
      <c r="EM9" s="177">
        <v>20</v>
      </c>
      <c r="EN9" s="182">
        <v>152</v>
      </c>
      <c r="EO9" s="181">
        <v>171</v>
      </c>
      <c r="EP9" s="176">
        <v>41</v>
      </c>
      <c r="EQ9" s="177">
        <v>112</v>
      </c>
      <c r="ER9" s="182">
        <v>153</v>
      </c>
      <c r="ES9" s="179">
        <v>0</v>
      </c>
      <c r="ET9" s="177">
        <v>203</v>
      </c>
      <c r="EU9" s="177">
        <v>291</v>
      </c>
      <c r="EV9" s="177">
        <v>145</v>
      </c>
      <c r="EW9" s="177">
        <v>90</v>
      </c>
      <c r="EX9" s="177">
        <v>59</v>
      </c>
      <c r="EY9" s="182">
        <v>788</v>
      </c>
      <c r="EZ9" s="181">
        <v>941</v>
      </c>
    </row>
    <row r="10" spans="2:156" ht="21" customHeight="1" x14ac:dyDescent="0.2">
      <c r="B10" s="92" t="s">
        <v>7</v>
      </c>
      <c r="C10" s="176">
        <v>0</v>
      </c>
      <c r="D10" s="177">
        <v>0</v>
      </c>
      <c r="E10" s="178">
        <v>0</v>
      </c>
      <c r="F10" s="179">
        <v>0</v>
      </c>
      <c r="G10" s="177">
        <v>66</v>
      </c>
      <c r="H10" s="177">
        <v>38</v>
      </c>
      <c r="I10" s="177">
        <v>24</v>
      </c>
      <c r="J10" s="177">
        <v>20</v>
      </c>
      <c r="K10" s="177">
        <v>9</v>
      </c>
      <c r="L10" s="180">
        <v>157</v>
      </c>
      <c r="M10" s="181">
        <v>157</v>
      </c>
      <c r="N10" s="176">
        <v>0</v>
      </c>
      <c r="O10" s="177">
        <v>0</v>
      </c>
      <c r="P10" s="182">
        <v>0</v>
      </c>
      <c r="Q10" s="179">
        <v>0</v>
      </c>
      <c r="R10" s="177">
        <v>1</v>
      </c>
      <c r="S10" s="177">
        <v>1</v>
      </c>
      <c r="T10" s="177">
        <v>2</v>
      </c>
      <c r="U10" s="177">
        <v>8</v>
      </c>
      <c r="V10" s="177">
        <v>11</v>
      </c>
      <c r="W10" s="182">
        <v>23</v>
      </c>
      <c r="X10" s="181">
        <v>23</v>
      </c>
      <c r="Y10" s="176">
        <v>1</v>
      </c>
      <c r="Z10" s="177">
        <v>3</v>
      </c>
      <c r="AA10" s="182">
        <v>4</v>
      </c>
      <c r="AB10" s="179">
        <v>0</v>
      </c>
      <c r="AC10" s="177">
        <v>38</v>
      </c>
      <c r="AD10" s="177">
        <v>23</v>
      </c>
      <c r="AE10" s="177">
        <v>24</v>
      </c>
      <c r="AF10" s="177">
        <v>22</v>
      </c>
      <c r="AG10" s="177">
        <v>11</v>
      </c>
      <c r="AH10" s="182">
        <v>118</v>
      </c>
      <c r="AI10" s="181">
        <v>122</v>
      </c>
      <c r="AJ10" s="176">
        <v>1</v>
      </c>
      <c r="AK10" s="177">
        <v>1</v>
      </c>
      <c r="AL10" s="182">
        <v>2</v>
      </c>
      <c r="AM10" s="179">
        <v>0</v>
      </c>
      <c r="AN10" s="177">
        <v>4</v>
      </c>
      <c r="AO10" s="177">
        <v>5</v>
      </c>
      <c r="AP10" s="177">
        <v>2</v>
      </c>
      <c r="AQ10" s="177">
        <v>4</v>
      </c>
      <c r="AR10" s="177">
        <v>0</v>
      </c>
      <c r="AS10" s="182">
        <v>15</v>
      </c>
      <c r="AT10" s="181">
        <v>17</v>
      </c>
      <c r="AU10" s="176">
        <v>19</v>
      </c>
      <c r="AV10" s="177">
        <v>13</v>
      </c>
      <c r="AW10" s="182">
        <v>32</v>
      </c>
      <c r="AX10" s="179">
        <v>0</v>
      </c>
      <c r="AY10" s="177">
        <v>82</v>
      </c>
      <c r="AZ10" s="177">
        <v>52</v>
      </c>
      <c r="BA10" s="177">
        <v>49</v>
      </c>
      <c r="BB10" s="177">
        <v>54</v>
      </c>
      <c r="BC10" s="177">
        <v>25</v>
      </c>
      <c r="BD10" s="180">
        <v>262</v>
      </c>
      <c r="BE10" s="181">
        <v>294</v>
      </c>
      <c r="BF10" s="176">
        <v>0</v>
      </c>
      <c r="BG10" s="177">
        <v>0</v>
      </c>
      <c r="BH10" s="182">
        <v>0</v>
      </c>
      <c r="BI10" s="179">
        <v>0</v>
      </c>
      <c r="BJ10" s="177">
        <v>80</v>
      </c>
      <c r="BK10" s="177">
        <v>40</v>
      </c>
      <c r="BL10" s="177">
        <v>20</v>
      </c>
      <c r="BM10" s="177">
        <v>6</v>
      </c>
      <c r="BN10" s="177">
        <v>3</v>
      </c>
      <c r="BO10" s="182">
        <v>149</v>
      </c>
      <c r="BP10" s="181">
        <v>149</v>
      </c>
      <c r="BQ10" s="176">
        <v>0</v>
      </c>
      <c r="BR10" s="177">
        <v>2</v>
      </c>
      <c r="BS10" s="182">
        <v>2</v>
      </c>
      <c r="BT10" s="179">
        <v>0</v>
      </c>
      <c r="BU10" s="177">
        <v>15</v>
      </c>
      <c r="BV10" s="177">
        <v>10</v>
      </c>
      <c r="BW10" s="177">
        <v>7</v>
      </c>
      <c r="BX10" s="177">
        <v>6</v>
      </c>
      <c r="BY10" s="177">
        <v>0</v>
      </c>
      <c r="BZ10" s="182">
        <v>38</v>
      </c>
      <c r="CA10" s="181">
        <v>40</v>
      </c>
      <c r="CB10" s="176">
        <v>0</v>
      </c>
      <c r="CC10" s="177">
        <v>0</v>
      </c>
      <c r="CD10" s="182">
        <v>0</v>
      </c>
      <c r="CE10" s="179">
        <v>0</v>
      </c>
      <c r="CF10" s="177">
        <v>19</v>
      </c>
      <c r="CG10" s="177">
        <v>7</v>
      </c>
      <c r="CH10" s="177">
        <v>8</v>
      </c>
      <c r="CI10" s="177">
        <v>9</v>
      </c>
      <c r="CJ10" s="177">
        <v>3</v>
      </c>
      <c r="CK10" s="182">
        <v>46</v>
      </c>
      <c r="CL10" s="181">
        <v>46</v>
      </c>
      <c r="CM10" s="176">
        <v>0</v>
      </c>
      <c r="CN10" s="177">
        <v>0</v>
      </c>
      <c r="CO10" s="182">
        <v>0</v>
      </c>
      <c r="CP10" s="179">
        <v>0</v>
      </c>
      <c r="CQ10" s="177">
        <v>0</v>
      </c>
      <c r="CR10" s="177">
        <v>1</v>
      </c>
      <c r="CS10" s="177">
        <v>2</v>
      </c>
      <c r="CT10" s="177">
        <v>0</v>
      </c>
      <c r="CU10" s="177">
        <v>0</v>
      </c>
      <c r="CV10" s="182">
        <v>3</v>
      </c>
      <c r="CW10" s="181">
        <v>3</v>
      </c>
      <c r="CX10" s="176">
        <v>0</v>
      </c>
      <c r="CY10" s="177">
        <v>0</v>
      </c>
      <c r="CZ10" s="182">
        <v>0</v>
      </c>
      <c r="DA10" s="179">
        <v>0</v>
      </c>
      <c r="DB10" s="177">
        <v>0</v>
      </c>
      <c r="DC10" s="177">
        <v>0</v>
      </c>
      <c r="DD10" s="177">
        <v>0</v>
      </c>
      <c r="DE10" s="177">
        <v>0</v>
      </c>
      <c r="DF10" s="177">
        <v>0</v>
      </c>
      <c r="DG10" s="182">
        <v>0</v>
      </c>
      <c r="DH10" s="181">
        <v>0</v>
      </c>
      <c r="DI10" s="176">
        <v>0</v>
      </c>
      <c r="DJ10" s="177">
        <v>0</v>
      </c>
      <c r="DK10" s="182">
        <v>0</v>
      </c>
      <c r="DL10" s="179">
        <v>0</v>
      </c>
      <c r="DM10" s="177">
        <v>0</v>
      </c>
      <c r="DN10" s="177">
        <v>0</v>
      </c>
      <c r="DO10" s="177">
        <v>0</v>
      </c>
      <c r="DP10" s="177">
        <v>0</v>
      </c>
      <c r="DQ10" s="177">
        <v>0</v>
      </c>
      <c r="DR10" s="182">
        <v>0</v>
      </c>
      <c r="DS10" s="181">
        <v>0</v>
      </c>
      <c r="DT10" s="176">
        <v>26</v>
      </c>
      <c r="DU10" s="177">
        <v>23</v>
      </c>
      <c r="DV10" s="182">
        <v>49</v>
      </c>
      <c r="DW10" s="179">
        <v>0</v>
      </c>
      <c r="DX10" s="177">
        <v>97</v>
      </c>
      <c r="DY10" s="177">
        <v>90</v>
      </c>
      <c r="DZ10" s="177">
        <v>59</v>
      </c>
      <c r="EA10" s="177">
        <v>42</v>
      </c>
      <c r="EB10" s="177">
        <v>20</v>
      </c>
      <c r="EC10" s="182">
        <v>308</v>
      </c>
      <c r="ED10" s="181">
        <v>357</v>
      </c>
      <c r="EE10" s="176">
        <v>15</v>
      </c>
      <c r="EF10" s="177">
        <v>6</v>
      </c>
      <c r="EG10" s="182">
        <v>21</v>
      </c>
      <c r="EH10" s="179">
        <v>0</v>
      </c>
      <c r="EI10" s="177">
        <v>33</v>
      </c>
      <c r="EJ10" s="177">
        <v>21</v>
      </c>
      <c r="EK10" s="177">
        <v>21</v>
      </c>
      <c r="EL10" s="177">
        <v>22</v>
      </c>
      <c r="EM10" s="177">
        <v>12</v>
      </c>
      <c r="EN10" s="182">
        <v>109</v>
      </c>
      <c r="EO10" s="181">
        <v>130</v>
      </c>
      <c r="EP10" s="176">
        <v>28</v>
      </c>
      <c r="EQ10" s="177">
        <v>26</v>
      </c>
      <c r="ER10" s="182">
        <v>54</v>
      </c>
      <c r="ES10" s="179">
        <v>0</v>
      </c>
      <c r="ET10" s="177">
        <v>218</v>
      </c>
      <c r="EU10" s="177">
        <v>118</v>
      </c>
      <c r="EV10" s="177">
        <v>69</v>
      </c>
      <c r="EW10" s="177">
        <v>45</v>
      </c>
      <c r="EX10" s="177">
        <v>20</v>
      </c>
      <c r="EY10" s="182">
        <v>470</v>
      </c>
      <c r="EZ10" s="181">
        <v>524</v>
      </c>
    </row>
    <row r="11" spans="2:156" ht="21" customHeight="1" x14ac:dyDescent="0.2">
      <c r="B11" s="92" t="s">
        <v>8</v>
      </c>
      <c r="C11" s="176">
        <v>0</v>
      </c>
      <c r="D11" s="177">
        <v>0</v>
      </c>
      <c r="E11" s="178">
        <v>0</v>
      </c>
      <c r="F11" s="179">
        <v>0</v>
      </c>
      <c r="G11" s="177">
        <v>14</v>
      </c>
      <c r="H11" s="177">
        <v>27</v>
      </c>
      <c r="I11" s="177">
        <v>22</v>
      </c>
      <c r="J11" s="177">
        <v>12</v>
      </c>
      <c r="K11" s="177">
        <v>10</v>
      </c>
      <c r="L11" s="180">
        <v>85</v>
      </c>
      <c r="M11" s="181">
        <v>85</v>
      </c>
      <c r="N11" s="176">
        <v>0</v>
      </c>
      <c r="O11" s="177">
        <v>0</v>
      </c>
      <c r="P11" s="182">
        <v>0</v>
      </c>
      <c r="Q11" s="179">
        <v>0</v>
      </c>
      <c r="R11" s="177">
        <v>0</v>
      </c>
      <c r="S11" s="177">
        <v>2</v>
      </c>
      <c r="T11" s="177">
        <v>1</v>
      </c>
      <c r="U11" s="177">
        <v>2</v>
      </c>
      <c r="V11" s="177">
        <v>3</v>
      </c>
      <c r="W11" s="182">
        <v>8</v>
      </c>
      <c r="X11" s="181">
        <v>8</v>
      </c>
      <c r="Y11" s="176">
        <v>6</v>
      </c>
      <c r="Z11" s="177">
        <v>6</v>
      </c>
      <c r="AA11" s="182">
        <v>12</v>
      </c>
      <c r="AB11" s="179">
        <v>0</v>
      </c>
      <c r="AC11" s="177">
        <v>17</v>
      </c>
      <c r="AD11" s="177">
        <v>31</v>
      </c>
      <c r="AE11" s="177">
        <v>15</v>
      </c>
      <c r="AF11" s="177">
        <v>11</v>
      </c>
      <c r="AG11" s="177">
        <v>13</v>
      </c>
      <c r="AH11" s="182">
        <v>87</v>
      </c>
      <c r="AI11" s="181">
        <v>99</v>
      </c>
      <c r="AJ11" s="176">
        <v>0</v>
      </c>
      <c r="AK11" s="177">
        <v>0</v>
      </c>
      <c r="AL11" s="182">
        <v>0</v>
      </c>
      <c r="AM11" s="179">
        <v>0</v>
      </c>
      <c r="AN11" s="177">
        <v>4</v>
      </c>
      <c r="AO11" s="177">
        <v>4</v>
      </c>
      <c r="AP11" s="177">
        <v>3</v>
      </c>
      <c r="AQ11" s="177">
        <v>3</v>
      </c>
      <c r="AR11" s="177">
        <v>0</v>
      </c>
      <c r="AS11" s="182">
        <v>14</v>
      </c>
      <c r="AT11" s="181">
        <v>14</v>
      </c>
      <c r="AU11" s="176">
        <v>3</v>
      </c>
      <c r="AV11" s="177">
        <v>4</v>
      </c>
      <c r="AW11" s="182">
        <v>7</v>
      </c>
      <c r="AX11" s="179">
        <v>0</v>
      </c>
      <c r="AY11" s="177">
        <v>32</v>
      </c>
      <c r="AZ11" s="177">
        <v>35</v>
      </c>
      <c r="BA11" s="177">
        <v>32</v>
      </c>
      <c r="BB11" s="177">
        <v>27</v>
      </c>
      <c r="BC11" s="177">
        <v>24</v>
      </c>
      <c r="BD11" s="180">
        <v>150</v>
      </c>
      <c r="BE11" s="181">
        <v>157</v>
      </c>
      <c r="BF11" s="176">
        <v>0</v>
      </c>
      <c r="BG11" s="177">
        <v>0</v>
      </c>
      <c r="BH11" s="182">
        <v>0</v>
      </c>
      <c r="BI11" s="179">
        <v>0</v>
      </c>
      <c r="BJ11" s="177">
        <v>26</v>
      </c>
      <c r="BK11" s="177">
        <v>28</v>
      </c>
      <c r="BL11" s="177">
        <v>18</v>
      </c>
      <c r="BM11" s="177">
        <v>7</v>
      </c>
      <c r="BN11" s="177">
        <v>7</v>
      </c>
      <c r="BO11" s="182">
        <v>86</v>
      </c>
      <c r="BP11" s="181">
        <v>86</v>
      </c>
      <c r="BQ11" s="176">
        <v>3</v>
      </c>
      <c r="BR11" s="177">
        <v>3</v>
      </c>
      <c r="BS11" s="182">
        <v>6</v>
      </c>
      <c r="BT11" s="179">
        <v>0</v>
      </c>
      <c r="BU11" s="177">
        <v>15</v>
      </c>
      <c r="BV11" s="177">
        <v>8</v>
      </c>
      <c r="BW11" s="177">
        <v>12</v>
      </c>
      <c r="BX11" s="177">
        <v>3</v>
      </c>
      <c r="BY11" s="177">
        <v>3</v>
      </c>
      <c r="BZ11" s="182">
        <v>41</v>
      </c>
      <c r="CA11" s="181">
        <v>47</v>
      </c>
      <c r="CB11" s="176">
        <v>1</v>
      </c>
      <c r="CC11" s="177">
        <v>0</v>
      </c>
      <c r="CD11" s="182">
        <v>1</v>
      </c>
      <c r="CE11" s="179">
        <v>0</v>
      </c>
      <c r="CF11" s="177">
        <v>7</v>
      </c>
      <c r="CG11" s="177">
        <v>12</v>
      </c>
      <c r="CH11" s="177">
        <v>13</v>
      </c>
      <c r="CI11" s="177">
        <v>3</v>
      </c>
      <c r="CJ11" s="177">
        <v>3</v>
      </c>
      <c r="CK11" s="182">
        <v>38</v>
      </c>
      <c r="CL11" s="181">
        <v>39</v>
      </c>
      <c r="CM11" s="176">
        <v>0</v>
      </c>
      <c r="CN11" s="177">
        <v>0</v>
      </c>
      <c r="CO11" s="182">
        <v>0</v>
      </c>
      <c r="CP11" s="179">
        <v>0</v>
      </c>
      <c r="CQ11" s="177">
        <v>1</v>
      </c>
      <c r="CR11" s="177">
        <v>1</v>
      </c>
      <c r="CS11" s="177">
        <v>0</v>
      </c>
      <c r="CT11" s="177">
        <v>1</v>
      </c>
      <c r="CU11" s="177">
        <v>1</v>
      </c>
      <c r="CV11" s="182">
        <v>4</v>
      </c>
      <c r="CW11" s="181">
        <v>4</v>
      </c>
      <c r="CX11" s="176">
        <v>0</v>
      </c>
      <c r="CY11" s="177">
        <v>0</v>
      </c>
      <c r="CZ11" s="182">
        <v>0</v>
      </c>
      <c r="DA11" s="179">
        <v>0</v>
      </c>
      <c r="DB11" s="177">
        <v>0</v>
      </c>
      <c r="DC11" s="177">
        <v>0</v>
      </c>
      <c r="DD11" s="177">
        <v>0</v>
      </c>
      <c r="DE11" s="177">
        <v>0</v>
      </c>
      <c r="DF11" s="177">
        <v>0</v>
      </c>
      <c r="DG11" s="182">
        <v>0</v>
      </c>
      <c r="DH11" s="181">
        <v>0</v>
      </c>
      <c r="DI11" s="176">
        <v>0</v>
      </c>
      <c r="DJ11" s="177">
        <v>0</v>
      </c>
      <c r="DK11" s="182">
        <v>0</v>
      </c>
      <c r="DL11" s="179">
        <v>0</v>
      </c>
      <c r="DM11" s="177">
        <v>0</v>
      </c>
      <c r="DN11" s="177">
        <v>0</v>
      </c>
      <c r="DO11" s="177">
        <v>0</v>
      </c>
      <c r="DP11" s="177">
        <v>0</v>
      </c>
      <c r="DQ11" s="177">
        <v>0</v>
      </c>
      <c r="DR11" s="182">
        <v>0</v>
      </c>
      <c r="DS11" s="181">
        <v>0</v>
      </c>
      <c r="DT11" s="176">
        <v>19</v>
      </c>
      <c r="DU11" s="177">
        <v>21</v>
      </c>
      <c r="DV11" s="182">
        <v>40</v>
      </c>
      <c r="DW11" s="179">
        <v>0</v>
      </c>
      <c r="DX11" s="177">
        <v>46</v>
      </c>
      <c r="DY11" s="177">
        <v>80</v>
      </c>
      <c r="DZ11" s="177">
        <v>51</v>
      </c>
      <c r="EA11" s="177">
        <v>26</v>
      </c>
      <c r="EB11" s="177">
        <v>17</v>
      </c>
      <c r="EC11" s="182">
        <v>220</v>
      </c>
      <c r="ED11" s="181">
        <v>260</v>
      </c>
      <c r="EE11" s="176">
        <v>3</v>
      </c>
      <c r="EF11" s="177">
        <v>2</v>
      </c>
      <c r="EG11" s="182">
        <v>5</v>
      </c>
      <c r="EH11" s="179">
        <v>0</v>
      </c>
      <c r="EI11" s="177">
        <v>15</v>
      </c>
      <c r="EJ11" s="177">
        <v>14</v>
      </c>
      <c r="EK11" s="177">
        <v>5</v>
      </c>
      <c r="EL11" s="177">
        <v>9</v>
      </c>
      <c r="EM11" s="177">
        <v>7</v>
      </c>
      <c r="EN11" s="182">
        <v>50</v>
      </c>
      <c r="EO11" s="181">
        <v>55</v>
      </c>
      <c r="EP11" s="176">
        <v>29</v>
      </c>
      <c r="EQ11" s="177">
        <v>23</v>
      </c>
      <c r="ER11" s="182">
        <v>52</v>
      </c>
      <c r="ES11" s="179">
        <v>0</v>
      </c>
      <c r="ET11" s="177">
        <v>97</v>
      </c>
      <c r="EU11" s="177">
        <v>97</v>
      </c>
      <c r="EV11" s="177">
        <v>58</v>
      </c>
      <c r="EW11" s="177">
        <v>28</v>
      </c>
      <c r="EX11" s="177">
        <v>19</v>
      </c>
      <c r="EY11" s="182">
        <v>299</v>
      </c>
      <c r="EZ11" s="181">
        <v>351</v>
      </c>
    </row>
    <row r="12" spans="2:156" ht="21" customHeight="1" x14ac:dyDescent="0.2">
      <c r="B12" s="92" t="s">
        <v>9</v>
      </c>
      <c r="C12" s="176">
        <v>0</v>
      </c>
      <c r="D12" s="177">
        <v>0</v>
      </c>
      <c r="E12" s="178">
        <v>0</v>
      </c>
      <c r="F12" s="179">
        <v>0</v>
      </c>
      <c r="G12" s="177">
        <v>71</v>
      </c>
      <c r="H12" s="177">
        <v>63</v>
      </c>
      <c r="I12" s="177">
        <v>44</v>
      </c>
      <c r="J12" s="177">
        <v>33</v>
      </c>
      <c r="K12" s="177">
        <v>20</v>
      </c>
      <c r="L12" s="180">
        <v>231</v>
      </c>
      <c r="M12" s="181">
        <v>231</v>
      </c>
      <c r="N12" s="176">
        <v>0</v>
      </c>
      <c r="O12" s="177">
        <v>0</v>
      </c>
      <c r="P12" s="182">
        <v>0</v>
      </c>
      <c r="Q12" s="179">
        <v>0</v>
      </c>
      <c r="R12" s="177">
        <v>1</v>
      </c>
      <c r="S12" s="177">
        <v>0</v>
      </c>
      <c r="T12" s="177">
        <v>1</v>
      </c>
      <c r="U12" s="177">
        <v>6</v>
      </c>
      <c r="V12" s="177">
        <v>6</v>
      </c>
      <c r="W12" s="182">
        <v>14</v>
      </c>
      <c r="X12" s="181">
        <v>14</v>
      </c>
      <c r="Y12" s="176">
        <v>11</v>
      </c>
      <c r="Z12" s="177">
        <v>18</v>
      </c>
      <c r="AA12" s="182">
        <v>29</v>
      </c>
      <c r="AB12" s="179">
        <v>0</v>
      </c>
      <c r="AC12" s="177">
        <v>51</v>
      </c>
      <c r="AD12" s="177">
        <v>48</v>
      </c>
      <c r="AE12" s="177">
        <v>33</v>
      </c>
      <c r="AF12" s="177">
        <v>29</v>
      </c>
      <c r="AG12" s="177">
        <v>17</v>
      </c>
      <c r="AH12" s="182">
        <v>178</v>
      </c>
      <c r="AI12" s="181">
        <v>207</v>
      </c>
      <c r="AJ12" s="176">
        <v>0</v>
      </c>
      <c r="AK12" s="177">
        <v>0</v>
      </c>
      <c r="AL12" s="182">
        <v>0</v>
      </c>
      <c r="AM12" s="179">
        <v>0</v>
      </c>
      <c r="AN12" s="177">
        <v>6</v>
      </c>
      <c r="AO12" s="177">
        <v>8</v>
      </c>
      <c r="AP12" s="177">
        <v>3</v>
      </c>
      <c r="AQ12" s="177">
        <v>4</v>
      </c>
      <c r="AR12" s="177">
        <v>3</v>
      </c>
      <c r="AS12" s="182">
        <v>24</v>
      </c>
      <c r="AT12" s="181">
        <v>24</v>
      </c>
      <c r="AU12" s="176">
        <v>15</v>
      </c>
      <c r="AV12" s="177">
        <v>12</v>
      </c>
      <c r="AW12" s="182">
        <v>27</v>
      </c>
      <c r="AX12" s="179">
        <v>0</v>
      </c>
      <c r="AY12" s="177">
        <v>70</v>
      </c>
      <c r="AZ12" s="177">
        <v>74</v>
      </c>
      <c r="BA12" s="177">
        <v>72</v>
      </c>
      <c r="BB12" s="177">
        <v>74</v>
      </c>
      <c r="BC12" s="177">
        <v>41</v>
      </c>
      <c r="BD12" s="180">
        <v>331</v>
      </c>
      <c r="BE12" s="181">
        <v>358</v>
      </c>
      <c r="BF12" s="176">
        <v>0</v>
      </c>
      <c r="BG12" s="177">
        <v>0</v>
      </c>
      <c r="BH12" s="182">
        <v>0</v>
      </c>
      <c r="BI12" s="179">
        <v>0</v>
      </c>
      <c r="BJ12" s="177">
        <v>79</v>
      </c>
      <c r="BK12" s="177">
        <v>50</v>
      </c>
      <c r="BL12" s="177">
        <v>29</v>
      </c>
      <c r="BM12" s="177">
        <v>13</v>
      </c>
      <c r="BN12" s="177">
        <v>4</v>
      </c>
      <c r="BO12" s="182">
        <v>175</v>
      </c>
      <c r="BP12" s="181">
        <v>175</v>
      </c>
      <c r="BQ12" s="176">
        <v>7</v>
      </c>
      <c r="BR12" s="177">
        <v>11</v>
      </c>
      <c r="BS12" s="182">
        <v>18</v>
      </c>
      <c r="BT12" s="179">
        <v>0</v>
      </c>
      <c r="BU12" s="177">
        <v>24</v>
      </c>
      <c r="BV12" s="177">
        <v>8</v>
      </c>
      <c r="BW12" s="177">
        <v>9</v>
      </c>
      <c r="BX12" s="177">
        <v>8</v>
      </c>
      <c r="BY12" s="177">
        <v>3</v>
      </c>
      <c r="BZ12" s="182">
        <v>52</v>
      </c>
      <c r="CA12" s="181">
        <v>70</v>
      </c>
      <c r="CB12" s="176">
        <v>1</v>
      </c>
      <c r="CC12" s="177">
        <v>0</v>
      </c>
      <c r="CD12" s="182">
        <v>1</v>
      </c>
      <c r="CE12" s="179">
        <v>0</v>
      </c>
      <c r="CF12" s="177">
        <v>5</v>
      </c>
      <c r="CG12" s="177">
        <v>5</v>
      </c>
      <c r="CH12" s="177">
        <v>11</v>
      </c>
      <c r="CI12" s="177">
        <v>7</v>
      </c>
      <c r="CJ12" s="177">
        <v>4</v>
      </c>
      <c r="CK12" s="182">
        <v>32</v>
      </c>
      <c r="CL12" s="181">
        <v>33</v>
      </c>
      <c r="CM12" s="176">
        <v>0</v>
      </c>
      <c r="CN12" s="177">
        <v>0</v>
      </c>
      <c r="CO12" s="182">
        <v>0</v>
      </c>
      <c r="CP12" s="179">
        <v>0</v>
      </c>
      <c r="CQ12" s="177">
        <v>1</v>
      </c>
      <c r="CR12" s="177">
        <v>3</v>
      </c>
      <c r="CS12" s="177">
        <v>3</v>
      </c>
      <c r="CT12" s="177">
        <v>3</v>
      </c>
      <c r="CU12" s="177">
        <v>1</v>
      </c>
      <c r="CV12" s="182">
        <v>11</v>
      </c>
      <c r="CW12" s="181">
        <v>11</v>
      </c>
      <c r="CX12" s="176">
        <v>0</v>
      </c>
      <c r="CY12" s="177">
        <v>0</v>
      </c>
      <c r="CZ12" s="182">
        <v>0</v>
      </c>
      <c r="DA12" s="179">
        <v>0</v>
      </c>
      <c r="DB12" s="177">
        <v>0</v>
      </c>
      <c r="DC12" s="177">
        <v>0</v>
      </c>
      <c r="DD12" s="177">
        <v>0</v>
      </c>
      <c r="DE12" s="177">
        <v>0</v>
      </c>
      <c r="DF12" s="177">
        <v>0</v>
      </c>
      <c r="DG12" s="182">
        <v>0</v>
      </c>
      <c r="DH12" s="181">
        <v>0</v>
      </c>
      <c r="DI12" s="176">
        <v>0</v>
      </c>
      <c r="DJ12" s="177">
        <v>0</v>
      </c>
      <c r="DK12" s="182">
        <v>0</v>
      </c>
      <c r="DL12" s="179">
        <v>0</v>
      </c>
      <c r="DM12" s="177">
        <v>0</v>
      </c>
      <c r="DN12" s="177">
        <v>0</v>
      </c>
      <c r="DO12" s="177">
        <v>0</v>
      </c>
      <c r="DP12" s="177">
        <v>0</v>
      </c>
      <c r="DQ12" s="177">
        <v>0</v>
      </c>
      <c r="DR12" s="182">
        <v>0</v>
      </c>
      <c r="DS12" s="181">
        <v>0</v>
      </c>
      <c r="DT12" s="176">
        <v>30</v>
      </c>
      <c r="DU12" s="177">
        <v>45</v>
      </c>
      <c r="DV12" s="182">
        <v>75</v>
      </c>
      <c r="DW12" s="179">
        <v>0</v>
      </c>
      <c r="DX12" s="177">
        <v>99</v>
      </c>
      <c r="DY12" s="177">
        <v>118</v>
      </c>
      <c r="DZ12" s="177">
        <v>71</v>
      </c>
      <c r="EA12" s="177">
        <v>53</v>
      </c>
      <c r="EB12" s="177">
        <v>28</v>
      </c>
      <c r="EC12" s="182">
        <v>369</v>
      </c>
      <c r="ED12" s="181">
        <v>444</v>
      </c>
      <c r="EE12" s="176">
        <v>14</v>
      </c>
      <c r="EF12" s="177">
        <v>9</v>
      </c>
      <c r="EG12" s="182">
        <v>23</v>
      </c>
      <c r="EH12" s="179">
        <v>0</v>
      </c>
      <c r="EI12" s="177">
        <v>41</v>
      </c>
      <c r="EJ12" s="177">
        <v>30</v>
      </c>
      <c r="EK12" s="177">
        <v>32</v>
      </c>
      <c r="EL12" s="177">
        <v>25</v>
      </c>
      <c r="EM12" s="177">
        <v>18</v>
      </c>
      <c r="EN12" s="182">
        <v>146</v>
      </c>
      <c r="EO12" s="181">
        <v>169</v>
      </c>
      <c r="EP12" s="176">
        <v>48</v>
      </c>
      <c r="EQ12" s="177">
        <v>59</v>
      </c>
      <c r="ER12" s="182">
        <v>107</v>
      </c>
      <c r="ES12" s="179">
        <v>0</v>
      </c>
      <c r="ET12" s="177">
        <v>200</v>
      </c>
      <c r="EU12" s="177">
        <v>156</v>
      </c>
      <c r="EV12" s="177">
        <v>88</v>
      </c>
      <c r="EW12" s="177">
        <v>65</v>
      </c>
      <c r="EX12" s="177">
        <v>27</v>
      </c>
      <c r="EY12" s="182">
        <v>536</v>
      </c>
      <c r="EZ12" s="181">
        <v>643</v>
      </c>
    </row>
    <row r="13" spans="2:156" ht="21" customHeight="1" x14ac:dyDescent="0.2">
      <c r="B13" s="92" t="s">
        <v>10</v>
      </c>
      <c r="C13" s="176">
        <v>0</v>
      </c>
      <c r="D13" s="177">
        <v>0</v>
      </c>
      <c r="E13" s="178">
        <v>0</v>
      </c>
      <c r="F13" s="179">
        <v>0</v>
      </c>
      <c r="G13" s="177">
        <v>89</v>
      </c>
      <c r="H13" s="177">
        <v>58</v>
      </c>
      <c r="I13" s="177">
        <v>36</v>
      </c>
      <c r="J13" s="177">
        <v>38</v>
      </c>
      <c r="K13" s="177">
        <v>27</v>
      </c>
      <c r="L13" s="180">
        <v>248</v>
      </c>
      <c r="M13" s="181">
        <v>248</v>
      </c>
      <c r="N13" s="176">
        <v>0</v>
      </c>
      <c r="O13" s="177">
        <v>0</v>
      </c>
      <c r="P13" s="182">
        <v>0</v>
      </c>
      <c r="Q13" s="179">
        <v>0</v>
      </c>
      <c r="R13" s="177">
        <v>0</v>
      </c>
      <c r="S13" s="177">
        <v>2</v>
      </c>
      <c r="T13" s="177">
        <v>2</v>
      </c>
      <c r="U13" s="177">
        <v>3</v>
      </c>
      <c r="V13" s="177">
        <v>6</v>
      </c>
      <c r="W13" s="182">
        <v>13</v>
      </c>
      <c r="X13" s="181">
        <v>13</v>
      </c>
      <c r="Y13" s="176">
        <v>16</v>
      </c>
      <c r="Z13" s="177">
        <v>34</v>
      </c>
      <c r="AA13" s="182">
        <v>50</v>
      </c>
      <c r="AB13" s="179">
        <v>0</v>
      </c>
      <c r="AC13" s="177">
        <v>72</v>
      </c>
      <c r="AD13" s="177">
        <v>43</v>
      </c>
      <c r="AE13" s="177">
        <v>28</v>
      </c>
      <c r="AF13" s="177">
        <v>32</v>
      </c>
      <c r="AG13" s="177">
        <v>13</v>
      </c>
      <c r="AH13" s="182">
        <v>188</v>
      </c>
      <c r="AI13" s="181">
        <v>238</v>
      </c>
      <c r="AJ13" s="176">
        <v>0</v>
      </c>
      <c r="AK13" s="177">
        <v>7</v>
      </c>
      <c r="AL13" s="182">
        <v>7</v>
      </c>
      <c r="AM13" s="179">
        <v>0</v>
      </c>
      <c r="AN13" s="177">
        <v>14</v>
      </c>
      <c r="AO13" s="177">
        <v>9</v>
      </c>
      <c r="AP13" s="177">
        <v>3</v>
      </c>
      <c r="AQ13" s="177">
        <v>4</v>
      </c>
      <c r="AR13" s="177">
        <v>2</v>
      </c>
      <c r="AS13" s="182">
        <v>32</v>
      </c>
      <c r="AT13" s="181">
        <v>39</v>
      </c>
      <c r="AU13" s="176">
        <v>25</v>
      </c>
      <c r="AV13" s="177">
        <v>29</v>
      </c>
      <c r="AW13" s="182">
        <v>54</v>
      </c>
      <c r="AX13" s="179">
        <v>0</v>
      </c>
      <c r="AY13" s="177">
        <v>99</v>
      </c>
      <c r="AZ13" s="177">
        <v>84</v>
      </c>
      <c r="BA13" s="177">
        <v>85</v>
      </c>
      <c r="BB13" s="177">
        <v>75</v>
      </c>
      <c r="BC13" s="177">
        <v>71</v>
      </c>
      <c r="BD13" s="180">
        <v>414</v>
      </c>
      <c r="BE13" s="181">
        <v>468</v>
      </c>
      <c r="BF13" s="176">
        <v>0</v>
      </c>
      <c r="BG13" s="177">
        <v>0</v>
      </c>
      <c r="BH13" s="182">
        <v>0</v>
      </c>
      <c r="BI13" s="179">
        <v>0</v>
      </c>
      <c r="BJ13" s="177">
        <v>122</v>
      </c>
      <c r="BK13" s="177">
        <v>55</v>
      </c>
      <c r="BL13" s="177">
        <v>36</v>
      </c>
      <c r="BM13" s="177">
        <v>20</v>
      </c>
      <c r="BN13" s="177">
        <v>9</v>
      </c>
      <c r="BO13" s="182">
        <v>242</v>
      </c>
      <c r="BP13" s="181">
        <v>242</v>
      </c>
      <c r="BQ13" s="176">
        <v>5</v>
      </c>
      <c r="BR13" s="177">
        <v>3</v>
      </c>
      <c r="BS13" s="182">
        <v>8</v>
      </c>
      <c r="BT13" s="179">
        <v>0</v>
      </c>
      <c r="BU13" s="177">
        <v>21</v>
      </c>
      <c r="BV13" s="177">
        <v>14</v>
      </c>
      <c r="BW13" s="177">
        <v>13</v>
      </c>
      <c r="BX13" s="177">
        <v>5</v>
      </c>
      <c r="BY13" s="177">
        <v>2</v>
      </c>
      <c r="BZ13" s="182">
        <v>55</v>
      </c>
      <c r="CA13" s="181">
        <v>63</v>
      </c>
      <c r="CB13" s="176">
        <v>0</v>
      </c>
      <c r="CC13" s="177">
        <v>2</v>
      </c>
      <c r="CD13" s="182">
        <v>2</v>
      </c>
      <c r="CE13" s="179">
        <v>0</v>
      </c>
      <c r="CF13" s="177">
        <v>16</v>
      </c>
      <c r="CG13" s="177">
        <v>13</v>
      </c>
      <c r="CH13" s="177">
        <v>14</v>
      </c>
      <c r="CI13" s="177">
        <v>5</v>
      </c>
      <c r="CJ13" s="177">
        <v>3</v>
      </c>
      <c r="CK13" s="182">
        <v>51</v>
      </c>
      <c r="CL13" s="181">
        <v>53</v>
      </c>
      <c r="CM13" s="176">
        <v>0</v>
      </c>
      <c r="CN13" s="177">
        <v>0</v>
      </c>
      <c r="CO13" s="182">
        <v>0</v>
      </c>
      <c r="CP13" s="179">
        <v>0</v>
      </c>
      <c r="CQ13" s="177">
        <v>1</v>
      </c>
      <c r="CR13" s="177">
        <v>1</v>
      </c>
      <c r="CS13" s="177">
        <v>2</v>
      </c>
      <c r="CT13" s="177">
        <v>1</v>
      </c>
      <c r="CU13" s="177">
        <v>1</v>
      </c>
      <c r="CV13" s="182">
        <v>6</v>
      </c>
      <c r="CW13" s="181">
        <v>6</v>
      </c>
      <c r="CX13" s="176">
        <v>0</v>
      </c>
      <c r="CY13" s="177">
        <v>0</v>
      </c>
      <c r="CZ13" s="182">
        <v>0</v>
      </c>
      <c r="DA13" s="179">
        <v>0</v>
      </c>
      <c r="DB13" s="177">
        <v>0</v>
      </c>
      <c r="DC13" s="177">
        <v>0</v>
      </c>
      <c r="DD13" s="177">
        <v>0</v>
      </c>
      <c r="DE13" s="177">
        <v>0</v>
      </c>
      <c r="DF13" s="177">
        <v>0</v>
      </c>
      <c r="DG13" s="182">
        <v>0</v>
      </c>
      <c r="DH13" s="181">
        <v>0</v>
      </c>
      <c r="DI13" s="176">
        <v>0</v>
      </c>
      <c r="DJ13" s="177">
        <v>0</v>
      </c>
      <c r="DK13" s="182">
        <v>0</v>
      </c>
      <c r="DL13" s="179">
        <v>0</v>
      </c>
      <c r="DM13" s="177">
        <v>0</v>
      </c>
      <c r="DN13" s="177">
        <v>0</v>
      </c>
      <c r="DO13" s="177">
        <v>0</v>
      </c>
      <c r="DP13" s="177">
        <v>0</v>
      </c>
      <c r="DQ13" s="177">
        <v>0</v>
      </c>
      <c r="DR13" s="182">
        <v>0</v>
      </c>
      <c r="DS13" s="181">
        <v>0</v>
      </c>
      <c r="DT13" s="176">
        <v>64</v>
      </c>
      <c r="DU13" s="177">
        <v>99</v>
      </c>
      <c r="DV13" s="182">
        <v>163</v>
      </c>
      <c r="DW13" s="179">
        <v>0</v>
      </c>
      <c r="DX13" s="177">
        <v>131</v>
      </c>
      <c r="DY13" s="177">
        <v>111</v>
      </c>
      <c r="DZ13" s="177">
        <v>76</v>
      </c>
      <c r="EA13" s="177">
        <v>63</v>
      </c>
      <c r="EB13" s="177">
        <v>37</v>
      </c>
      <c r="EC13" s="182">
        <v>418</v>
      </c>
      <c r="ED13" s="181">
        <v>581</v>
      </c>
      <c r="EE13" s="176">
        <v>10</v>
      </c>
      <c r="EF13" s="177">
        <v>11</v>
      </c>
      <c r="EG13" s="182">
        <v>21</v>
      </c>
      <c r="EH13" s="179">
        <v>0</v>
      </c>
      <c r="EI13" s="177">
        <v>32</v>
      </c>
      <c r="EJ13" s="177">
        <v>23</v>
      </c>
      <c r="EK13" s="177">
        <v>25</v>
      </c>
      <c r="EL13" s="177">
        <v>24</v>
      </c>
      <c r="EM13" s="177">
        <v>25</v>
      </c>
      <c r="EN13" s="182">
        <v>129</v>
      </c>
      <c r="EO13" s="181">
        <v>150</v>
      </c>
      <c r="EP13" s="176">
        <v>77</v>
      </c>
      <c r="EQ13" s="177">
        <v>114</v>
      </c>
      <c r="ER13" s="182">
        <v>191</v>
      </c>
      <c r="ES13" s="179">
        <v>0</v>
      </c>
      <c r="ET13" s="177">
        <v>260</v>
      </c>
      <c r="EU13" s="177">
        <v>141</v>
      </c>
      <c r="EV13" s="177">
        <v>92</v>
      </c>
      <c r="EW13" s="177">
        <v>64</v>
      </c>
      <c r="EX13" s="177">
        <v>36</v>
      </c>
      <c r="EY13" s="182">
        <v>593</v>
      </c>
      <c r="EZ13" s="181">
        <v>784</v>
      </c>
    </row>
    <row r="14" spans="2:156" ht="21" customHeight="1" x14ac:dyDescent="0.2">
      <c r="B14" s="92" t="s">
        <v>11</v>
      </c>
      <c r="C14" s="176">
        <v>0</v>
      </c>
      <c r="D14" s="177">
        <v>0</v>
      </c>
      <c r="E14" s="178">
        <v>0</v>
      </c>
      <c r="F14" s="179">
        <v>0</v>
      </c>
      <c r="G14" s="177">
        <v>22</v>
      </c>
      <c r="H14" s="177">
        <v>14</v>
      </c>
      <c r="I14" s="177">
        <v>3</v>
      </c>
      <c r="J14" s="177">
        <v>8</v>
      </c>
      <c r="K14" s="177">
        <v>5</v>
      </c>
      <c r="L14" s="180">
        <v>52</v>
      </c>
      <c r="M14" s="181">
        <v>52</v>
      </c>
      <c r="N14" s="176">
        <v>0</v>
      </c>
      <c r="O14" s="177">
        <v>0</v>
      </c>
      <c r="P14" s="182">
        <v>0</v>
      </c>
      <c r="Q14" s="179">
        <v>0</v>
      </c>
      <c r="R14" s="177">
        <v>0</v>
      </c>
      <c r="S14" s="177">
        <v>3</v>
      </c>
      <c r="T14" s="177">
        <v>0</v>
      </c>
      <c r="U14" s="177">
        <v>3</v>
      </c>
      <c r="V14" s="177">
        <v>1</v>
      </c>
      <c r="W14" s="182">
        <v>7</v>
      </c>
      <c r="X14" s="181">
        <v>7</v>
      </c>
      <c r="Y14" s="176">
        <v>4</v>
      </c>
      <c r="Z14" s="177">
        <v>3</v>
      </c>
      <c r="AA14" s="182">
        <v>7</v>
      </c>
      <c r="AB14" s="179">
        <v>0</v>
      </c>
      <c r="AC14" s="177">
        <v>24</v>
      </c>
      <c r="AD14" s="177">
        <v>24</v>
      </c>
      <c r="AE14" s="177">
        <v>5</v>
      </c>
      <c r="AF14" s="177">
        <v>13</v>
      </c>
      <c r="AG14" s="177">
        <v>7</v>
      </c>
      <c r="AH14" s="182">
        <v>73</v>
      </c>
      <c r="AI14" s="181">
        <v>80</v>
      </c>
      <c r="AJ14" s="176">
        <v>0</v>
      </c>
      <c r="AK14" s="177">
        <v>0</v>
      </c>
      <c r="AL14" s="182">
        <v>0</v>
      </c>
      <c r="AM14" s="179">
        <v>0</v>
      </c>
      <c r="AN14" s="177">
        <v>1</v>
      </c>
      <c r="AO14" s="177">
        <v>4</v>
      </c>
      <c r="AP14" s="177">
        <v>2</v>
      </c>
      <c r="AQ14" s="177">
        <v>1</v>
      </c>
      <c r="AR14" s="177">
        <v>1</v>
      </c>
      <c r="AS14" s="182">
        <v>9</v>
      </c>
      <c r="AT14" s="181">
        <v>9</v>
      </c>
      <c r="AU14" s="176">
        <v>5</v>
      </c>
      <c r="AV14" s="177">
        <v>4</v>
      </c>
      <c r="AW14" s="182">
        <v>9</v>
      </c>
      <c r="AX14" s="179">
        <v>0</v>
      </c>
      <c r="AY14" s="177">
        <v>25</v>
      </c>
      <c r="AZ14" s="177">
        <v>34</v>
      </c>
      <c r="BA14" s="177">
        <v>20</v>
      </c>
      <c r="BB14" s="177">
        <v>24</v>
      </c>
      <c r="BC14" s="177">
        <v>16</v>
      </c>
      <c r="BD14" s="180">
        <v>119</v>
      </c>
      <c r="BE14" s="181">
        <v>128</v>
      </c>
      <c r="BF14" s="176">
        <v>0</v>
      </c>
      <c r="BG14" s="177">
        <v>0</v>
      </c>
      <c r="BH14" s="182">
        <v>0</v>
      </c>
      <c r="BI14" s="179">
        <v>0</v>
      </c>
      <c r="BJ14" s="177">
        <v>20</v>
      </c>
      <c r="BK14" s="177">
        <v>16</v>
      </c>
      <c r="BL14" s="177">
        <v>8</v>
      </c>
      <c r="BM14" s="177">
        <v>7</v>
      </c>
      <c r="BN14" s="177">
        <v>4</v>
      </c>
      <c r="BO14" s="182">
        <v>55</v>
      </c>
      <c r="BP14" s="181">
        <v>55</v>
      </c>
      <c r="BQ14" s="176">
        <v>4</v>
      </c>
      <c r="BR14" s="177">
        <v>8</v>
      </c>
      <c r="BS14" s="182">
        <v>12</v>
      </c>
      <c r="BT14" s="179">
        <v>0</v>
      </c>
      <c r="BU14" s="177">
        <v>10</v>
      </c>
      <c r="BV14" s="177">
        <v>9</v>
      </c>
      <c r="BW14" s="177">
        <v>5</v>
      </c>
      <c r="BX14" s="177">
        <v>5</v>
      </c>
      <c r="BY14" s="177">
        <v>1</v>
      </c>
      <c r="BZ14" s="182">
        <v>30</v>
      </c>
      <c r="CA14" s="181">
        <v>42</v>
      </c>
      <c r="CB14" s="176">
        <v>0</v>
      </c>
      <c r="CC14" s="177">
        <v>0</v>
      </c>
      <c r="CD14" s="182">
        <v>0</v>
      </c>
      <c r="CE14" s="179">
        <v>0</v>
      </c>
      <c r="CF14" s="177">
        <v>2</v>
      </c>
      <c r="CG14" s="177">
        <v>1</v>
      </c>
      <c r="CH14" s="177">
        <v>1</v>
      </c>
      <c r="CI14" s="177">
        <v>3</v>
      </c>
      <c r="CJ14" s="177">
        <v>3</v>
      </c>
      <c r="CK14" s="182">
        <v>10</v>
      </c>
      <c r="CL14" s="181">
        <v>10</v>
      </c>
      <c r="CM14" s="176">
        <v>0</v>
      </c>
      <c r="CN14" s="177">
        <v>0</v>
      </c>
      <c r="CO14" s="182">
        <v>0</v>
      </c>
      <c r="CP14" s="179">
        <v>0</v>
      </c>
      <c r="CQ14" s="177">
        <v>0</v>
      </c>
      <c r="CR14" s="177">
        <v>0</v>
      </c>
      <c r="CS14" s="177">
        <v>1</v>
      </c>
      <c r="CT14" s="177">
        <v>1</v>
      </c>
      <c r="CU14" s="177">
        <v>2</v>
      </c>
      <c r="CV14" s="182">
        <v>4</v>
      </c>
      <c r="CW14" s="181">
        <v>4</v>
      </c>
      <c r="CX14" s="176">
        <v>0</v>
      </c>
      <c r="CY14" s="177">
        <v>0</v>
      </c>
      <c r="CZ14" s="182">
        <v>0</v>
      </c>
      <c r="DA14" s="179">
        <v>0</v>
      </c>
      <c r="DB14" s="177">
        <v>0</v>
      </c>
      <c r="DC14" s="177">
        <v>0</v>
      </c>
      <c r="DD14" s="177">
        <v>0</v>
      </c>
      <c r="DE14" s="177">
        <v>0</v>
      </c>
      <c r="DF14" s="177">
        <v>0</v>
      </c>
      <c r="DG14" s="182">
        <v>0</v>
      </c>
      <c r="DH14" s="181">
        <v>0</v>
      </c>
      <c r="DI14" s="176">
        <v>0</v>
      </c>
      <c r="DJ14" s="177">
        <v>0</v>
      </c>
      <c r="DK14" s="182">
        <v>0</v>
      </c>
      <c r="DL14" s="179">
        <v>0</v>
      </c>
      <c r="DM14" s="177">
        <v>0</v>
      </c>
      <c r="DN14" s="177">
        <v>0</v>
      </c>
      <c r="DO14" s="177">
        <v>0</v>
      </c>
      <c r="DP14" s="177">
        <v>0</v>
      </c>
      <c r="DQ14" s="177">
        <v>0</v>
      </c>
      <c r="DR14" s="182">
        <v>0</v>
      </c>
      <c r="DS14" s="181">
        <v>0</v>
      </c>
      <c r="DT14" s="176">
        <v>20</v>
      </c>
      <c r="DU14" s="177">
        <v>27</v>
      </c>
      <c r="DV14" s="182">
        <v>47</v>
      </c>
      <c r="DW14" s="179">
        <v>0</v>
      </c>
      <c r="DX14" s="177">
        <v>42</v>
      </c>
      <c r="DY14" s="177">
        <v>56</v>
      </c>
      <c r="DZ14" s="177">
        <v>24</v>
      </c>
      <c r="EA14" s="177">
        <v>28</v>
      </c>
      <c r="EB14" s="177">
        <v>10</v>
      </c>
      <c r="EC14" s="182">
        <v>160</v>
      </c>
      <c r="ED14" s="181">
        <v>207</v>
      </c>
      <c r="EE14" s="176">
        <v>5</v>
      </c>
      <c r="EF14" s="177">
        <v>3</v>
      </c>
      <c r="EG14" s="182">
        <v>8</v>
      </c>
      <c r="EH14" s="179">
        <v>0</v>
      </c>
      <c r="EI14" s="177">
        <v>22</v>
      </c>
      <c r="EJ14" s="177">
        <v>13</v>
      </c>
      <c r="EK14" s="177">
        <v>10</v>
      </c>
      <c r="EL14" s="177">
        <v>18</v>
      </c>
      <c r="EM14" s="177">
        <v>11</v>
      </c>
      <c r="EN14" s="182">
        <v>74</v>
      </c>
      <c r="EO14" s="181">
        <v>82</v>
      </c>
      <c r="EP14" s="176">
        <v>27</v>
      </c>
      <c r="EQ14" s="177">
        <v>31</v>
      </c>
      <c r="ER14" s="182">
        <v>58</v>
      </c>
      <c r="ES14" s="179">
        <v>0</v>
      </c>
      <c r="ET14" s="177">
        <v>87</v>
      </c>
      <c r="EU14" s="177">
        <v>70</v>
      </c>
      <c r="EV14" s="177">
        <v>26</v>
      </c>
      <c r="EW14" s="177">
        <v>30</v>
      </c>
      <c r="EX14" s="177">
        <v>11</v>
      </c>
      <c r="EY14" s="182">
        <v>224</v>
      </c>
      <c r="EZ14" s="181">
        <v>282</v>
      </c>
    </row>
    <row r="15" spans="2:156" ht="21" customHeight="1" x14ac:dyDescent="0.2">
      <c r="B15" s="92" t="s">
        <v>12</v>
      </c>
      <c r="C15" s="176">
        <v>0</v>
      </c>
      <c r="D15" s="177">
        <v>0</v>
      </c>
      <c r="E15" s="178">
        <v>0</v>
      </c>
      <c r="F15" s="179">
        <v>0</v>
      </c>
      <c r="G15" s="177">
        <v>35</v>
      </c>
      <c r="H15" s="177">
        <v>28</v>
      </c>
      <c r="I15" s="177">
        <v>21</v>
      </c>
      <c r="J15" s="177">
        <v>13</v>
      </c>
      <c r="K15" s="177">
        <v>12</v>
      </c>
      <c r="L15" s="180">
        <v>109</v>
      </c>
      <c r="M15" s="181">
        <v>109</v>
      </c>
      <c r="N15" s="176">
        <v>0</v>
      </c>
      <c r="O15" s="177">
        <v>0</v>
      </c>
      <c r="P15" s="182">
        <v>0</v>
      </c>
      <c r="Q15" s="179">
        <v>0</v>
      </c>
      <c r="R15" s="177">
        <v>0</v>
      </c>
      <c r="S15" s="177">
        <v>3</v>
      </c>
      <c r="T15" s="177">
        <v>1</v>
      </c>
      <c r="U15" s="177">
        <v>5</v>
      </c>
      <c r="V15" s="177">
        <v>4</v>
      </c>
      <c r="W15" s="182">
        <v>13</v>
      </c>
      <c r="X15" s="181">
        <v>13</v>
      </c>
      <c r="Y15" s="176">
        <v>12</v>
      </c>
      <c r="Z15" s="177">
        <v>26</v>
      </c>
      <c r="AA15" s="182">
        <v>38</v>
      </c>
      <c r="AB15" s="179">
        <v>0</v>
      </c>
      <c r="AC15" s="177">
        <v>24</v>
      </c>
      <c r="AD15" s="177">
        <v>34</v>
      </c>
      <c r="AE15" s="177">
        <v>8</v>
      </c>
      <c r="AF15" s="177">
        <v>17</v>
      </c>
      <c r="AG15" s="177">
        <v>13</v>
      </c>
      <c r="AH15" s="182">
        <v>96</v>
      </c>
      <c r="AI15" s="181">
        <v>134</v>
      </c>
      <c r="AJ15" s="176">
        <v>2</v>
      </c>
      <c r="AK15" s="177">
        <v>1</v>
      </c>
      <c r="AL15" s="182">
        <v>3</v>
      </c>
      <c r="AM15" s="179">
        <v>0</v>
      </c>
      <c r="AN15" s="177">
        <v>3</v>
      </c>
      <c r="AO15" s="177">
        <v>1</v>
      </c>
      <c r="AP15" s="177">
        <v>1</v>
      </c>
      <c r="AQ15" s="177">
        <v>4</v>
      </c>
      <c r="AR15" s="177">
        <v>1</v>
      </c>
      <c r="AS15" s="182">
        <v>10</v>
      </c>
      <c r="AT15" s="181">
        <v>13</v>
      </c>
      <c r="AU15" s="176">
        <v>5</v>
      </c>
      <c r="AV15" s="177">
        <v>10</v>
      </c>
      <c r="AW15" s="182">
        <v>15</v>
      </c>
      <c r="AX15" s="179">
        <v>0</v>
      </c>
      <c r="AY15" s="177">
        <v>23</v>
      </c>
      <c r="AZ15" s="177">
        <v>31</v>
      </c>
      <c r="BA15" s="177">
        <v>30</v>
      </c>
      <c r="BB15" s="177">
        <v>33</v>
      </c>
      <c r="BC15" s="177">
        <v>21</v>
      </c>
      <c r="BD15" s="180">
        <v>138</v>
      </c>
      <c r="BE15" s="181">
        <v>153</v>
      </c>
      <c r="BF15" s="176">
        <v>0</v>
      </c>
      <c r="BG15" s="177">
        <v>0</v>
      </c>
      <c r="BH15" s="182">
        <v>0</v>
      </c>
      <c r="BI15" s="179">
        <v>0</v>
      </c>
      <c r="BJ15" s="177">
        <v>42</v>
      </c>
      <c r="BK15" s="177">
        <v>37</v>
      </c>
      <c r="BL15" s="177">
        <v>19</v>
      </c>
      <c r="BM15" s="177">
        <v>6</v>
      </c>
      <c r="BN15" s="177">
        <v>8</v>
      </c>
      <c r="BO15" s="182">
        <v>112</v>
      </c>
      <c r="BP15" s="181">
        <v>112</v>
      </c>
      <c r="BQ15" s="176">
        <v>7</v>
      </c>
      <c r="BR15" s="177">
        <v>10</v>
      </c>
      <c r="BS15" s="182">
        <v>17</v>
      </c>
      <c r="BT15" s="179">
        <v>0</v>
      </c>
      <c r="BU15" s="177">
        <v>14</v>
      </c>
      <c r="BV15" s="177">
        <v>10</v>
      </c>
      <c r="BW15" s="177">
        <v>9</v>
      </c>
      <c r="BX15" s="177">
        <v>2</v>
      </c>
      <c r="BY15" s="177">
        <v>1</v>
      </c>
      <c r="BZ15" s="182">
        <v>36</v>
      </c>
      <c r="CA15" s="181">
        <v>53</v>
      </c>
      <c r="CB15" s="176">
        <v>1</v>
      </c>
      <c r="CC15" s="177">
        <v>2</v>
      </c>
      <c r="CD15" s="182">
        <v>3</v>
      </c>
      <c r="CE15" s="179">
        <v>0</v>
      </c>
      <c r="CF15" s="177">
        <v>7</v>
      </c>
      <c r="CG15" s="177">
        <v>6</v>
      </c>
      <c r="CH15" s="177">
        <v>7</v>
      </c>
      <c r="CI15" s="177">
        <v>5</v>
      </c>
      <c r="CJ15" s="177">
        <v>2</v>
      </c>
      <c r="CK15" s="182">
        <v>27</v>
      </c>
      <c r="CL15" s="181">
        <v>30</v>
      </c>
      <c r="CM15" s="176">
        <v>0</v>
      </c>
      <c r="CN15" s="177">
        <v>0</v>
      </c>
      <c r="CO15" s="182">
        <v>0</v>
      </c>
      <c r="CP15" s="179">
        <v>0</v>
      </c>
      <c r="CQ15" s="177">
        <v>0</v>
      </c>
      <c r="CR15" s="177">
        <v>0</v>
      </c>
      <c r="CS15" s="177">
        <v>2</v>
      </c>
      <c r="CT15" s="177">
        <v>0</v>
      </c>
      <c r="CU15" s="177">
        <v>2</v>
      </c>
      <c r="CV15" s="182">
        <v>4</v>
      </c>
      <c r="CW15" s="181">
        <v>4</v>
      </c>
      <c r="CX15" s="176">
        <v>0</v>
      </c>
      <c r="CY15" s="177">
        <v>0</v>
      </c>
      <c r="CZ15" s="182">
        <v>0</v>
      </c>
      <c r="DA15" s="179">
        <v>0</v>
      </c>
      <c r="DB15" s="177">
        <v>0</v>
      </c>
      <c r="DC15" s="177">
        <v>0</v>
      </c>
      <c r="DD15" s="177">
        <v>0</v>
      </c>
      <c r="DE15" s="177">
        <v>0</v>
      </c>
      <c r="DF15" s="177">
        <v>0</v>
      </c>
      <c r="DG15" s="182">
        <v>0</v>
      </c>
      <c r="DH15" s="181">
        <v>0</v>
      </c>
      <c r="DI15" s="176">
        <v>0</v>
      </c>
      <c r="DJ15" s="177">
        <v>0</v>
      </c>
      <c r="DK15" s="182">
        <v>0</v>
      </c>
      <c r="DL15" s="179">
        <v>0</v>
      </c>
      <c r="DM15" s="177">
        <v>0</v>
      </c>
      <c r="DN15" s="177">
        <v>0</v>
      </c>
      <c r="DO15" s="177">
        <v>0</v>
      </c>
      <c r="DP15" s="177">
        <v>0</v>
      </c>
      <c r="DQ15" s="177">
        <v>0</v>
      </c>
      <c r="DR15" s="182">
        <v>0</v>
      </c>
      <c r="DS15" s="181">
        <v>0</v>
      </c>
      <c r="DT15" s="176">
        <v>24</v>
      </c>
      <c r="DU15" s="177">
        <v>68</v>
      </c>
      <c r="DV15" s="182">
        <v>92</v>
      </c>
      <c r="DW15" s="179">
        <v>0</v>
      </c>
      <c r="DX15" s="177">
        <v>39</v>
      </c>
      <c r="DY15" s="177">
        <v>70</v>
      </c>
      <c r="DZ15" s="177">
        <v>43</v>
      </c>
      <c r="EA15" s="177">
        <v>47</v>
      </c>
      <c r="EB15" s="177">
        <v>22</v>
      </c>
      <c r="EC15" s="182">
        <v>221</v>
      </c>
      <c r="ED15" s="181">
        <v>313</v>
      </c>
      <c r="EE15" s="176">
        <v>5</v>
      </c>
      <c r="EF15" s="177">
        <v>7</v>
      </c>
      <c r="EG15" s="182">
        <v>12</v>
      </c>
      <c r="EH15" s="179">
        <v>0</v>
      </c>
      <c r="EI15" s="177">
        <v>10</v>
      </c>
      <c r="EJ15" s="177">
        <v>12</v>
      </c>
      <c r="EK15" s="177">
        <v>14</v>
      </c>
      <c r="EL15" s="177">
        <v>14</v>
      </c>
      <c r="EM15" s="177">
        <v>10</v>
      </c>
      <c r="EN15" s="182">
        <v>60</v>
      </c>
      <c r="EO15" s="181">
        <v>72</v>
      </c>
      <c r="EP15" s="176">
        <v>43</v>
      </c>
      <c r="EQ15" s="177">
        <v>81</v>
      </c>
      <c r="ER15" s="182">
        <v>124</v>
      </c>
      <c r="ES15" s="179">
        <v>0</v>
      </c>
      <c r="ET15" s="177">
        <v>99</v>
      </c>
      <c r="EU15" s="177">
        <v>89</v>
      </c>
      <c r="EV15" s="177">
        <v>49</v>
      </c>
      <c r="EW15" s="177">
        <v>46</v>
      </c>
      <c r="EX15" s="177">
        <v>22</v>
      </c>
      <c r="EY15" s="182">
        <v>305</v>
      </c>
      <c r="EZ15" s="181">
        <v>429</v>
      </c>
    </row>
    <row r="16" spans="2:156" ht="21" customHeight="1" x14ac:dyDescent="0.2">
      <c r="B16" s="92" t="s">
        <v>13</v>
      </c>
      <c r="C16" s="176">
        <v>0</v>
      </c>
      <c r="D16" s="177">
        <v>0</v>
      </c>
      <c r="E16" s="178">
        <v>0</v>
      </c>
      <c r="F16" s="179">
        <v>0</v>
      </c>
      <c r="G16" s="177">
        <v>25</v>
      </c>
      <c r="H16" s="177">
        <v>26</v>
      </c>
      <c r="I16" s="177">
        <v>17</v>
      </c>
      <c r="J16" s="177">
        <v>8</v>
      </c>
      <c r="K16" s="177">
        <v>16</v>
      </c>
      <c r="L16" s="180">
        <v>92</v>
      </c>
      <c r="M16" s="181">
        <v>92</v>
      </c>
      <c r="N16" s="176">
        <v>0</v>
      </c>
      <c r="O16" s="177">
        <v>0</v>
      </c>
      <c r="P16" s="182">
        <v>0</v>
      </c>
      <c r="Q16" s="179">
        <v>0</v>
      </c>
      <c r="R16" s="177">
        <v>0</v>
      </c>
      <c r="S16" s="177">
        <v>1</v>
      </c>
      <c r="T16" s="177">
        <v>0</v>
      </c>
      <c r="U16" s="177">
        <v>1</v>
      </c>
      <c r="V16" s="177">
        <v>5</v>
      </c>
      <c r="W16" s="182">
        <v>7</v>
      </c>
      <c r="X16" s="181">
        <v>7</v>
      </c>
      <c r="Y16" s="176">
        <v>1</v>
      </c>
      <c r="Z16" s="177">
        <v>6</v>
      </c>
      <c r="AA16" s="182">
        <v>7</v>
      </c>
      <c r="AB16" s="179">
        <v>0</v>
      </c>
      <c r="AC16" s="177">
        <v>13</v>
      </c>
      <c r="AD16" s="177">
        <v>29</v>
      </c>
      <c r="AE16" s="177">
        <v>9</v>
      </c>
      <c r="AF16" s="177">
        <v>5</v>
      </c>
      <c r="AG16" s="177">
        <v>8</v>
      </c>
      <c r="AH16" s="182">
        <v>64</v>
      </c>
      <c r="AI16" s="181">
        <v>71</v>
      </c>
      <c r="AJ16" s="176">
        <v>0</v>
      </c>
      <c r="AK16" s="177">
        <v>0</v>
      </c>
      <c r="AL16" s="182">
        <v>0</v>
      </c>
      <c r="AM16" s="179">
        <v>0</v>
      </c>
      <c r="AN16" s="177">
        <v>1</v>
      </c>
      <c r="AO16" s="177">
        <v>3</v>
      </c>
      <c r="AP16" s="177">
        <v>1</v>
      </c>
      <c r="AQ16" s="177">
        <v>0</v>
      </c>
      <c r="AR16" s="177">
        <v>4</v>
      </c>
      <c r="AS16" s="182">
        <v>9</v>
      </c>
      <c r="AT16" s="181">
        <v>9</v>
      </c>
      <c r="AU16" s="176">
        <v>6</v>
      </c>
      <c r="AV16" s="177">
        <v>4</v>
      </c>
      <c r="AW16" s="182">
        <v>10</v>
      </c>
      <c r="AX16" s="179">
        <v>0</v>
      </c>
      <c r="AY16" s="177">
        <v>18</v>
      </c>
      <c r="AZ16" s="177">
        <v>35</v>
      </c>
      <c r="BA16" s="177">
        <v>16</v>
      </c>
      <c r="BB16" s="177">
        <v>12</v>
      </c>
      <c r="BC16" s="177">
        <v>24</v>
      </c>
      <c r="BD16" s="180">
        <v>105</v>
      </c>
      <c r="BE16" s="181">
        <v>115</v>
      </c>
      <c r="BF16" s="176">
        <v>0</v>
      </c>
      <c r="BG16" s="177">
        <v>0</v>
      </c>
      <c r="BH16" s="182">
        <v>0</v>
      </c>
      <c r="BI16" s="179">
        <v>0</v>
      </c>
      <c r="BJ16" s="177">
        <v>19</v>
      </c>
      <c r="BK16" s="177">
        <v>16</v>
      </c>
      <c r="BL16" s="177">
        <v>7</v>
      </c>
      <c r="BM16" s="177">
        <v>4</v>
      </c>
      <c r="BN16" s="177">
        <v>3</v>
      </c>
      <c r="BO16" s="182">
        <v>49</v>
      </c>
      <c r="BP16" s="181">
        <v>49</v>
      </c>
      <c r="BQ16" s="176">
        <v>1</v>
      </c>
      <c r="BR16" s="177">
        <v>0</v>
      </c>
      <c r="BS16" s="182">
        <v>1</v>
      </c>
      <c r="BT16" s="179">
        <v>0</v>
      </c>
      <c r="BU16" s="177">
        <v>3</v>
      </c>
      <c r="BV16" s="177">
        <v>3</v>
      </c>
      <c r="BW16" s="177">
        <v>2</v>
      </c>
      <c r="BX16" s="177">
        <v>3</v>
      </c>
      <c r="BY16" s="177">
        <v>0</v>
      </c>
      <c r="BZ16" s="182">
        <v>11</v>
      </c>
      <c r="CA16" s="181">
        <v>12</v>
      </c>
      <c r="CB16" s="176">
        <v>1</v>
      </c>
      <c r="CC16" s="177">
        <v>0</v>
      </c>
      <c r="CD16" s="182">
        <v>1</v>
      </c>
      <c r="CE16" s="179">
        <v>0</v>
      </c>
      <c r="CF16" s="177">
        <v>0</v>
      </c>
      <c r="CG16" s="177">
        <v>4</v>
      </c>
      <c r="CH16" s="177">
        <v>2</v>
      </c>
      <c r="CI16" s="177">
        <v>0</v>
      </c>
      <c r="CJ16" s="177">
        <v>0</v>
      </c>
      <c r="CK16" s="182">
        <v>6</v>
      </c>
      <c r="CL16" s="181">
        <v>7</v>
      </c>
      <c r="CM16" s="176">
        <v>0</v>
      </c>
      <c r="CN16" s="177">
        <v>0</v>
      </c>
      <c r="CO16" s="182">
        <v>0</v>
      </c>
      <c r="CP16" s="179">
        <v>0</v>
      </c>
      <c r="CQ16" s="177">
        <v>0</v>
      </c>
      <c r="CR16" s="177">
        <v>0</v>
      </c>
      <c r="CS16" s="177">
        <v>1</v>
      </c>
      <c r="CT16" s="177">
        <v>1</v>
      </c>
      <c r="CU16" s="177">
        <v>0</v>
      </c>
      <c r="CV16" s="182">
        <v>2</v>
      </c>
      <c r="CW16" s="181">
        <v>2</v>
      </c>
      <c r="CX16" s="176">
        <v>0</v>
      </c>
      <c r="CY16" s="177">
        <v>0</v>
      </c>
      <c r="CZ16" s="182">
        <v>0</v>
      </c>
      <c r="DA16" s="179">
        <v>0</v>
      </c>
      <c r="DB16" s="177">
        <v>0</v>
      </c>
      <c r="DC16" s="177">
        <v>0</v>
      </c>
      <c r="DD16" s="177">
        <v>0</v>
      </c>
      <c r="DE16" s="177">
        <v>0</v>
      </c>
      <c r="DF16" s="177">
        <v>0</v>
      </c>
      <c r="DG16" s="182">
        <v>0</v>
      </c>
      <c r="DH16" s="181">
        <v>0</v>
      </c>
      <c r="DI16" s="176">
        <v>0</v>
      </c>
      <c r="DJ16" s="177">
        <v>0</v>
      </c>
      <c r="DK16" s="182">
        <v>0</v>
      </c>
      <c r="DL16" s="179">
        <v>0</v>
      </c>
      <c r="DM16" s="177">
        <v>0</v>
      </c>
      <c r="DN16" s="177">
        <v>0</v>
      </c>
      <c r="DO16" s="177">
        <v>0</v>
      </c>
      <c r="DP16" s="177">
        <v>0</v>
      </c>
      <c r="DQ16" s="177">
        <v>0</v>
      </c>
      <c r="DR16" s="182">
        <v>0</v>
      </c>
      <c r="DS16" s="181">
        <v>0</v>
      </c>
      <c r="DT16" s="176">
        <v>4</v>
      </c>
      <c r="DU16" s="177">
        <v>15</v>
      </c>
      <c r="DV16" s="182">
        <v>19</v>
      </c>
      <c r="DW16" s="179">
        <v>0</v>
      </c>
      <c r="DX16" s="177">
        <v>19</v>
      </c>
      <c r="DY16" s="177">
        <v>43</v>
      </c>
      <c r="DZ16" s="177">
        <v>18</v>
      </c>
      <c r="EA16" s="177">
        <v>7</v>
      </c>
      <c r="EB16" s="177">
        <v>21</v>
      </c>
      <c r="EC16" s="182">
        <v>108</v>
      </c>
      <c r="ED16" s="181">
        <v>127</v>
      </c>
      <c r="EE16" s="176">
        <v>3</v>
      </c>
      <c r="EF16" s="177">
        <v>4</v>
      </c>
      <c r="EG16" s="182">
        <v>7</v>
      </c>
      <c r="EH16" s="179">
        <v>0</v>
      </c>
      <c r="EI16" s="177">
        <v>11</v>
      </c>
      <c r="EJ16" s="177">
        <v>8</v>
      </c>
      <c r="EK16" s="177">
        <v>7</v>
      </c>
      <c r="EL16" s="177">
        <v>6</v>
      </c>
      <c r="EM16" s="177">
        <v>2</v>
      </c>
      <c r="EN16" s="182">
        <v>34</v>
      </c>
      <c r="EO16" s="181">
        <v>41</v>
      </c>
      <c r="EP16" s="176">
        <v>7</v>
      </c>
      <c r="EQ16" s="177">
        <v>18</v>
      </c>
      <c r="ER16" s="182">
        <v>25</v>
      </c>
      <c r="ES16" s="179">
        <v>0</v>
      </c>
      <c r="ET16" s="177">
        <v>59</v>
      </c>
      <c r="EU16" s="177">
        <v>60</v>
      </c>
      <c r="EV16" s="177">
        <v>24</v>
      </c>
      <c r="EW16" s="177">
        <v>10</v>
      </c>
      <c r="EX16" s="177">
        <v>22</v>
      </c>
      <c r="EY16" s="182">
        <v>175</v>
      </c>
      <c r="EZ16" s="181">
        <v>200</v>
      </c>
    </row>
    <row r="17" spans="2:156" ht="21" customHeight="1" x14ac:dyDescent="0.2">
      <c r="B17" s="92" t="s">
        <v>15</v>
      </c>
      <c r="C17" s="176">
        <v>0</v>
      </c>
      <c r="D17" s="177">
        <v>0</v>
      </c>
      <c r="E17" s="178">
        <v>0</v>
      </c>
      <c r="F17" s="179">
        <v>0</v>
      </c>
      <c r="G17" s="177">
        <v>7</v>
      </c>
      <c r="H17" s="177">
        <v>4</v>
      </c>
      <c r="I17" s="177">
        <v>0</v>
      </c>
      <c r="J17" s="177">
        <v>1</v>
      </c>
      <c r="K17" s="177">
        <v>2</v>
      </c>
      <c r="L17" s="180">
        <v>14</v>
      </c>
      <c r="M17" s="181">
        <v>14</v>
      </c>
      <c r="N17" s="176">
        <v>0</v>
      </c>
      <c r="O17" s="177">
        <v>0</v>
      </c>
      <c r="P17" s="182">
        <v>0</v>
      </c>
      <c r="Q17" s="179">
        <v>0</v>
      </c>
      <c r="R17" s="177">
        <v>0</v>
      </c>
      <c r="S17" s="177">
        <v>0</v>
      </c>
      <c r="T17" s="177">
        <v>0</v>
      </c>
      <c r="U17" s="177">
        <v>0</v>
      </c>
      <c r="V17" s="177">
        <v>1</v>
      </c>
      <c r="W17" s="182">
        <v>1</v>
      </c>
      <c r="X17" s="181">
        <v>1</v>
      </c>
      <c r="Y17" s="176">
        <v>0</v>
      </c>
      <c r="Z17" s="177">
        <v>2</v>
      </c>
      <c r="AA17" s="182">
        <v>2</v>
      </c>
      <c r="AB17" s="179">
        <v>0</v>
      </c>
      <c r="AC17" s="177">
        <v>3</v>
      </c>
      <c r="AD17" s="177">
        <v>4</v>
      </c>
      <c r="AE17" s="177">
        <v>1</v>
      </c>
      <c r="AF17" s="177">
        <v>2</v>
      </c>
      <c r="AG17" s="177">
        <v>2</v>
      </c>
      <c r="AH17" s="182">
        <v>12</v>
      </c>
      <c r="AI17" s="181">
        <v>14</v>
      </c>
      <c r="AJ17" s="176">
        <v>0</v>
      </c>
      <c r="AK17" s="177">
        <v>0</v>
      </c>
      <c r="AL17" s="182">
        <v>0</v>
      </c>
      <c r="AM17" s="179">
        <v>0</v>
      </c>
      <c r="AN17" s="177">
        <v>0</v>
      </c>
      <c r="AO17" s="177">
        <v>1</v>
      </c>
      <c r="AP17" s="177">
        <v>0</v>
      </c>
      <c r="AQ17" s="177">
        <v>1</v>
      </c>
      <c r="AR17" s="177">
        <v>1</v>
      </c>
      <c r="AS17" s="182">
        <v>3</v>
      </c>
      <c r="AT17" s="181">
        <v>3</v>
      </c>
      <c r="AU17" s="176">
        <v>2</v>
      </c>
      <c r="AV17" s="177">
        <v>1</v>
      </c>
      <c r="AW17" s="182">
        <v>3</v>
      </c>
      <c r="AX17" s="179">
        <v>0</v>
      </c>
      <c r="AY17" s="177">
        <v>5</v>
      </c>
      <c r="AZ17" s="177">
        <v>8</v>
      </c>
      <c r="BA17" s="177">
        <v>1</v>
      </c>
      <c r="BB17" s="177">
        <v>1</v>
      </c>
      <c r="BC17" s="177">
        <v>3</v>
      </c>
      <c r="BD17" s="180">
        <v>18</v>
      </c>
      <c r="BE17" s="181">
        <v>21</v>
      </c>
      <c r="BF17" s="176">
        <v>0</v>
      </c>
      <c r="BG17" s="177">
        <v>0</v>
      </c>
      <c r="BH17" s="182">
        <v>0</v>
      </c>
      <c r="BI17" s="179">
        <v>0</v>
      </c>
      <c r="BJ17" s="177">
        <v>2</v>
      </c>
      <c r="BK17" s="177">
        <v>1</v>
      </c>
      <c r="BL17" s="177">
        <v>0</v>
      </c>
      <c r="BM17" s="177">
        <v>1</v>
      </c>
      <c r="BN17" s="177">
        <v>0</v>
      </c>
      <c r="BO17" s="182">
        <v>4</v>
      </c>
      <c r="BP17" s="181">
        <v>4</v>
      </c>
      <c r="BQ17" s="176">
        <v>1</v>
      </c>
      <c r="BR17" s="177">
        <v>0</v>
      </c>
      <c r="BS17" s="182">
        <v>1</v>
      </c>
      <c r="BT17" s="179">
        <v>0</v>
      </c>
      <c r="BU17" s="177">
        <v>0</v>
      </c>
      <c r="BV17" s="177">
        <v>2</v>
      </c>
      <c r="BW17" s="177">
        <v>1</v>
      </c>
      <c r="BX17" s="177">
        <v>1</v>
      </c>
      <c r="BY17" s="177">
        <v>1</v>
      </c>
      <c r="BZ17" s="182">
        <v>5</v>
      </c>
      <c r="CA17" s="181">
        <v>6</v>
      </c>
      <c r="CB17" s="176">
        <v>0</v>
      </c>
      <c r="CC17" s="177">
        <v>0</v>
      </c>
      <c r="CD17" s="182">
        <v>0</v>
      </c>
      <c r="CE17" s="179">
        <v>0</v>
      </c>
      <c r="CF17" s="177">
        <v>0</v>
      </c>
      <c r="CG17" s="177">
        <v>2</v>
      </c>
      <c r="CH17" s="177">
        <v>0</v>
      </c>
      <c r="CI17" s="177">
        <v>1</v>
      </c>
      <c r="CJ17" s="177">
        <v>1</v>
      </c>
      <c r="CK17" s="182">
        <v>4</v>
      </c>
      <c r="CL17" s="181">
        <v>4</v>
      </c>
      <c r="CM17" s="176">
        <v>0</v>
      </c>
      <c r="CN17" s="177">
        <v>0</v>
      </c>
      <c r="CO17" s="182">
        <v>0</v>
      </c>
      <c r="CP17" s="179">
        <v>0</v>
      </c>
      <c r="CQ17" s="177">
        <v>0</v>
      </c>
      <c r="CR17" s="177">
        <v>1</v>
      </c>
      <c r="CS17" s="177">
        <v>0</v>
      </c>
      <c r="CT17" s="177">
        <v>0</v>
      </c>
      <c r="CU17" s="177">
        <v>0</v>
      </c>
      <c r="CV17" s="182">
        <v>1</v>
      </c>
      <c r="CW17" s="181">
        <v>1</v>
      </c>
      <c r="CX17" s="176">
        <v>0</v>
      </c>
      <c r="CY17" s="177">
        <v>0</v>
      </c>
      <c r="CZ17" s="182">
        <v>0</v>
      </c>
      <c r="DA17" s="179">
        <v>0</v>
      </c>
      <c r="DB17" s="177">
        <v>0</v>
      </c>
      <c r="DC17" s="177">
        <v>0</v>
      </c>
      <c r="DD17" s="177">
        <v>0</v>
      </c>
      <c r="DE17" s="177">
        <v>0</v>
      </c>
      <c r="DF17" s="177">
        <v>0</v>
      </c>
      <c r="DG17" s="182">
        <v>0</v>
      </c>
      <c r="DH17" s="181">
        <v>0</v>
      </c>
      <c r="DI17" s="176">
        <v>0</v>
      </c>
      <c r="DJ17" s="177">
        <v>0</v>
      </c>
      <c r="DK17" s="182">
        <v>0</v>
      </c>
      <c r="DL17" s="179">
        <v>0</v>
      </c>
      <c r="DM17" s="177">
        <v>0</v>
      </c>
      <c r="DN17" s="177">
        <v>0</v>
      </c>
      <c r="DO17" s="177">
        <v>0</v>
      </c>
      <c r="DP17" s="177">
        <v>0</v>
      </c>
      <c r="DQ17" s="177">
        <v>0</v>
      </c>
      <c r="DR17" s="182">
        <v>0</v>
      </c>
      <c r="DS17" s="181">
        <v>0</v>
      </c>
      <c r="DT17" s="176">
        <v>2</v>
      </c>
      <c r="DU17" s="177">
        <v>5</v>
      </c>
      <c r="DV17" s="182">
        <v>7</v>
      </c>
      <c r="DW17" s="179">
        <v>0</v>
      </c>
      <c r="DX17" s="177">
        <v>5</v>
      </c>
      <c r="DY17" s="177">
        <v>10</v>
      </c>
      <c r="DZ17" s="177">
        <v>2</v>
      </c>
      <c r="EA17" s="177">
        <v>2</v>
      </c>
      <c r="EB17" s="177">
        <v>2</v>
      </c>
      <c r="EC17" s="182">
        <v>21</v>
      </c>
      <c r="ED17" s="181">
        <v>28</v>
      </c>
      <c r="EE17" s="176">
        <v>4</v>
      </c>
      <c r="EF17" s="177">
        <v>2</v>
      </c>
      <c r="EG17" s="182">
        <v>6</v>
      </c>
      <c r="EH17" s="179">
        <v>0</v>
      </c>
      <c r="EI17" s="177">
        <v>5</v>
      </c>
      <c r="EJ17" s="177">
        <v>2</v>
      </c>
      <c r="EK17" s="177">
        <v>1</v>
      </c>
      <c r="EL17" s="177">
        <v>1</v>
      </c>
      <c r="EM17" s="177">
        <v>3</v>
      </c>
      <c r="EN17" s="182">
        <v>12</v>
      </c>
      <c r="EO17" s="181">
        <v>18</v>
      </c>
      <c r="EP17" s="176">
        <v>3</v>
      </c>
      <c r="EQ17" s="177">
        <v>6</v>
      </c>
      <c r="ER17" s="182">
        <v>9</v>
      </c>
      <c r="ES17" s="179">
        <v>0</v>
      </c>
      <c r="ET17" s="177">
        <v>11</v>
      </c>
      <c r="EU17" s="177">
        <v>14</v>
      </c>
      <c r="EV17" s="177">
        <v>2</v>
      </c>
      <c r="EW17" s="177">
        <v>2</v>
      </c>
      <c r="EX17" s="177">
        <v>2</v>
      </c>
      <c r="EY17" s="182">
        <v>31</v>
      </c>
      <c r="EZ17" s="181">
        <v>40</v>
      </c>
    </row>
    <row r="18" spans="2:156" ht="21" customHeight="1" x14ac:dyDescent="0.2">
      <c r="B18" s="92" t="s">
        <v>16</v>
      </c>
      <c r="C18" s="176">
        <v>0</v>
      </c>
      <c r="D18" s="177">
        <v>0</v>
      </c>
      <c r="E18" s="178">
        <v>0</v>
      </c>
      <c r="F18" s="179">
        <v>0</v>
      </c>
      <c r="G18" s="177">
        <v>3</v>
      </c>
      <c r="H18" s="177">
        <v>18</v>
      </c>
      <c r="I18" s="177">
        <v>6</v>
      </c>
      <c r="J18" s="177">
        <v>6</v>
      </c>
      <c r="K18" s="177">
        <v>1</v>
      </c>
      <c r="L18" s="180">
        <v>34</v>
      </c>
      <c r="M18" s="181">
        <v>34</v>
      </c>
      <c r="N18" s="176">
        <v>0</v>
      </c>
      <c r="O18" s="177">
        <v>0</v>
      </c>
      <c r="P18" s="182">
        <v>0</v>
      </c>
      <c r="Q18" s="179">
        <v>0</v>
      </c>
      <c r="R18" s="177">
        <v>0</v>
      </c>
      <c r="S18" s="177">
        <v>0</v>
      </c>
      <c r="T18" s="177">
        <v>0</v>
      </c>
      <c r="U18" s="177">
        <v>2</v>
      </c>
      <c r="V18" s="177">
        <v>3</v>
      </c>
      <c r="W18" s="182">
        <v>5</v>
      </c>
      <c r="X18" s="181">
        <v>5</v>
      </c>
      <c r="Y18" s="176">
        <v>5</v>
      </c>
      <c r="Z18" s="177">
        <v>2</v>
      </c>
      <c r="AA18" s="182">
        <v>7</v>
      </c>
      <c r="AB18" s="179">
        <v>0</v>
      </c>
      <c r="AC18" s="177">
        <v>8</v>
      </c>
      <c r="AD18" s="177">
        <v>15</v>
      </c>
      <c r="AE18" s="177">
        <v>8</v>
      </c>
      <c r="AF18" s="177">
        <v>11</v>
      </c>
      <c r="AG18" s="177">
        <v>3</v>
      </c>
      <c r="AH18" s="182">
        <v>45</v>
      </c>
      <c r="AI18" s="181">
        <v>52</v>
      </c>
      <c r="AJ18" s="176">
        <v>1</v>
      </c>
      <c r="AK18" s="177">
        <v>0</v>
      </c>
      <c r="AL18" s="182">
        <v>1</v>
      </c>
      <c r="AM18" s="179">
        <v>0</v>
      </c>
      <c r="AN18" s="177">
        <v>0</v>
      </c>
      <c r="AO18" s="177">
        <v>0</v>
      </c>
      <c r="AP18" s="177">
        <v>0</v>
      </c>
      <c r="AQ18" s="177">
        <v>0</v>
      </c>
      <c r="AR18" s="177">
        <v>2</v>
      </c>
      <c r="AS18" s="182">
        <v>2</v>
      </c>
      <c r="AT18" s="181">
        <v>3</v>
      </c>
      <c r="AU18" s="176">
        <v>2</v>
      </c>
      <c r="AV18" s="177">
        <v>0</v>
      </c>
      <c r="AW18" s="182">
        <v>2</v>
      </c>
      <c r="AX18" s="179">
        <v>0</v>
      </c>
      <c r="AY18" s="177">
        <v>10</v>
      </c>
      <c r="AZ18" s="177">
        <v>20</v>
      </c>
      <c r="BA18" s="177">
        <v>16</v>
      </c>
      <c r="BB18" s="177">
        <v>12</v>
      </c>
      <c r="BC18" s="177">
        <v>12</v>
      </c>
      <c r="BD18" s="180">
        <v>70</v>
      </c>
      <c r="BE18" s="181">
        <v>72</v>
      </c>
      <c r="BF18" s="176">
        <v>0</v>
      </c>
      <c r="BG18" s="177">
        <v>0</v>
      </c>
      <c r="BH18" s="182">
        <v>0</v>
      </c>
      <c r="BI18" s="179">
        <v>0</v>
      </c>
      <c r="BJ18" s="177">
        <v>21</v>
      </c>
      <c r="BK18" s="177">
        <v>25</v>
      </c>
      <c r="BL18" s="177">
        <v>5</v>
      </c>
      <c r="BM18" s="177">
        <v>7</v>
      </c>
      <c r="BN18" s="177">
        <v>2</v>
      </c>
      <c r="BO18" s="182">
        <v>60</v>
      </c>
      <c r="BP18" s="181">
        <v>60</v>
      </c>
      <c r="BQ18" s="176">
        <v>4</v>
      </c>
      <c r="BR18" s="177">
        <v>6</v>
      </c>
      <c r="BS18" s="182">
        <v>10</v>
      </c>
      <c r="BT18" s="179">
        <v>0</v>
      </c>
      <c r="BU18" s="177">
        <v>10</v>
      </c>
      <c r="BV18" s="177">
        <v>12</v>
      </c>
      <c r="BW18" s="177">
        <v>7</v>
      </c>
      <c r="BX18" s="177">
        <v>1</v>
      </c>
      <c r="BY18" s="177">
        <v>1</v>
      </c>
      <c r="BZ18" s="182">
        <v>31</v>
      </c>
      <c r="CA18" s="181">
        <v>41</v>
      </c>
      <c r="CB18" s="176">
        <v>1</v>
      </c>
      <c r="CC18" s="177">
        <v>0</v>
      </c>
      <c r="CD18" s="182">
        <v>1</v>
      </c>
      <c r="CE18" s="179">
        <v>0</v>
      </c>
      <c r="CF18" s="177">
        <v>2</v>
      </c>
      <c r="CG18" s="177">
        <v>8</v>
      </c>
      <c r="CH18" s="177">
        <v>6</v>
      </c>
      <c r="CI18" s="177">
        <v>3</v>
      </c>
      <c r="CJ18" s="177">
        <v>1</v>
      </c>
      <c r="CK18" s="182">
        <v>20</v>
      </c>
      <c r="CL18" s="181">
        <v>21</v>
      </c>
      <c r="CM18" s="176">
        <v>0</v>
      </c>
      <c r="CN18" s="177">
        <v>0</v>
      </c>
      <c r="CO18" s="182">
        <v>0</v>
      </c>
      <c r="CP18" s="179">
        <v>0</v>
      </c>
      <c r="CQ18" s="177">
        <v>0</v>
      </c>
      <c r="CR18" s="177">
        <v>1</v>
      </c>
      <c r="CS18" s="177">
        <v>0</v>
      </c>
      <c r="CT18" s="177">
        <v>0</v>
      </c>
      <c r="CU18" s="177">
        <v>0</v>
      </c>
      <c r="CV18" s="182">
        <v>1</v>
      </c>
      <c r="CW18" s="181">
        <v>1</v>
      </c>
      <c r="CX18" s="176">
        <v>0</v>
      </c>
      <c r="CY18" s="177">
        <v>0</v>
      </c>
      <c r="CZ18" s="182">
        <v>0</v>
      </c>
      <c r="DA18" s="179">
        <v>0</v>
      </c>
      <c r="DB18" s="177">
        <v>0</v>
      </c>
      <c r="DC18" s="177">
        <v>0</v>
      </c>
      <c r="DD18" s="177">
        <v>0</v>
      </c>
      <c r="DE18" s="177">
        <v>0</v>
      </c>
      <c r="DF18" s="177">
        <v>0</v>
      </c>
      <c r="DG18" s="182">
        <v>0</v>
      </c>
      <c r="DH18" s="181">
        <v>0</v>
      </c>
      <c r="DI18" s="176">
        <v>0</v>
      </c>
      <c r="DJ18" s="177">
        <v>0</v>
      </c>
      <c r="DK18" s="182">
        <v>0</v>
      </c>
      <c r="DL18" s="179">
        <v>0</v>
      </c>
      <c r="DM18" s="177">
        <v>0</v>
      </c>
      <c r="DN18" s="177">
        <v>0</v>
      </c>
      <c r="DO18" s="177">
        <v>0</v>
      </c>
      <c r="DP18" s="177">
        <v>0</v>
      </c>
      <c r="DQ18" s="177">
        <v>0</v>
      </c>
      <c r="DR18" s="182">
        <v>0</v>
      </c>
      <c r="DS18" s="181">
        <v>0</v>
      </c>
      <c r="DT18" s="176">
        <v>11</v>
      </c>
      <c r="DU18" s="177">
        <v>19</v>
      </c>
      <c r="DV18" s="182">
        <v>30</v>
      </c>
      <c r="DW18" s="179">
        <v>0</v>
      </c>
      <c r="DX18" s="177">
        <v>19</v>
      </c>
      <c r="DY18" s="177">
        <v>42</v>
      </c>
      <c r="DZ18" s="177">
        <v>19</v>
      </c>
      <c r="EA18" s="177">
        <v>11</v>
      </c>
      <c r="EB18" s="177">
        <v>10</v>
      </c>
      <c r="EC18" s="182">
        <v>101</v>
      </c>
      <c r="ED18" s="181">
        <v>131</v>
      </c>
      <c r="EE18" s="176">
        <v>3</v>
      </c>
      <c r="EF18" s="177">
        <v>0</v>
      </c>
      <c r="EG18" s="182">
        <v>3</v>
      </c>
      <c r="EH18" s="179">
        <v>0</v>
      </c>
      <c r="EI18" s="177">
        <v>7</v>
      </c>
      <c r="EJ18" s="177">
        <v>9</v>
      </c>
      <c r="EK18" s="177">
        <v>12</v>
      </c>
      <c r="EL18" s="177">
        <v>10</v>
      </c>
      <c r="EM18" s="177">
        <v>8</v>
      </c>
      <c r="EN18" s="182">
        <v>46</v>
      </c>
      <c r="EO18" s="181">
        <v>49</v>
      </c>
      <c r="EP18" s="176">
        <v>20</v>
      </c>
      <c r="EQ18" s="177">
        <v>22</v>
      </c>
      <c r="ER18" s="182">
        <v>42</v>
      </c>
      <c r="ES18" s="179">
        <v>0</v>
      </c>
      <c r="ET18" s="177">
        <v>46</v>
      </c>
      <c r="EU18" s="177">
        <v>63</v>
      </c>
      <c r="EV18" s="177">
        <v>24</v>
      </c>
      <c r="EW18" s="177">
        <v>16</v>
      </c>
      <c r="EX18" s="177">
        <v>8</v>
      </c>
      <c r="EY18" s="182">
        <v>157</v>
      </c>
      <c r="EZ18" s="181">
        <v>199</v>
      </c>
    </row>
    <row r="19" spans="2:156" ht="21" customHeight="1" x14ac:dyDescent="0.2">
      <c r="B19" s="92" t="s">
        <v>17</v>
      </c>
      <c r="C19" s="176">
        <v>0</v>
      </c>
      <c r="D19" s="177">
        <v>0</v>
      </c>
      <c r="E19" s="178">
        <v>0</v>
      </c>
      <c r="F19" s="179">
        <v>0</v>
      </c>
      <c r="G19" s="177">
        <v>9</v>
      </c>
      <c r="H19" s="177">
        <v>28</v>
      </c>
      <c r="I19" s="177">
        <v>17</v>
      </c>
      <c r="J19" s="177">
        <v>16</v>
      </c>
      <c r="K19" s="177">
        <v>4</v>
      </c>
      <c r="L19" s="180">
        <v>74</v>
      </c>
      <c r="M19" s="181">
        <v>74</v>
      </c>
      <c r="N19" s="176">
        <v>0</v>
      </c>
      <c r="O19" s="177">
        <v>0</v>
      </c>
      <c r="P19" s="182">
        <v>0</v>
      </c>
      <c r="Q19" s="179">
        <v>0</v>
      </c>
      <c r="R19" s="177">
        <v>0</v>
      </c>
      <c r="S19" s="177">
        <v>1</v>
      </c>
      <c r="T19" s="177">
        <v>3</v>
      </c>
      <c r="U19" s="177">
        <v>5</v>
      </c>
      <c r="V19" s="177">
        <v>3</v>
      </c>
      <c r="W19" s="182">
        <v>12</v>
      </c>
      <c r="X19" s="181">
        <v>12</v>
      </c>
      <c r="Y19" s="176">
        <v>4</v>
      </c>
      <c r="Z19" s="177">
        <v>7</v>
      </c>
      <c r="AA19" s="182">
        <v>11</v>
      </c>
      <c r="AB19" s="179">
        <v>0</v>
      </c>
      <c r="AC19" s="177">
        <v>8</v>
      </c>
      <c r="AD19" s="177">
        <v>28</v>
      </c>
      <c r="AE19" s="177">
        <v>20</v>
      </c>
      <c r="AF19" s="177">
        <v>16</v>
      </c>
      <c r="AG19" s="177">
        <v>5</v>
      </c>
      <c r="AH19" s="182">
        <v>77</v>
      </c>
      <c r="AI19" s="181">
        <v>88</v>
      </c>
      <c r="AJ19" s="176">
        <v>3</v>
      </c>
      <c r="AK19" s="177">
        <v>0</v>
      </c>
      <c r="AL19" s="182">
        <v>3</v>
      </c>
      <c r="AM19" s="179">
        <v>0</v>
      </c>
      <c r="AN19" s="177">
        <v>1</v>
      </c>
      <c r="AO19" s="177">
        <v>4</v>
      </c>
      <c r="AP19" s="177">
        <v>5</v>
      </c>
      <c r="AQ19" s="177">
        <v>1</v>
      </c>
      <c r="AR19" s="177">
        <v>0</v>
      </c>
      <c r="AS19" s="182">
        <v>11</v>
      </c>
      <c r="AT19" s="181">
        <v>14</v>
      </c>
      <c r="AU19" s="176">
        <v>3</v>
      </c>
      <c r="AV19" s="177">
        <v>4</v>
      </c>
      <c r="AW19" s="182">
        <v>7</v>
      </c>
      <c r="AX19" s="179">
        <v>0</v>
      </c>
      <c r="AY19" s="177">
        <v>22</v>
      </c>
      <c r="AZ19" s="177">
        <v>29</v>
      </c>
      <c r="BA19" s="177">
        <v>30</v>
      </c>
      <c r="BB19" s="177">
        <v>35</v>
      </c>
      <c r="BC19" s="177">
        <v>15</v>
      </c>
      <c r="BD19" s="180">
        <v>131</v>
      </c>
      <c r="BE19" s="181">
        <v>138</v>
      </c>
      <c r="BF19" s="176">
        <v>0</v>
      </c>
      <c r="BG19" s="177">
        <v>0</v>
      </c>
      <c r="BH19" s="182">
        <v>0</v>
      </c>
      <c r="BI19" s="179">
        <v>0</v>
      </c>
      <c r="BJ19" s="177">
        <v>12</v>
      </c>
      <c r="BK19" s="177">
        <v>30</v>
      </c>
      <c r="BL19" s="177">
        <v>13</v>
      </c>
      <c r="BM19" s="177">
        <v>8</v>
      </c>
      <c r="BN19" s="177">
        <v>0</v>
      </c>
      <c r="BO19" s="182">
        <v>63</v>
      </c>
      <c r="BP19" s="181">
        <v>63</v>
      </c>
      <c r="BQ19" s="176">
        <v>5</v>
      </c>
      <c r="BR19" s="177">
        <v>6</v>
      </c>
      <c r="BS19" s="182">
        <v>11</v>
      </c>
      <c r="BT19" s="179">
        <v>0</v>
      </c>
      <c r="BU19" s="177">
        <v>7</v>
      </c>
      <c r="BV19" s="177">
        <v>11</v>
      </c>
      <c r="BW19" s="177">
        <v>9</v>
      </c>
      <c r="BX19" s="177">
        <v>5</v>
      </c>
      <c r="BY19" s="177">
        <v>0</v>
      </c>
      <c r="BZ19" s="182">
        <v>32</v>
      </c>
      <c r="CA19" s="181">
        <v>43</v>
      </c>
      <c r="CB19" s="176">
        <v>1</v>
      </c>
      <c r="CC19" s="177">
        <v>2</v>
      </c>
      <c r="CD19" s="182">
        <v>3</v>
      </c>
      <c r="CE19" s="179">
        <v>0</v>
      </c>
      <c r="CF19" s="177">
        <v>2</v>
      </c>
      <c r="CG19" s="177">
        <v>7</v>
      </c>
      <c r="CH19" s="177">
        <v>7</v>
      </c>
      <c r="CI19" s="177">
        <v>5</v>
      </c>
      <c r="CJ19" s="177">
        <v>0</v>
      </c>
      <c r="CK19" s="182">
        <v>21</v>
      </c>
      <c r="CL19" s="181">
        <v>24</v>
      </c>
      <c r="CM19" s="176">
        <v>0</v>
      </c>
      <c r="CN19" s="177">
        <v>0</v>
      </c>
      <c r="CO19" s="182">
        <v>0</v>
      </c>
      <c r="CP19" s="179">
        <v>0</v>
      </c>
      <c r="CQ19" s="177">
        <v>1</v>
      </c>
      <c r="CR19" s="177">
        <v>2</v>
      </c>
      <c r="CS19" s="177">
        <v>1</v>
      </c>
      <c r="CT19" s="177">
        <v>1</v>
      </c>
      <c r="CU19" s="177">
        <v>0</v>
      </c>
      <c r="CV19" s="182">
        <v>5</v>
      </c>
      <c r="CW19" s="181">
        <v>5</v>
      </c>
      <c r="CX19" s="176">
        <v>0</v>
      </c>
      <c r="CY19" s="177">
        <v>0</v>
      </c>
      <c r="CZ19" s="182">
        <v>0</v>
      </c>
      <c r="DA19" s="179">
        <v>0</v>
      </c>
      <c r="DB19" s="177">
        <v>0</v>
      </c>
      <c r="DC19" s="177">
        <v>0</v>
      </c>
      <c r="DD19" s="177">
        <v>0</v>
      </c>
      <c r="DE19" s="177">
        <v>0</v>
      </c>
      <c r="DF19" s="177">
        <v>0</v>
      </c>
      <c r="DG19" s="182">
        <v>0</v>
      </c>
      <c r="DH19" s="181">
        <v>0</v>
      </c>
      <c r="DI19" s="176">
        <v>0</v>
      </c>
      <c r="DJ19" s="177">
        <v>0</v>
      </c>
      <c r="DK19" s="182">
        <v>0</v>
      </c>
      <c r="DL19" s="179">
        <v>0</v>
      </c>
      <c r="DM19" s="177">
        <v>0</v>
      </c>
      <c r="DN19" s="177">
        <v>0</v>
      </c>
      <c r="DO19" s="177">
        <v>0</v>
      </c>
      <c r="DP19" s="177">
        <v>0</v>
      </c>
      <c r="DQ19" s="177">
        <v>0</v>
      </c>
      <c r="DR19" s="182">
        <v>0</v>
      </c>
      <c r="DS19" s="181">
        <v>0</v>
      </c>
      <c r="DT19" s="176">
        <v>12</v>
      </c>
      <c r="DU19" s="177">
        <v>30</v>
      </c>
      <c r="DV19" s="182">
        <v>42</v>
      </c>
      <c r="DW19" s="179">
        <v>0</v>
      </c>
      <c r="DX19" s="177">
        <v>21</v>
      </c>
      <c r="DY19" s="177">
        <v>70</v>
      </c>
      <c r="DZ19" s="177">
        <v>49</v>
      </c>
      <c r="EA19" s="177">
        <v>38</v>
      </c>
      <c r="EB19" s="177">
        <v>11</v>
      </c>
      <c r="EC19" s="182">
        <v>189</v>
      </c>
      <c r="ED19" s="181">
        <v>231</v>
      </c>
      <c r="EE19" s="176">
        <v>2</v>
      </c>
      <c r="EF19" s="177">
        <v>2</v>
      </c>
      <c r="EG19" s="182">
        <v>4</v>
      </c>
      <c r="EH19" s="179">
        <v>0</v>
      </c>
      <c r="EI19" s="177">
        <v>15</v>
      </c>
      <c r="EJ19" s="177">
        <v>8</v>
      </c>
      <c r="EK19" s="177">
        <v>10</v>
      </c>
      <c r="EL19" s="177">
        <v>12</v>
      </c>
      <c r="EM19" s="177">
        <v>7</v>
      </c>
      <c r="EN19" s="182">
        <v>52</v>
      </c>
      <c r="EO19" s="181">
        <v>56</v>
      </c>
      <c r="EP19" s="176">
        <v>22</v>
      </c>
      <c r="EQ19" s="177">
        <v>34</v>
      </c>
      <c r="ER19" s="182">
        <v>56</v>
      </c>
      <c r="ES19" s="179">
        <v>0</v>
      </c>
      <c r="ET19" s="177">
        <v>54</v>
      </c>
      <c r="EU19" s="177">
        <v>98</v>
      </c>
      <c r="EV19" s="177">
        <v>58</v>
      </c>
      <c r="EW19" s="177">
        <v>38</v>
      </c>
      <c r="EX19" s="177">
        <v>10</v>
      </c>
      <c r="EY19" s="182">
        <v>258</v>
      </c>
      <c r="EZ19" s="181">
        <v>314</v>
      </c>
    </row>
    <row r="20" spans="2:156" ht="21" customHeight="1" x14ac:dyDescent="0.2">
      <c r="B20" s="92" t="s">
        <v>18</v>
      </c>
      <c r="C20" s="176">
        <v>0</v>
      </c>
      <c r="D20" s="177">
        <v>0</v>
      </c>
      <c r="E20" s="178">
        <v>0</v>
      </c>
      <c r="F20" s="179">
        <v>0</v>
      </c>
      <c r="G20" s="177">
        <v>33</v>
      </c>
      <c r="H20" s="177">
        <v>32</v>
      </c>
      <c r="I20" s="177">
        <v>25</v>
      </c>
      <c r="J20" s="177">
        <v>10</v>
      </c>
      <c r="K20" s="177">
        <v>10</v>
      </c>
      <c r="L20" s="180">
        <v>110</v>
      </c>
      <c r="M20" s="181">
        <v>110</v>
      </c>
      <c r="N20" s="176">
        <v>0</v>
      </c>
      <c r="O20" s="177">
        <v>0</v>
      </c>
      <c r="P20" s="182">
        <v>0</v>
      </c>
      <c r="Q20" s="179">
        <v>0</v>
      </c>
      <c r="R20" s="177">
        <v>0</v>
      </c>
      <c r="S20" s="177">
        <v>0</v>
      </c>
      <c r="T20" s="177">
        <v>1</v>
      </c>
      <c r="U20" s="177">
        <v>2</v>
      </c>
      <c r="V20" s="177">
        <v>1</v>
      </c>
      <c r="W20" s="182">
        <v>4</v>
      </c>
      <c r="X20" s="181">
        <v>4</v>
      </c>
      <c r="Y20" s="176">
        <v>8</v>
      </c>
      <c r="Z20" s="177">
        <v>2</v>
      </c>
      <c r="AA20" s="182">
        <v>10</v>
      </c>
      <c r="AB20" s="179">
        <v>0</v>
      </c>
      <c r="AC20" s="177">
        <v>33</v>
      </c>
      <c r="AD20" s="177">
        <v>23</v>
      </c>
      <c r="AE20" s="177">
        <v>20</v>
      </c>
      <c r="AF20" s="177">
        <v>13</v>
      </c>
      <c r="AG20" s="177">
        <v>8</v>
      </c>
      <c r="AH20" s="182">
        <v>97</v>
      </c>
      <c r="AI20" s="181">
        <v>107</v>
      </c>
      <c r="AJ20" s="176">
        <v>1</v>
      </c>
      <c r="AK20" s="177">
        <v>1</v>
      </c>
      <c r="AL20" s="182">
        <v>2</v>
      </c>
      <c r="AM20" s="179">
        <v>0</v>
      </c>
      <c r="AN20" s="177">
        <v>2</v>
      </c>
      <c r="AO20" s="177">
        <v>5</v>
      </c>
      <c r="AP20" s="177">
        <v>2</v>
      </c>
      <c r="AQ20" s="177">
        <v>1</v>
      </c>
      <c r="AR20" s="177">
        <v>1</v>
      </c>
      <c r="AS20" s="182">
        <v>11</v>
      </c>
      <c r="AT20" s="181">
        <v>13</v>
      </c>
      <c r="AU20" s="176">
        <v>5</v>
      </c>
      <c r="AV20" s="177">
        <v>5</v>
      </c>
      <c r="AW20" s="182">
        <v>10</v>
      </c>
      <c r="AX20" s="179">
        <v>0</v>
      </c>
      <c r="AY20" s="177">
        <v>36</v>
      </c>
      <c r="AZ20" s="177">
        <v>35</v>
      </c>
      <c r="BA20" s="177">
        <v>41</v>
      </c>
      <c r="BB20" s="177">
        <v>29</v>
      </c>
      <c r="BC20" s="177">
        <v>28</v>
      </c>
      <c r="BD20" s="180">
        <v>169</v>
      </c>
      <c r="BE20" s="181">
        <v>179</v>
      </c>
      <c r="BF20" s="176">
        <v>0</v>
      </c>
      <c r="BG20" s="177">
        <v>0</v>
      </c>
      <c r="BH20" s="182">
        <v>0</v>
      </c>
      <c r="BI20" s="179">
        <v>0</v>
      </c>
      <c r="BJ20" s="177">
        <v>38</v>
      </c>
      <c r="BK20" s="177">
        <v>37</v>
      </c>
      <c r="BL20" s="177">
        <v>24</v>
      </c>
      <c r="BM20" s="177">
        <v>10</v>
      </c>
      <c r="BN20" s="177">
        <v>6</v>
      </c>
      <c r="BO20" s="182">
        <v>115</v>
      </c>
      <c r="BP20" s="181">
        <v>115</v>
      </c>
      <c r="BQ20" s="176">
        <v>5</v>
      </c>
      <c r="BR20" s="177">
        <v>10</v>
      </c>
      <c r="BS20" s="182">
        <v>15</v>
      </c>
      <c r="BT20" s="179">
        <v>0</v>
      </c>
      <c r="BU20" s="177">
        <v>17</v>
      </c>
      <c r="BV20" s="177">
        <v>16</v>
      </c>
      <c r="BW20" s="177">
        <v>5</v>
      </c>
      <c r="BX20" s="177">
        <v>9</v>
      </c>
      <c r="BY20" s="177">
        <v>3</v>
      </c>
      <c r="BZ20" s="182">
        <v>50</v>
      </c>
      <c r="CA20" s="181">
        <v>65</v>
      </c>
      <c r="CB20" s="176">
        <v>0</v>
      </c>
      <c r="CC20" s="177">
        <v>0</v>
      </c>
      <c r="CD20" s="182">
        <v>0</v>
      </c>
      <c r="CE20" s="179">
        <v>0</v>
      </c>
      <c r="CF20" s="177">
        <v>8</v>
      </c>
      <c r="CG20" s="177">
        <v>10</v>
      </c>
      <c r="CH20" s="177">
        <v>14</v>
      </c>
      <c r="CI20" s="177">
        <v>5</v>
      </c>
      <c r="CJ20" s="177">
        <v>5</v>
      </c>
      <c r="CK20" s="182">
        <v>42</v>
      </c>
      <c r="CL20" s="181">
        <v>42</v>
      </c>
      <c r="CM20" s="176">
        <v>0</v>
      </c>
      <c r="CN20" s="177">
        <v>0</v>
      </c>
      <c r="CO20" s="182">
        <v>0</v>
      </c>
      <c r="CP20" s="179">
        <v>0</v>
      </c>
      <c r="CQ20" s="177">
        <v>0</v>
      </c>
      <c r="CR20" s="177">
        <v>0</v>
      </c>
      <c r="CS20" s="177">
        <v>0</v>
      </c>
      <c r="CT20" s="177">
        <v>1</v>
      </c>
      <c r="CU20" s="177">
        <v>0</v>
      </c>
      <c r="CV20" s="182">
        <v>1</v>
      </c>
      <c r="CW20" s="181">
        <v>1</v>
      </c>
      <c r="CX20" s="176">
        <v>0</v>
      </c>
      <c r="CY20" s="177">
        <v>0</v>
      </c>
      <c r="CZ20" s="182">
        <v>0</v>
      </c>
      <c r="DA20" s="179">
        <v>0</v>
      </c>
      <c r="DB20" s="177">
        <v>0</v>
      </c>
      <c r="DC20" s="177">
        <v>0</v>
      </c>
      <c r="DD20" s="177">
        <v>0</v>
      </c>
      <c r="DE20" s="177">
        <v>0</v>
      </c>
      <c r="DF20" s="177">
        <v>0</v>
      </c>
      <c r="DG20" s="182">
        <v>0</v>
      </c>
      <c r="DH20" s="181">
        <v>0</v>
      </c>
      <c r="DI20" s="176">
        <v>0</v>
      </c>
      <c r="DJ20" s="177">
        <v>0</v>
      </c>
      <c r="DK20" s="182">
        <v>0</v>
      </c>
      <c r="DL20" s="179">
        <v>0</v>
      </c>
      <c r="DM20" s="177">
        <v>0</v>
      </c>
      <c r="DN20" s="177">
        <v>0</v>
      </c>
      <c r="DO20" s="177">
        <v>0</v>
      </c>
      <c r="DP20" s="177">
        <v>0</v>
      </c>
      <c r="DQ20" s="177">
        <v>0</v>
      </c>
      <c r="DR20" s="182">
        <v>0</v>
      </c>
      <c r="DS20" s="181">
        <v>0</v>
      </c>
      <c r="DT20" s="176">
        <v>8</v>
      </c>
      <c r="DU20" s="177">
        <v>27</v>
      </c>
      <c r="DV20" s="182">
        <v>35</v>
      </c>
      <c r="DW20" s="179">
        <v>0</v>
      </c>
      <c r="DX20" s="177">
        <v>51</v>
      </c>
      <c r="DY20" s="177">
        <v>68</v>
      </c>
      <c r="DZ20" s="177">
        <v>48</v>
      </c>
      <c r="EA20" s="177">
        <v>27</v>
      </c>
      <c r="EB20" s="177">
        <v>19</v>
      </c>
      <c r="EC20" s="182">
        <v>213</v>
      </c>
      <c r="ED20" s="181">
        <v>248</v>
      </c>
      <c r="EE20" s="176">
        <v>3</v>
      </c>
      <c r="EF20" s="177">
        <v>3</v>
      </c>
      <c r="EG20" s="182">
        <v>6</v>
      </c>
      <c r="EH20" s="179">
        <v>0</v>
      </c>
      <c r="EI20" s="177">
        <v>14</v>
      </c>
      <c r="EJ20" s="177">
        <v>15</v>
      </c>
      <c r="EK20" s="177">
        <v>14</v>
      </c>
      <c r="EL20" s="177">
        <v>11</v>
      </c>
      <c r="EM20" s="177">
        <v>16</v>
      </c>
      <c r="EN20" s="182">
        <v>70</v>
      </c>
      <c r="EO20" s="181">
        <v>76</v>
      </c>
      <c r="EP20" s="176">
        <v>20</v>
      </c>
      <c r="EQ20" s="177">
        <v>32</v>
      </c>
      <c r="ER20" s="182">
        <v>52</v>
      </c>
      <c r="ES20" s="179">
        <v>0</v>
      </c>
      <c r="ET20" s="177">
        <v>115</v>
      </c>
      <c r="EU20" s="177">
        <v>94</v>
      </c>
      <c r="EV20" s="177">
        <v>56</v>
      </c>
      <c r="EW20" s="177">
        <v>33</v>
      </c>
      <c r="EX20" s="177">
        <v>19</v>
      </c>
      <c r="EY20" s="182">
        <v>317</v>
      </c>
      <c r="EZ20" s="181">
        <v>369</v>
      </c>
    </row>
    <row r="21" spans="2:156" ht="21" customHeight="1" x14ac:dyDescent="0.2">
      <c r="B21" s="92" t="s">
        <v>19</v>
      </c>
      <c r="C21" s="176">
        <v>0</v>
      </c>
      <c r="D21" s="177">
        <v>0</v>
      </c>
      <c r="E21" s="178">
        <v>0</v>
      </c>
      <c r="F21" s="179">
        <v>0</v>
      </c>
      <c r="G21" s="177">
        <v>7</v>
      </c>
      <c r="H21" s="177">
        <v>9</v>
      </c>
      <c r="I21" s="177">
        <v>4</v>
      </c>
      <c r="J21" s="177">
        <v>5</v>
      </c>
      <c r="K21" s="177">
        <v>3</v>
      </c>
      <c r="L21" s="180">
        <v>28</v>
      </c>
      <c r="M21" s="181">
        <v>28</v>
      </c>
      <c r="N21" s="176">
        <v>0</v>
      </c>
      <c r="O21" s="177">
        <v>0</v>
      </c>
      <c r="P21" s="182">
        <v>0</v>
      </c>
      <c r="Q21" s="179">
        <v>0</v>
      </c>
      <c r="R21" s="177">
        <v>0</v>
      </c>
      <c r="S21" s="177">
        <v>0</v>
      </c>
      <c r="T21" s="177">
        <v>2</v>
      </c>
      <c r="U21" s="177">
        <v>2</v>
      </c>
      <c r="V21" s="177">
        <v>0</v>
      </c>
      <c r="W21" s="182">
        <v>4</v>
      </c>
      <c r="X21" s="181">
        <v>4</v>
      </c>
      <c r="Y21" s="176">
        <v>3</v>
      </c>
      <c r="Z21" s="177">
        <v>2</v>
      </c>
      <c r="AA21" s="182">
        <v>5</v>
      </c>
      <c r="AB21" s="179">
        <v>0</v>
      </c>
      <c r="AC21" s="177">
        <v>13</v>
      </c>
      <c r="AD21" s="177">
        <v>7</v>
      </c>
      <c r="AE21" s="177">
        <v>8</v>
      </c>
      <c r="AF21" s="177">
        <v>7</v>
      </c>
      <c r="AG21" s="177">
        <v>4</v>
      </c>
      <c r="AH21" s="182">
        <v>39</v>
      </c>
      <c r="AI21" s="181">
        <v>44</v>
      </c>
      <c r="AJ21" s="176">
        <v>1</v>
      </c>
      <c r="AK21" s="177">
        <v>0</v>
      </c>
      <c r="AL21" s="182">
        <v>1</v>
      </c>
      <c r="AM21" s="179">
        <v>0</v>
      </c>
      <c r="AN21" s="177">
        <v>3</v>
      </c>
      <c r="AO21" s="177">
        <v>1</v>
      </c>
      <c r="AP21" s="177">
        <v>1</v>
      </c>
      <c r="AQ21" s="177">
        <v>1</v>
      </c>
      <c r="AR21" s="177">
        <v>0</v>
      </c>
      <c r="AS21" s="182">
        <v>6</v>
      </c>
      <c r="AT21" s="181">
        <v>7</v>
      </c>
      <c r="AU21" s="176">
        <v>4</v>
      </c>
      <c r="AV21" s="177">
        <v>2</v>
      </c>
      <c r="AW21" s="182">
        <v>6</v>
      </c>
      <c r="AX21" s="179">
        <v>0</v>
      </c>
      <c r="AY21" s="177">
        <v>13</v>
      </c>
      <c r="AZ21" s="177">
        <v>18</v>
      </c>
      <c r="BA21" s="177">
        <v>15</v>
      </c>
      <c r="BB21" s="177">
        <v>8</v>
      </c>
      <c r="BC21" s="177">
        <v>6</v>
      </c>
      <c r="BD21" s="180">
        <v>60</v>
      </c>
      <c r="BE21" s="181">
        <v>66</v>
      </c>
      <c r="BF21" s="176">
        <v>0</v>
      </c>
      <c r="BG21" s="177">
        <v>0</v>
      </c>
      <c r="BH21" s="182">
        <v>0</v>
      </c>
      <c r="BI21" s="179">
        <v>0</v>
      </c>
      <c r="BJ21" s="177">
        <v>15</v>
      </c>
      <c r="BK21" s="177">
        <v>10</v>
      </c>
      <c r="BL21" s="177">
        <v>4</v>
      </c>
      <c r="BM21" s="177">
        <v>2</v>
      </c>
      <c r="BN21" s="177">
        <v>4</v>
      </c>
      <c r="BO21" s="182">
        <v>35</v>
      </c>
      <c r="BP21" s="181">
        <v>35</v>
      </c>
      <c r="BQ21" s="176">
        <v>3</v>
      </c>
      <c r="BR21" s="177">
        <v>3</v>
      </c>
      <c r="BS21" s="182">
        <v>6</v>
      </c>
      <c r="BT21" s="179">
        <v>0</v>
      </c>
      <c r="BU21" s="177">
        <v>13</v>
      </c>
      <c r="BV21" s="177">
        <v>6</v>
      </c>
      <c r="BW21" s="177">
        <v>3</v>
      </c>
      <c r="BX21" s="177">
        <v>5</v>
      </c>
      <c r="BY21" s="177">
        <v>1</v>
      </c>
      <c r="BZ21" s="182">
        <v>28</v>
      </c>
      <c r="CA21" s="181">
        <v>34</v>
      </c>
      <c r="CB21" s="176">
        <v>0</v>
      </c>
      <c r="CC21" s="177">
        <v>0</v>
      </c>
      <c r="CD21" s="182">
        <v>0</v>
      </c>
      <c r="CE21" s="179">
        <v>0</v>
      </c>
      <c r="CF21" s="177">
        <v>4</v>
      </c>
      <c r="CG21" s="177">
        <v>0</v>
      </c>
      <c r="CH21" s="177">
        <v>1</v>
      </c>
      <c r="CI21" s="177">
        <v>1</v>
      </c>
      <c r="CJ21" s="177">
        <v>0</v>
      </c>
      <c r="CK21" s="182">
        <v>6</v>
      </c>
      <c r="CL21" s="181">
        <v>6</v>
      </c>
      <c r="CM21" s="176">
        <v>0</v>
      </c>
      <c r="CN21" s="177">
        <v>0</v>
      </c>
      <c r="CO21" s="182">
        <v>0</v>
      </c>
      <c r="CP21" s="179">
        <v>0</v>
      </c>
      <c r="CQ21" s="177">
        <v>1</v>
      </c>
      <c r="CR21" s="177">
        <v>0</v>
      </c>
      <c r="CS21" s="177">
        <v>0</v>
      </c>
      <c r="CT21" s="177">
        <v>1</v>
      </c>
      <c r="CU21" s="177">
        <v>0</v>
      </c>
      <c r="CV21" s="182">
        <v>2</v>
      </c>
      <c r="CW21" s="181">
        <v>2</v>
      </c>
      <c r="CX21" s="176">
        <v>0</v>
      </c>
      <c r="CY21" s="177">
        <v>0</v>
      </c>
      <c r="CZ21" s="182">
        <v>0</v>
      </c>
      <c r="DA21" s="179">
        <v>0</v>
      </c>
      <c r="DB21" s="177">
        <v>0</v>
      </c>
      <c r="DC21" s="177">
        <v>0</v>
      </c>
      <c r="DD21" s="177">
        <v>0</v>
      </c>
      <c r="DE21" s="177">
        <v>0</v>
      </c>
      <c r="DF21" s="177">
        <v>0</v>
      </c>
      <c r="DG21" s="182">
        <v>0</v>
      </c>
      <c r="DH21" s="181">
        <v>0</v>
      </c>
      <c r="DI21" s="176">
        <v>0</v>
      </c>
      <c r="DJ21" s="177">
        <v>0</v>
      </c>
      <c r="DK21" s="182">
        <v>0</v>
      </c>
      <c r="DL21" s="179">
        <v>0</v>
      </c>
      <c r="DM21" s="177">
        <v>0</v>
      </c>
      <c r="DN21" s="177">
        <v>0</v>
      </c>
      <c r="DO21" s="177">
        <v>0</v>
      </c>
      <c r="DP21" s="177">
        <v>0</v>
      </c>
      <c r="DQ21" s="177">
        <v>0</v>
      </c>
      <c r="DR21" s="182">
        <v>0</v>
      </c>
      <c r="DS21" s="181">
        <v>0</v>
      </c>
      <c r="DT21" s="176">
        <v>7</v>
      </c>
      <c r="DU21" s="177">
        <v>10</v>
      </c>
      <c r="DV21" s="182">
        <v>17</v>
      </c>
      <c r="DW21" s="179">
        <v>0</v>
      </c>
      <c r="DX21" s="177">
        <v>27</v>
      </c>
      <c r="DY21" s="177">
        <v>21</v>
      </c>
      <c r="DZ21" s="177">
        <v>15</v>
      </c>
      <c r="EA21" s="177">
        <v>13</v>
      </c>
      <c r="EB21" s="177">
        <v>4</v>
      </c>
      <c r="EC21" s="182">
        <v>80</v>
      </c>
      <c r="ED21" s="181">
        <v>97</v>
      </c>
      <c r="EE21" s="176">
        <v>2</v>
      </c>
      <c r="EF21" s="177">
        <v>1</v>
      </c>
      <c r="EG21" s="182">
        <v>3</v>
      </c>
      <c r="EH21" s="179">
        <v>0</v>
      </c>
      <c r="EI21" s="177">
        <v>1</v>
      </c>
      <c r="EJ21" s="177">
        <v>9</v>
      </c>
      <c r="EK21" s="177">
        <v>5</v>
      </c>
      <c r="EL21" s="177">
        <v>0</v>
      </c>
      <c r="EM21" s="177">
        <v>3</v>
      </c>
      <c r="EN21" s="182">
        <v>18</v>
      </c>
      <c r="EO21" s="181">
        <v>21</v>
      </c>
      <c r="EP21" s="176">
        <v>13</v>
      </c>
      <c r="EQ21" s="177">
        <v>12</v>
      </c>
      <c r="ER21" s="182">
        <v>25</v>
      </c>
      <c r="ES21" s="179">
        <v>0</v>
      </c>
      <c r="ET21" s="177">
        <v>53</v>
      </c>
      <c r="EU21" s="177">
        <v>29</v>
      </c>
      <c r="EV21" s="177">
        <v>18</v>
      </c>
      <c r="EW21" s="177">
        <v>14</v>
      </c>
      <c r="EX21" s="177">
        <v>4</v>
      </c>
      <c r="EY21" s="182">
        <v>118</v>
      </c>
      <c r="EZ21" s="181">
        <v>143</v>
      </c>
    </row>
    <row r="22" spans="2:156" ht="21" customHeight="1" x14ac:dyDescent="0.2">
      <c r="B22" s="92" t="s">
        <v>20</v>
      </c>
      <c r="C22" s="176">
        <v>0</v>
      </c>
      <c r="D22" s="177">
        <v>0</v>
      </c>
      <c r="E22" s="178">
        <v>0</v>
      </c>
      <c r="F22" s="179">
        <v>0</v>
      </c>
      <c r="G22" s="177">
        <v>15</v>
      </c>
      <c r="H22" s="177">
        <v>12</v>
      </c>
      <c r="I22" s="177">
        <v>9</v>
      </c>
      <c r="J22" s="177">
        <v>6</v>
      </c>
      <c r="K22" s="177">
        <v>5</v>
      </c>
      <c r="L22" s="180">
        <v>47</v>
      </c>
      <c r="M22" s="181">
        <v>47</v>
      </c>
      <c r="N22" s="176">
        <v>0</v>
      </c>
      <c r="O22" s="177">
        <v>0</v>
      </c>
      <c r="P22" s="182">
        <v>0</v>
      </c>
      <c r="Q22" s="179">
        <v>0</v>
      </c>
      <c r="R22" s="177">
        <v>1</v>
      </c>
      <c r="S22" s="177">
        <v>1</v>
      </c>
      <c r="T22" s="177">
        <v>1</v>
      </c>
      <c r="U22" s="177">
        <v>2</v>
      </c>
      <c r="V22" s="177">
        <v>3</v>
      </c>
      <c r="W22" s="182">
        <v>8</v>
      </c>
      <c r="X22" s="181">
        <v>8</v>
      </c>
      <c r="Y22" s="176">
        <v>5</v>
      </c>
      <c r="Z22" s="177">
        <v>4</v>
      </c>
      <c r="AA22" s="182">
        <v>9</v>
      </c>
      <c r="AB22" s="179">
        <v>0</v>
      </c>
      <c r="AC22" s="177">
        <v>14</v>
      </c>
      <c r="AD22" s="177">
        <v>16</v>
      </c>
      <c r="AE22" s="177">
        <v>8</v>
      </c>
      <c r="AF22" s="177">
        <v>6</v>
      </c>
      <c r="AG22" s="177">
        <v>2</v>
      </c>
      <c r="AH22" s="182">
        <v>46</v>
      </c>
      <c r="AI22" s="181">
        <v>55</v>
      </c>
      <c r="AJ22" s="176">
        <v>0</v>
      </c>
      <c r="AK22" s="177">
        <v>7</v>
      </c>
      <c r="AL22" s="182">
        <v>7</v>
      </c>
      <c r="AM22" s="179">
        <v>0</v>
      </c>
      <c r="AN22" s="177">
        <v>4</v>
      </c>
      <c r="AO22" s="177">
        <v>3</v>
      </c>
      <c r="AP22" s="177">
        <v>3</v>
      </c>
      <c r="AQ22" s="177">
        <v>0</v>
      </c>
      <c r="AR22" s="177">
        <v>4</v>
      </c>
      <c r="AS22" s="182">
        <v>14</v>
      </c>
      <c r="AT22" s="181">
        <v>21</v>
      </c>
      <c r="AU22" s="176">
        <v>3</v>
      </c>
      <c r="AV22" s="177">
        <v>3</v>
      </c>
      <c r="AW22" s="182">
        <v>6</v>
      </c>
      <c r="AX22" s="179">
        <v>0</v>
      </c>
      <c r="AY22" s="177">
        <v>16</v>
      </c>
      <c r="AZ22" s="177">
        <v>17</v>
      </c>
      <c r="BA22" s="177">
        <v>16</v>
      </c>
      <c r="BB22" s="177">
        <v>10</v>
      </c>
      <c r="BC22" s="177">
        <v>13</v>
      </c>
      <c r="BD22" s="180">
        <v>72</v>
      </c>
      <c r="BE22" s="181">
        <v>78</v>
      </c>
      <c r="BF22" s="176">
        <v>0</v>
      </c>
      <c r="BG22" s="177">
        <v>0</v>
      </c>
      <c r="BH22" s="182">
        <v>0</v>
      </c>
      <c r="BI22" s="179">
        <v>0</v>
      </c>
      <c r="BJ22" s="177">
        <v>16</v>
      </c>
      <c r="BK22" s="177">
        <v>17</v>
      </c>
      <c r="BL22" s="177">
        <v>15</v>
      </c>
      <c r="BM22" s="177">
        <v>8</v>
      </c>
      <c r="BN22" s="177">
        <v>2</v>
      </c>
      <c r="BO22" s="182">
        <v>58</v>
      </c>
      <c r="BP22" s="181">
        <v>58</v>
      </c>
      <c r="BQ22" s="176">
        <v>0</v>
      </c>
      <c r="BR22" s="177">
        <v>2</v>
      </c>
      <c r="BS22" s="182">
        <v>2</v>
      </c>
      <c r="BT22" s="179">
        <v>0</v>
      </c>
      <c r="BU22" s="177">
        <v>6</v>
      </c>
      <c r="BV22" s="177">
        <v>13</v>
      </c>
      <c r="BW22" s="177">
        <v>5</v>
      </c>
      <c r="BX22" s="177">
        <v>2</v>
      </c>
      <c r="BY22" s="177">
        <v>0</v>
      </c>
      <c r="BZ22" s="182">
        <v>26</v>
      </c>
      <c r="CA22" s="181">
        <v>28</v>
      </c>
      <c r="CB22" s="176">
        <v>1</v>
      </c>
      <c r="CC22" s="177">
        <v>0</v>
      </c>
      <c r="CD22" s="182">
        <v>1</v>
      </c>
      <c r="CE22" s="179">
        <v>0</v>
      </c>
      <c r="CF22" s="177">
        <v>3</v>
      </c>
      <c r="CG22" s="177">
        <v>3</v>
      </c>
      <c r="CH22" s="177">
        <v>9</v>
      </c>
      <c r="CI22" s="177">
        <v>6</v>
      </c>
      <c r="CJ22" s="177">
        <v>3</v>
      </c>
      <c r="CK22" s="182">
        <v>24</v>
      </c>
      <c r="CL22" s="181">
        <v>25</v>
      </c>
      <c r="CM22" s="176">
        <v>0</v>
      </c>
      <c r="CN22" s="177">
        <v>0</v>
      </c>
      <c r="CO22" s="182">
        <v>0</v>
      </c>
      <c r="CP22" s="179">
        <v>0</v>
      </c>
      <c r="CQ22" s="177">
        <v>1</v>
      </c>
      <c r="CR22" s="177">
        <v>0</v>
      </c>
      <c r="CS22" s="177">
        <v>1</v>
      </c>
      <c r="CT22" s="177">
        <v>0</v>
      </c>
      <c r="CU22" s="177">
        <v>1</v>
      </c>
      <c r="CV22" s="182">
        <v>3</v>
      </c>
      <c r="CW22" s="181">
        <v>3</v>
      </c>
      <c r="CX22" s="176">
        <v>0</v>
      </c>
      <c r="CY22" s="177">
        <v>0</v>
      </c>
      <c r="CZ22" s="182">
        <v>0</v>
      </c>
      <c r="DA22" s="179">
        <v>0</v>
      </c>
      <c r="DB22" s="177">
        <v>0</v>
      </c>
      <c r="DC22" s="177">
        <v>0</v>
      </c>
      <c r="DD22" s="177">
        <v>0</v>
      </c>
      <c r="DE22" s="177">
        <v>0</v>
      </c>
      <c r="DF22" s="177">
        <v>0</v>
      </c>
      <c r="DG22" s="182">
        <v>0</v>
      </c>
      <c r="DH22" s="181">
        <v>0</v>
      </c>
      <c r="DI22" s="176">
        <v>0</v>
      </c>
      <c r="DJ22" s="177">
        <v>0</v>
      </c>
      <c r="DK22" s="182">
        <v>0</v>
      </c>
      <c r="DL22" s="179">
        <v>0</v>
      </c>
      <c r="DM22" s="177">
        <v>0</v>
      </c>
      <c r="DN22" s="177">
        <v>0</v>
      </c>
      <c r="DO22" s="177">
        <v>0</v>
      </c>
      <c r="DP22" s="177">
        <v>0</v>
      </c>
      <c r="DQ22" s="177">
        <v>0</v>
      </c>
      <c r="DR22" s="182">
        <v>0</v>
      </c>
      <c r="DS22" s="181">
        <v>0</v>
      </c>
      <c r="DT22" s="176">
        <v>11</v>
      </c>
      <c r="DU22" s="177">
        <v>17</v>
      </c>
      <c r="DV22" s="182">
        <v>28</v>
      </c>
      <c r="DW22" s="179">
        <v>0</v>
      </c>
      <c r="DX22" s="177">
        <v>27</v>
      </c>
      <c r="DY22" s="177">
        <v>31</v>
      </c>
      <c r="DZ22" s="177">
        <v>26</v>
      </c>
      <c r="EA22" s="177">
        <v>15</v>
      </c>
      <c r="EB22" s="177">
        <v>9</v>
      </c>
      <c r="EC22" s="182">
        <v>108</v>
      </c>
      <c r="ED22" s="181">
        <v>136</v>
      </c>
      <c r="EE22" s="176">
        <v>3</v>
      </c>
      <c r="EF22" s="177">
        <v>1</v>
      </c>
      <c r="EG22" s="182">
        <v>4</v>
      </c>
      <c r="EH22" s="179">
        <v>0</v>
      </c>
      <c r="EI22" s="177">
        <v>8</v>
      </c>
      <c r="EJ22" s="177">
        <v>6</v>
      </c>
      <c r="EK22" s="177">
        <v>3</v>
      </c>
      <c r="EL22" s="177">
        <v>4</v>
      </c>
      <c r="EM22" s="177">
        <v>7</v>
      </c>
      <c r="EN22" s="182">
        <v>28</v>
      </c>
      <c r="EO22" s="181">
        <v>32</v>
      </c>
      <c r="EP22" s="176">
        <v>15</v>
      </c>
      <c r="EQ22" s="177">
        <v>26</v>
      </c>
      <c r="ER22" s="182">
        <v>41</v>
      </c>
      <c r="ES22" s="179">
        <v>0</v>
      </c>
      <c r="ET22" s="177">
        <v>61</v>
      </c>
      <c r="EU22" s="177">
        <v>52</v>
      </c>
      <c r="EV22" s="177">
        <v>29</v>
      </c>
      <c r="EW22" s="177">
        <v>18</v>
      </c>
      <c r="EX22" s="177">
        <v>11</v>
      </c>
      <c r="EY22" s="182">
        <v>171</v>
      </c>
      <c r="EZ22" s="181">
        <v>212</v>
      </c>
    </row>
    <row r="23" spans="2:156" ht="21" customHeight="1" x14ac:dyDescent="0.2">
      <c r="B23" s="92" t="s">
        <v>21</v>
      </c>
      <c r="C23" s="176">
        <v>0</v>
      </c>
      <c r="D23" s="177">
        <v>0</v>
      </c>
      <c r="E23" s="178">
        <v>0</v>
      </c>
      <c r="F23" s="179">
        <v>0</v>
      </c>
      <c r="G23" s="177">
        <v>15</v>
      </c>
      <c r="H23" s="177">
        <v>16</v>
      </c>
      <c r="I23" s="177">
        <v>3</v>
      </c>
      <c r="J23" s="177">
        <v>3</v>
      </c>
      <c r="K23" s="177">
        <v>7</v>
      </c>
      <c r="L23" s="180">
        <v>44</v>
      </c>
      <c r="M23" s="181">
        <v>44</v>
      </c>
      <c r="N23" s="176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0</v>
      </c>
      <c r="T23" s="177">
        <v>0</v>
      </c>
      <c r="U23" s="177">
        <v>2</v>
      </c>
      <c r="V23" s="177">
        <v>3</v>
      </c>
      <c r="W23" s="182">
        <v>5</v>
      </c>
      <c r="X23" s="181">
        <v>5</v>
      </c>
      <c r="Y23" s="176">
        <v>1</v>
      </c>
      <c r="Z23" s="177">
        <v>2</v>
      </c>
      <c r="AA23" s="182">
        <v>3</v>
      </c>
      <c r="AB23" s="179">
        <v>0</v>
      </c>
      <c r="AC23" s="177">
        <v>15</v>
      </c>
      <c r="AD23" s="177">
        <v>12</v>
      </c>
      <c r="AE23" s="177">
        <v>5</v>
      </c>
      <c r="AF23" s="177">
        <v>5</v>
      </c>
      <c r="AG23" s="177">
        <v>3</v>
      </c>
      <c r="AH23" s="182">
        <v>40</v>
      </c>
      <c r="AI23" s="181">
        <v>43</v>
      </c>
      <c r="AJ23" s="176">
        <v>0</v>
      </c>
      <c r="AK23" s="177">
        <v>1</v>
      </c>
      <c r="AL23" s="182">
        <v>1</v>
      </c>
      <c r="AM23" s="179">
        <v>0</v>
      </c>
      <c r="AN23" s="177">
        <v>0</v>
      </c>
      <c r="AO23" s="177">
        <v>0</v>
      </c>
      <c r="AP23" s="177">
        <v>3</v>
      </c>
      <c r="AQ23" s="177">
        <v>0</v>
      </c>
      <c r="AR23" s="177">
        <v>1</v>
      </c>
      <c r="AS23" s="182">
        <v>4</v>
      </c>
      <c r="AT23" s="181">
        <v>5</v>
      </c>
      <c r="AU23" s="176">
        <v>3</v>
      </c>
      <c r="AV23" s="177">
        <v>5</v>
      </c>
      <c r="AW23" s="182">
        <v>8</v>
      </c>
      <c r="AX23" s="179">
        <v>0</v>
      </c>
      <c r="AY23" s="177">
        <v>15</v>
      </c>
      <c r="AZ23" s="177">
        <v>20</v>
      </c>
      <c r="BA23" s="177">
        <v>11</v>
      </c>
      <c r="BB23" s="177">
        <v>12</v>
      </c>
      <c r="BC23" s="177">
        <v>11</v>
      </c>
      <c r="BD23" s="180">
        <v>69</v>
      </c>
      <c r="BE23" s="181">
        <v>77</v>
      </c>
      <c r="BF23" s="176">
        <v>0</v>
      </c>
      <c r="BG23" s="177">
        <v>0</v>
      </c>
      <c r="BH23" s="182">
        <v>0</v>
      </c>
      <c r="BI23" s="179">
        <v>0</v>
      </c>
      <c r="BJ23" s="177">
        <v>19</v>
      </c>
      <c r="BK23" s="177">
        <v>11</v>
      </c>
      <c r="BL23" s="177">
        <v>5</v>
      </c>
      <c r="BM23" s="177">
        <v>2</v>
      </c>
      <c r="BN23" s="177">
        <v>3</v>
      </c>
      <c r="BO23" s="182">
        <v>40</v>
      </c>
      <c r="BP23" s="181">
        <v>40</v>
      </c>
      <c r="BQ23" s="176">
        <v>1</v>
      </c>
      <c r="BR23" s="177">
        <v>0</v>
      </c>
      <c r="BS23" s="182">
        <v>1</v>
      </c>
      <c r="BT23" s="179">
        <v>0</v>
      </c>
      <c r="BU23" s="177">
        <v>1</v>
      </c>
      <c r="BV23" s="177">
        <v>4</v>
      </c>
      <c r="BW23" s="177">
        <v>2</v>
      </c>
      <c r="BX23" s="177">
        <v>1</v>
      </c>
      <c r="BY23" s="177">
        <v>2</v>
      </c>
      <c r="BZ23" s="182">
        <v>10</v>
      </c>
      <c r="CA23" s="181">
        <v>11</v>
      </c>
      <c r="CB23" s="176">
        <v>0</v>
      </c>
      <c r="CC23" s="177">
        <v>0</v>
      </c>
      <c r="CD23" s="182">
        <v>0</v>
      </c>
      <c r="CE23" s="179">
        <v>0</v>
      </c>
      <c r="CF23" s="177">
        <v>0</v>
      </c>
      <c r="CG23" s="177">
        <v>5</v>
      </c>
      <c r="CH23" s="177">
        <v>2</v>
      </c>
      <c r="CI23" s="177">
        <v>0</v>
      </c>
      <c r="CJ23" s="177">
        <v>1</v>
      </c>
      <c r="CK23" s="182">
        <v>8</v>
      </c>
      <c r="CL23" s="181">
        <v>8</v>
      </c>
      <c r="CM23" s="176">
        <v>0</v>
      </c>
      <c r="CN23" s="177">
        <v>0</v>
      </c>
      <c r="CO23" s="182">
        <v>0</v>
      </c>
      <c r="CP23" s="179">
        <v>0</v>
      </c>
      <c r="CQ23" s="177">
        <v>0</v>
      </c>
      <c r="CR23" s="177">
        <v>1</v>
      </c>
      <c r="CS23" s="177">
        <v>0</v>
      </c>
      <c r="CT23" s="177">
        <v>0</v>
      </c>
      <c r="CU23" s="177">
        <v>0</v>
      </c>
      <c r="CV23" s="182">
        <v>1</v>
      </c>
      <c r="CW23" s="181">
        <v>1</v>
      </c>
      <c r="CX23" s="176">
        <v>0</v>
      </c>
      <c r="CY23" s="177">
        <v>0</v>
      </c>
      <c r="CZ23" s="182">
        <v>0</v>
      </c>
      <c r="DA23" s="179">
        <v>0</v>
      </c>
      <c r="DB23" s="177">
        <v>0</v>
      </c>
      <c r="DC23" s="177">
        <v>0</v>
      </c>
      <c r="DD23" s="177">
        <v>0</v>
      </c>
      <c r="DE23" s="177">
        <v>0</v>
      </c>
      <c r="DF23" s="177">
        <v>0</v>
      </c>
      <c r="DG23" s="182">
        <v>0</v>
      </c>
      <c r="DH23" s="181">
        <v>0</v>
      </c>
      <c r="DI23" s="176">
        <v>0</v>
      </c>
      <c r="DJ23" s="177">
        <v>0</v>
      </c>
      <c r="DK23" s="182">
        <v>0</v>
      </c>
      <c r="DL23" s="179">
        <v>0</v>
      </c>
      <c r="DM23" s="177">
        <v>0</v>
      </c>
      <c r="DN23" s="177">
        <v>0</v>
      </c>
      <c r="DO23" s="177">
        <v>0</v>
      </c>
      <c r="DP23" s="177">
        <v>0</v>
      </c>
      <c r="DQ23" s="177">
        <v>0</v>
      </c>
      <c r="DR23" s="182">
        <v>0</v>
      </c>
      <c r="DS23" s="181">
        <v>0</v>
      </c>
      <c r="DT23" s="176">
        <v>9</v>
      </c>
      <c r="DU23" s="177">
        <v>6</v>
      </c>
      <c r="DV23" s="182">
        <v>15</v>
      </c>
      <c r="DW23" s="179">
        <v>0</v>
      </c>
      <c r="DX23" s="177">
        <v>13</v>
      </c>
      <c r="DY23" s="177">
        <v>28</v>
      </c>
      <c r="DZ23" s="177">
        <v>11</v>
      </c>
      <c r="EA23" s="177">
        <v>5</v>
      </c>
      <c r="EB23" s="177">
        <v>7</v>
      </c>
      <c r="EC23" s="182">
        <v>64</v>
      </c>
      <c r="ED23" s="181">
        <v>79</v>
      </c>
      <c r="EE23" s="176">
        <v>3</v>
      </c>
      <c r="EF23" s="177">
        <v>2</v>
      </c>
      <c r="EG23" s="182">
        <v>5</v>
      </c>
      <c r="EH23" s="179">
        <v>0</v>
      </c>
      <c r="EI23" s="177">
        <v>4</v>
      </c>
      <c r="EJ23" s="177">
        <v>4</v>
      </c>
      <c r="EK23" s="177">
        <v>10</v>
      </c>
      <c r="EL23" s="177">
        <v>4</v>
      </c>
      <c r="EM23" s="177">
        <v>3</v>
      </c>
      <c r="EN23" s="182">
        <v>25</v>
      </c>
      <c r="EO23" s="181">
        <v>30</v>
      </c>
      <c r="EP23" s="176">
        <v>10</v>
      </c>
      <c r="EQ23" s="177">
        <v>8</v>
      </c>
      <c r="ER23" s="182">
        <v>18</v>
      </c>
      <c r="ES23" s="179">
        <v>0</v>
      </c>
      <c r="ET23" s="177">
        <v>47</v>
      </c>
      <c r="EU23" s="177">
        <v>39</v>
      </c>
      <c r="EV23" s="177">
        <v>15</v>
      </c>
      <c r="EW23" s="177">
        <v>8</v>
      </c>
      <c r="EX23" s="177">
        <v>11</v>
      </c>
      <c r="EY23" s="182">
        <v>120</v>
      </c>
      <c r="EZ23" s="181">
        <v>138</v>
      </c>
    </row>
    <row r="24" spans="2:156" ht="21" customHeight="1" x14ac:dyDescent="0.2">
      <c r="B24" s="92" t="s">
        <v>22</v>
      </c>
      <c r="C24" s="176">
        <v>0</v>
      </c>
      <c r="D24" s="177">
        <v>0</v>
      </c>
      <c r="E24" s="178">
        <v>0</v>
      </c>
      <c r="F24" s="179">
        <v>0</v>
      </c>
      <c r="G24" s="177">
        <v>2</v>
      </c>
      <c r="H24" s="177">
        <v>1</v>
      </c>
      <c r="I24" s="177">
        <v>3</v>
      </c>
      <c r="J24" s="177">
        <v>2</v>
      </c>
      <c r="K24" s="177">
        <v>2</v>
      </c>
      <c r="L24" s="180">
        <v>10</v>
      </c>
      <c r="M24" s="181">
        <v>10</v>
      </c>
      <c r="N24" s="176">
        <v>0</v>
      </c>
      <c r="O24" s="177">
        <v>0</v>
      </c>
      <c r="P24" s="182">
        <v>0</v>
      </c>
      <c r="Q24" s="179">
        <v>0</v>
      </c>
      <c r="R24" s="177">
        <v>0</v>
      </c>
      <c r="S24" s="177">
        <v>0</v>
      </c>
      <c r="T24" s="177">
        <v>0</v>
      </c>
      <c r="U24" s="177">
        <v>1</v>
      </c>
      <c r="V24" s="177">
        <v>4</v>
      </c>
      <c r="W24" s="182">
        <v>5</v>
      </c>
      <c r="X24" s="181">
        <v>5</v>
      </c>
      <c r="Y24" s="176">
        <v>0</v>
      </c>
      <c r="Z24" s="177">
        <v>1</v>
      </c>
      <c r="AA24" s="182">
        <v>1</v>
      </c>
      <c r="AB24" s="179">
        <v>0</v>
      </c>
      <c r="AC24" s="177">
        <v>5</v>
      </c>
      <c r="AD24" s="177">
        <v>3</v>
      </c>
      <c r="AE24" s="177">
        <v>1</v>
      </c>
      <c r="AF24" s="177">
        <v>1</v>
      </c>
      <c r="AG24" s="177">
        <v>4</v>
      </c>
      <c r="AH24" s="182">
        <v>14</v>
      </c>
      <c r="AI24" s="181">
        <v>15</v>
      </c>
      <c r="AJ24" s="176">
        <v>0</v>
      </c>
      <c r="AK24" s="177">
        <v>0</v>
      </c>
      <c r="AL24" s="182">
        <v>0</v>
      </c>
      <c r="AM24" s="179">
        <v>0</v>
      </c>
      <c r="AN24" s="177">
        <v>2</v>
      </c>
      <c r="AO24" s="177">
        <v>1</v>
      </c>
      <c r="AP24" s="177">
        <v>0</v>
      </c>
      <c r="AQ24" s="177">
        <v>1</v>
      </c>
      <c r="AR24" s="177">
        <v>0</v>
      </c>
      <c r="AS24" s="182">
        <v>4</v>
      </c>
      <c r="AT24" s="181">
        <v>4</v>
      </c>
      <c r="AU24" s="176">
        <v>0</v>
      </c>
      <c r="AV24" s="177">
        <v>1</v>
      </c>
      <c r="AW24" s="182">
        <v>1</v>
      </c>
      <c r="AX24" s="179">
        <v>0</v>
      </c>
      <c r="AY24" s="177">
        <v>3</v>
      </c>
      <c r="AZ24" s="177">
        <v>2</v>
      </c>
      <c r="BA24" s="177">
        <v>5</v>
      </c>
      <c r="BB24" s="177">
        <v>6</v>
      </c>
      <c r="BC24" s="177">
        <v>3</v>
      </c>
      <c r="BD24" s="180">
        <v>19</v>
      </c>
      <c r="BE24" s="181">
        <v>20</v>
      </c>
      <c r="BF24" s="176">
        <v>0</v>
      </c>
      <c r="BG24" s="177">
        <v>0</v>
      </c>
      <c r="BH24" s="182">
        <v>0</v>
      </c>
      <c r="BI24" s="179">
        <v>0</v>
      </c>
      <c r="BJ24" s="177">
        <v>3</v>
      </c>
      <c r="BK24" s="177">
        <v>5</v>
      </c>
      <c r="BL24" s="177">
        <v>3</v>
      </c>
      <c r="BM24" s="177">
        <v>4</v>
      </c>
      <c r="BN24" s="177">
        <v>2</v>
      </c>
      <c r="BO24" s="182">
        <v>17</v>
      </c>
      <c r="BP24" s="181">
        <v>17</v>
      </c>
      <c r="BQ24" s="176">
        <v>2</v>
      </c>
      <c r="BR24" s="177">
        <v>0</v>
      </c>
      <c r="BS24" s="182">
        <v>2</v>
      </c>
      <c r="BT24" s="179">
        <v>0</v>
      </c>
      <c r="BU24" s="177">
        <v>5</v>
      </c>
      <c r="BV24" s="177">
        <v>3</v>
      </c>
      <c r="BW24" s="177">
        <v>0</v>
      </c>
      <c r="BX24" s="177">
        <v>0</v>
      </c>
      <c r="BY24" s="177">
        <v>0</v>
      </c>
      <c r="BZ24" s="182">
        <v>8</v>
      </c>
      <c r="CA24" s="181">
        <v>10</v>
      </c>
      <c r="CB24" s="176">
        <v>0</v>
      </c>
      <c r="CC24" s="177">
        <v>0</v>
      </c>
      <c r="CD24" s="182">
        <v>0</v>
      </c>
      <c r="CE24" s="179">
        <v>0</v>
      </c>
      <c r="CF24" s="177">
        <v>1</v>
      </c>
      <c r="CG24" s="177">
        <v>3</v>
      </c>
      <c r="CH24" s="177">
        <v>1</v>
      </c>
      <c r="CI24" s="177">
        <v>0</v>
      </c>
      <c r="CJ24" s="177">
        <v>0</v>
      </c>
      <c r="CK24" s="182">
        <v>5</v>
      </c>
      <c r="CL24" s="181">
        <v>5</v>
      </c>
      <c r="CM24" s="176">
        <v>0</v>
      </c>
      <c r="CN24" s="177">
        <v>0</v>
      </c>
      <c r="CO24" s="182">
        <v>0</v>
      </c>
      <c r="CP24" s="179">
        <v>0</v>
      </c>
      <c r="CQ24" s="177">
        <v>0</v>
      </c>
      <c r="CR24" s="177">
        <v>0</v>
      </c>
      <c r="CS24" s="177">
        <v>0</v>
      </c>
      <c r="CT24" s="177">
        <v>0</v>
      </c>
      <c r="CU24" s="177">
        <v>0</v>
      </c>
      <c r="CV24" s="182">
        <v>0</v>
      </c>
      <c r="CW24" s="181">
        <v>0</v>
      </c>
      <c r="CX24" s="176">
        <v>0</v>
      </c>
      <c r="CY24" s="177">
        <v>0</v>
      </c>
      <c r="CZ24" s="182">
        <v>0</v>
      </c>
      <c r="DA24" s="179">
        <v>0</v>
      </c>
      <c r="DB24" s="177">
        <v>0</v>
      </c>
      <c r="DC24" s="177">
        <v>0</v>
      </c>
      <c r="DD24" s="177">
        <v>0</v>
      </c>
      <c r="DE24" s="177">
        <v>0</v>
      </c>
      <c r="DF24" s="177">
        <v>0</v>
      </c>
      <c r="DG24" s="182">
        <v>0</v>
      </c>
      <c r="DH24" s="181">
        <v>0</v>
      </c>
      <c r="DI24" s="176">
        <v>0</v>
      </c>
      <c r="DJ24" s="177">
        <v>0</v>
      </c>
      <c r="DK24" s="182">
        <v>0</v>
      </c>
      <c r="DL24" s="179">
        <v>0</v>
      </c>
      <c r="DM24" s="177">
        <v>0</v>
      </c>
      <c r="DN24" s="177">
        <v>0</v>
      </c>
      <c r="DO24" s="177">
        <v>0</v>
      </c>
      <c r="DP24" s="177">
        <v>0</v>
      </c>
      <c r="DQ24" s="177">
        <v>0</v>
      </c>
      <c r="DR24" s="182">
        <v>0</v>
      </c>
      <c r="DS24" s="181">
        <v>0</v>
      </c>
      <c r="DT24" s="176">
        <v>5</v>
      </c>
      <c r="DU24" s="177">
        <v>8</v>
      </c>
      <c r="DV24" s="182">
        <v>13</v>
      </c>
      <c r="DW24" s="179">
        <v>0</v>
      </c>
      <c r="DX24" s="177">
        <v>10</v>
      </c>
      <c r="DY24" s="177">
        <v>8</v>
      </c>
      <c r="DZ24" s="177">
        <v>5</v>
      </c>
      <c r="EA24" s="177">
        <v>4</v>
      </c>
      <c r="EB24" s="177">
        <v>6</v>
      </c>
      <c r="EC24" s="182">
        <v>33</v>
      </c>
      <c r="ED24" s="181">
        <v>46</v>
      </c>
      <c r="EE24" s="176">
        <v>0</v>
      </c>
      <c r="EF24" s="177">
        <v>0</v>
      </c>
      <c r="EG24" s="182">
        <v>0</v>
      </c>
      <c r="EH24" s="179">
        <v>0</v>
      </c>
      <c r="EI24" s="177">
        <v>4</v>
      </c>
      <c r="EJ24" s="177">
        <v>1</v>
      </c>
      <c r="EK24" s="177">
        <v>3</v>
      </c>
      <c r="EL24" s="177">
        <v>4</v>
      </c>
      <c r="EM24" s="177">
        <v>2</v>
      </c>
      <c r="EN24" s="182">
        <v>14</v>
      </c>
      <c r="EO24" s="181">
        <v>14</v>
      </c>
      <c r="EP24" s="176">
        <v>6</v>
      </c>
      <c r="EQ24" s="177">
        <v>9</v>
      </c>
      <c r="ER24" s="182">
        <v>15</v>
      </c>
      <c r="ES24" s="179">
        <v>0</v>
      </c>
      <c r="ET24" s="177">
        <v>22</v>
      </c>
      <c r="EU24" s="177">
        <v>16</v>
      </c>
      <c r="EV24" s="177">
        <v>6</v>
      </c>
      <c r="EW24" s="177">
        <v>5</v>
      </c>
      <c r="EX24" s="177">
        <v>6</v>
      </c>
      <c r="EY24" s="182">
        <v>55</v>
      </c>
      <c r="EZ24" s="181">
        <v>70</v>
      </c>
    </row>
    <row r="25" spans="2:156" ht="21" customHeight="1" x14ac:dyDescent="0.2">
      <c r="B25" s="92" t="s">
        <v>23</v>
      </c>
      <c r="C25" s="176">
        <v>0</v>
      </c>
      <c r="D25" s="177">
        <v>0</v>
      </c>
      <c r="E25" s="178">
        <v>0</v>
      </c>
      <c r="F25" s="179">
        <v>0</v>
      </c>
      <c r="G25" s="177">
        <v>1</v>
      </c>
      <c r="H25" s="177">
        <v>4</v>
      </c>
      <c r="I25" s="177">
        <v>7</v>
      </c>
      <c r="J25" s="177">
        <v>2</v>
      </c>
      <c r="K25" s="177">
        <v>3</v>
      </c>
      <c r="L25" s="180">
        <v>17</v>
      </c>
      <c r="M25" s="181">
        <v>17</v>
      </c>
      <c r="N25" s="176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0</v>
      </c>
      <c r="T25" s="177">
        <v>1</v>
      </c>
      <c r="U25" s="177">
        <v>2</v>
      </c>
      <c r="V25" s="177">
        <v>0</v>
      </c>
      <c r="W25" s="182">
        <v>3</v>
      </c>
      <c r="X25" s="181">
        <v>3</v>
      </c>
      <c r="Y25" s="176">
        <v>5</v>
      </c>
      <c r="Z25" s="177">
        <v>5</v>
      </c>
      <c r="AA25" s="182">
        <v>10</v>
      </c>
      <c r="AB25" s="179">
        <v>0</v>
      </c>
      <c r="AC25" s="177">
        <v>1</v>
      </c>
      <c r="AD25" s="177">
        <v>11</v>
      </c>
      <c r="AE25" s="177">
        <v>7</v>
      </c>
      <c r="AF25" s="177">
        <v>4</v>
      </c>
      <c r="AG25" s="177">
        <v>2</v>
      </c>
      <c r="AH25" s="182">
        <v>25</v>
      </c>
      <c r="AI25" s="181">
        <v>35</v>
      </c>
      <c r="AJ25" s="176">
        <v>0</v>
      </c>
      <c r="AK25" s="177">
        <v>1</v>
      </c>
      <c r="AL25" s="182">
        <v>1</v>
      </c>
      <c r="AM25" s="179">
        <v>0</v>
      </c>
      <c r="AN25" s="177">
        <v>1</v>
      </c>
      <c r="AO25" s="177">
        <v>1</v>
      </c>
      <c r="AP25" s="177">
        <v>0</v>
      </c>
      <c r="AQ25" s="177">
        <v>0</v>
      </c>
      <c r="AR25" s="177">
        <v>0</v>
      </c>
      <c r="AS25" s="182">
        <v>2</v>
      </c>
      <c r="AT25" s="181">
        <v>3</v>
      </c>
      <c r="AU25" s="176">
        <v>1</v>
      </c>
      <c r="AV25" s="177">
        <v>2</v>
      </c>
      <c r="AW25" s="182">
        <v>3</v>
      </c>
      <c r="AX25" s="179">
        <v>0</v>
      </c>
      <c r="AY25" s="177">
        <v>4</v>
      </c>
      <c r="AZ25" s="177">
        <v>7</v>
      </c>
      <c r="BA25" s="177">
        <v>11</v>
      </c>
      <c r="BB25" s="177">
        <v>8</v>
      </c>
      <c r="BC25" s="177">
        <v>8</v>
      </c>
      <c r="BD25" s="180">
        <v>38</v>
      </c>
      <c r="BE25" s="181">
        <v>41</v>
      </c>
      <c r="BF25" s="176">
        <v>0</v>
      </c>
      <c r="BG25" s="177">
        <v>0</v>
      </c>
      <c r="BH25" s="182">
        <v>0</v>
      </c>
      <c r="BI25" s="179">
        <v>0</v>
      </c>
      <c r="BJ25" s="177">
        <v>8</v>
      </c>
      <c r="BK25" s="177">
        <v>13</v>
      </c>
      <c r="BL25" s="177">
        <v>6</v>
      </c>
      <c r="BM25" s="177">
        <v>2</v>
      </c>
      <c r="BN25" s="177">
        <v>2</v>
      </c>
      <c r="BO25" s="182">
        <v>31</v>
      </c>
      <c r="BP25" s="181">
        <v>31</v>
      </c>
      <c r="BQ25" s="176">
        <v>0</v>
      </c>
      <c r="BR25" s="177">
        <v>0</v>
      </c>
      <c r="BS25" s="182">
        <v>0</v>
      </c>
      <c r="BT25" s="179">
        <v>0</v>
      </c>
      <c r="BU25" s="177">
        <v>0</v>
      </c>
      <c r="BV25" s="177">
        <v>0</v>
      </c>
      <c r="BW25" s="177">
        <v>5</v>
      </c>
      <c r="BX25" s="177">
        <v>0</v>
      </c>
      <c r="BY25" s="177">
        <v>1</v>
      </c>
      <c r="BZ25" s="182">
        <v>6</v>
      </c>
      <c r="CA25" s="181">
        <v>6</v>
      </c>
      <c r="CB25" s="176">
        <v>0</v>
      </c>
      <c r="CC25" s="177">
        <v>0</v>
      </c>
      <c r="CD25" s="182">
        <v>0</v>
      </c>
      <c r="CE25" s="179">
        <v>0</v>
      </c>
      <c r="CF25" s="177">
        <v>4</v>
      </c>
      <c r="CG25" s="177">
        <v>3</v>
      </c>
      <c r="CH25" s="177">
        <v>5</v>
      </c>
      <c r="CI25" s="177">
        <v>0</v>
      </c>
      <c r="CJ25" s="177">
        <v>0</v>
      </c>
      <c r="CK25" s="182">
        <v>12</v>
      </c>
      <c r="CL25" s="181">
        <v>12</v>
      </c>
      <c r="CM25" s="176">
        <v>0</v>
      </c>
      <c r="CN25" s="177">
        <v>0</v>
      </c>
      <c r="CO25" s="182">
        <v>0</v>
      </c>
      <c r="CP25" s="179">
        <v>0</v>
      </c>
      <c r="CQ25" s="177">
        <v>0</v>
      </c>
      <c r="CR25" s="177">
        <v>0</v>
      </c>
      <c r="CS25" s="177">
        <v>0</v>
      </c>
      <c r="CT25" s="177">
        <v>0</v>
      </c>
      <c r="CU25" s="177">
        <v>0</v>
      </c>
      <c r="CV25" s="182">
        <v>0</v>
      </c>
      <c r="CW25" s="181">
        <v>0</v>
      </c>
      <c r="CX25" s="176">
        <v>0</v>
      </c>
      <c r="CY25" s="177">
        <v>0</v>
      </c>
      <c r="CZ25" s="182">
        <v>0</v>
      </c>
      <c r="DA25" s="179">
        <v>0</v>
      </c>
      <c r="DB25" s="177">
        <v>0</v>
      </c>
      <c r="DC25" s="177">
        <v>0</v>
      </c>
      <c r="DD25" s="177">
        <v>0</v>
      </c>
      <c r="DE25" s="177">
        <v>0</v>
      </c>
      <c r="DF25" s="177">
        <v>0</v>
      </c>
      <c r="DG25" s="182">
        <v>0</v>
      </c>
      <c r="DH25" s="181">
        <v>0</v>
      </c>
      <c r="DI25" s="176">
        <v>0</v>
      </c>
      <c r="DJ25" s="177">
        <v>0</v>
      </c>
      <c r="DK25" s="182">
        <v>0</v>
      </c>
      <c r="DL25" s="179">
        <v>0</v>
      </c>
      <c r="DM25" s="177">
        <v>0</v>
      </c>
      <c r="DN25" s="177">
        <v>0</v>
      </c>
      <c r="DO25" s="177">
        <v>0</v>
      </c>
      <c r="DP25" s="177">
        <v>0</v>
      </c>
      <c r="DQ25" s="177">
        <v>0</v>
      </c>
      <c r="DR25" s="182">
        <v>0</v>
      </c>
      <c r="DS25" s="181">
        <v>0</v>
      </c>
      <c r="DT25" s="176">
        <v>2</v>
      </c>
      <c r="DU25" s="177">
        <v>11</v>
      </c>
      <c r="DV25" s="182">
        <v>13</v>
      </c>
      <c r="DW25" s="179">
        <v>0</v>
      </c>
      <c r="DX25" s="177">
        <v>7</v>
      </c>
      <c r="DY25" s="177">
        <v>15</v>
      </c>
      <c r="DZ25" s="177">
        <v>18</v>
      </c>
      <c r="EA25" s="177">
        <v>6</v>
      </c>
      <c r="EB25" s="177">
        <v>5</v>
      </c>
      <c r="EC25" s="182">
        <v>51</v>
      </c>
      <c r="ED25" s="181">
        <v>64</v>
      </c>
      <c r="EE25" s="176">
        <v>1</v>
      </c>
      <c r="EF25" s="177">
        <v>1</v>
      </c>
      <c r="EG25" s="182">
        <v>2</v>
      </c>
      <c r="EH25" s="179">
        <v>0</v>
      </c>
      <c r="EI25" s="177">
        <v>1</v>
      </c>
      <c r="EJ25" s="177">
        <v>6</v>
      </c>
      <c r="EK25" s="177">
        <v>1</v>
      </c>
      <c r="EL25" s="177">
        <v>7</v>
      </c>
      <c r="EM25" s="177">
        <v>5</v>
      </c>
      <c r="EN25" s="182">
        <v>20</v>
      </c>
      <c r="EO25" s="181">
        <v>22</v>
      </c>
      <c r="EP25" s="176">
        <v>7</v>
      </c>
      <c r="EQ25" s="177">
        <v>13</v>
      </c>
      <c r="ER25" s="182">
        <v>20</v>
      </c>
      <c r="ES25" s="179">
        <v>0</v>
      </c>
      <c r="ET25" s="177">
        <v>14</v>
      </c>
      <c r="EU25" s="177">
        <v>24</v>
      </c>
      <c r="EV25" s="177">
        <v>20</v>
      </c>
      <c r="EW25" s="177">
        <v>5</v>
      </c>
      <c r="EX25" s="177">
        <v>6</v>
      </c>
      <c r="EY25" s="182">
        <v>69</v>
      </c>
      <c r="EZ25" s="181">
        <v>89</v>
      </c>
    </row>
    <row r="26" spans="2:156" ht="21" customHeight="1" x14ac:dyDescent="0.2">
      <c r="B26" s="92" t="s">
        <v>24</v>
      </c>
      <c r="C26" s="176">
        <v>0</v>
      </c>
      <c r="D26" s="177">
        <v>0</v>
      </c>
      <c r="E26" s="178">
        <v>0</v>
      </c>
      <c r="F26" s="179">
        <v>0</v>
      </c>
      <c r="G26" s="177">
        <v>9</v>
      </c>
      <c r="H26" s="177">
        <v>9</v>
      </c>
      <c r="I26" s="177">
        <v>3</v>
      </c>
      <c r="J26" s="177">
        <v>4</v>
      </c>
      <c r="K26" s="177">
        <v>3</v>
      </c>
      <c r="L26" s="180">
        <v>28</v>
      </c>
      <c r="M26" s="181">
        <v>28</v>
      </c>
      <c r="N26" s="176">
        <v>0</v>
      </c>
      <c r="O26" s="177">
        <v>0</v>
      </c>
      <c r="P26" s="182">
        <v>0</v>
      </c>
      <c r="Q26" s="179">
        <v>0</v>
      </c>
      <c r="R26" s="177">
        <v>0</v>
      </c>
      <c r="S26" s="177">
        <v>0</v>
      </c>
      <c r="T26" s="177">
        <v>0</v>
      </c>
      <c r="U26" s="177">
        <v>0</v>
      </c>
      <c r="V26" s="177">
        <v>3</v>
      </c>
      <c r="W26" s="182">
        <v>3</v>
      </c>
      <c r="X26" s="181">
        <v>3</v>
      </c>
      <c r="Y26" s="176">
        <v>2</v>
      </c>
      <c r="Z26" s="177">
        <v>2</v>
      </c>
      <c r="AA26" s="182">
        <v>4</v>
      </c>
      <c r="AB26" s="179">
        <v>0</v>
      </c>
      <c r="AC26" s="177">
        <v>9</v>
      </c>
      <c r="AD26" s="177">
        <v>8</v>
      </c>
      <c r="AE26" s="177">
        <v>4</v>
      </c>
      <c r="AF26" s="177">
        <v>1</v>
      </c>
      <c r="AG26" s="177">
        <v>5</v>
      </c>
      <c r="AH26" s="182">
        <v>27</v>
      </c>
      <c r="AI26" s="181">
        <v>31</v>
      </c>
      <c r="AJ26" s="176">
        <v>0</v>
      </c>
      <c r="AK26" s="177">
        <v>0</v>
      </c>
      <c r="AL26" s="182">
        <v>0</v>
      </c>
      <c r="AM26" s="179">
        <v>0</v>
      </c>
      <c r="AN26" s="177">
        <v>0</v>
      </c>
      <c r="AO26" s="177">
        <v>0</v>
      </c>
      <c r="AP26" s="177">
        <v>0</v>
      </c>
      <c r="AQ26" s="177">
        <v>0</v>
      </c>
      <c r="AR26" s="177">
        <v>1</v>
      </c>
      <c r="AS26" s="182">
        <v>1</v>
      </c>
      <c r="AT26" s="181">
        <v>1</v>
      </c>
      <c r="AU26" s="176">
        <v>5</v>
      </c>
      <c r="AV26" s="177">
        <v>2</v>
      </c>
      <c r="AW26" s="182">
        <v>7</v>
      </c>
      <c r="AX26" s="179">
        <v>0</v>
      </c>
      <c r="AY26" s="177">
        <v>13</v>
      </c>
      <c r="AZ26" s="177">
        <v>8</v>
      </c>
      <c r="BA26" s="177">
        <v>9</v>
      </c>
      <c r="BB26" s="177">
        <v>11</v>
      </c>
      <c r="BC26" s="177">
        <v>16</v>
      </c>
      <c r="BD26" s="180">
        <v>57</v>
      </c>
      <c r="BE26" s="181">
        <v>64</v>
      </c>
      <c r="BF26" s="176">
        <v>0</v>
      </c>
      <c r="BG26" s="177">
        <v>0</v>
      </c>
      <c r="BH26" s="182">
        <v>0</v>
      </c>
      <c r="BI26" s="179">
        <v>0</v>
      </c>
      <c r="BJ26" s="177">
        <v>12</v>
      </c>
      <c r="BK26" s="177">
        <v>8</v>
      </c>
      <c r="BL26" s="177">
        <v>2</v>
      </c>
      <c r="BM26" s="177">
        <v>1</v>
      </c>
      <c r="BN26" s="177">
        <v>0</v>
      </c>
      <c r="BO26" s="182">
        <v>23</v>
      </c>
      <c r="BP26" s="181">
        <v>23</v>
      </c>
      <c r="BQ26" s="176">
        <v>2</v>
      </c>
      <c r="BR26" s="177">
        <v>1</v>
      </c>
      <c r="BS26" s="182">
        <v>3</v>
      </c>
      <c r="BT26" s="179">
        <v>0</v>
      </c>
      <c r="BU26" s="177">
        <v>8</v>
      </c>
      <c r="BV26" s="177">
        <v>4</v>
      </c>
      <c r="BW26" s="177">
        <v>0</v>
      </c>
      <c r="BX26" s="177">
        <v>0</v>
      </c>
      <c r="BY26" s="177">
        <v>1</v>
      </c>
      <c r="BZ26" s="182">
        <v>13</v>
      </c>
      <c r="CA26" s="181">
        <v>16</v>
      </c>
      <c r="CB26" s="176">
        <v>0</v>
      </c>
      <c r="CC26" s="177">
        <v>0</v>
      </c>
      <c r="CD26" s="182">
        <v>0</v>
      </c>
      <c r="CE26" s="179">
        <v>0</v>
      </c>
      <c r="CF26" s="177">
        <v>0</v>
      </c>
      <c r="CG26" s="177">
        <v>3</v>
      </c>
      <c r="CH26" s="177">
        <v>1</v>
      </c>
      <c r="CI26" s="177">
        <v>0</v>
      </c>
      <c r="CJ26" s="177">
        <v>0</v>
      </c>
      <c r="CK26" s="182">
        <v>4</v>
      </c>
      <c r="CL26" s="181">
        <v>4</v>
      </c>
      <c r="CM26" s="176">
        <v>0</v>
      </c>
      <c r="CN26" s="177">
        <v>0</v>
      </c>
      <c r="CO26" s="182">
        <v>0</v>
      </c>
      <c r="CP26" s="179">
        <v>0</v>
      </c>
      <c r="CQ26" s="177">
        <v>0</v>
      </c>
      <c r="CR26" s="177">
        <v>0</v>
      </c>
      <c r="CS26" s="177">
        <v>0</v>
      </c>
      <c r="CT26" s="177">
        <v>0</v>
      </c>
      <c r="CU26" s="177">
        <v>0</v>
      </c>
      <c r="CV26" s="182">
        <v>0</v>
      </c>
      <c r="CW26" s="181">
        <v>0</v>
      </c>
      <c r="CX26" s="176">
        <v>0</v>
      </c>
      <c r="CY26" s="177">
        <v>0</v>
      </c>
      <c r="CZ26" s="182">
        <v>0</v>
      </c>
      <c r="DA26" s="179">
        <v>0</v>
      </c>
      <c r="DB26" s="177">
        <v>0</v>
      </c>
      <c r="DC26" s="177">
        <v>0</v>
      </c>
      <c r="DD26" s="177">
        <v>0</v>
      </c>
      <c r="DE26" s="177">
        <v>0</v>
      </c>
      <c r="DF26" s="177">
        <v>0</v>
      </c>
      <c r="DG26" s="182">
        <v>0</v>
      </c>
      <c r="DH26" s="181">
        <v>0</v>
      </c>
      <c r="DI26" s="176">
        <v>0</v>
      </c>
      <c r="DJ26" s="177">
        <v>0</v>
      </c>
      <c r="DK26" s="182">
        <v>0</v>
      </c>
      <c r="DL26" s="179">
        <v>0</v>
      </c>
      <c r="DM26" s="177">
        <v>0</v>
      </c>
      <c r="DN26" s="177">
        <v>0</v>
      </c>
      <c r="DO26" s="177">
        <v>0</v>
      </c>
      <c r="DP26" s="177">
        <v>0</v>
      </c>
      <c r="DQ26" s="177">
        <v>0</v>
      </c>
      <c r="DR26" s="182">
        <v>0</v>
      </c>
      <c r="DS26" s="181">
        <v>0</v>
      </c>
      <c r="DT26" s="176">
        <v>3</v>
      </c>
      <c r="DU26" s="177">
        <v>8</v>
      </c>
      <c r="DV26" s="182">
        <v>11</v>
      </c>
      <c r="DW26" s="179">
        <v>0</v>
      </c>
      <c r="DX26" s="177">
        <v>16</v>
      </c>
      <c r="DY26" s="177">
        <v>20</v>
      </c>
      <c r="DZ26" s="177">
        <v>7</v>
      </c>
      <c r="EA26" s="177">
        <v>4</v>
      </c>
      <c r="EB26" s="177">
        <v>9</v>
      </c>
      <c r="EC26" s="182">
        <v>56</v>
      </c>
      <c r="ED26" s="181">
        <v>67</v>
      </c>
      <c r="EE26" s="176">
        <v>4</v>
      </c>
      <c r="EF26" s="177">
        <v>2</v>
      </c>
      <c r="EG26" s="182">
        <v>6</v>
      </c>
      <c r="EH26" s="179">
        <v>0</v>
      </c>
      <c r="EI26" s="177">
        <v>6</v>
      </c>
      <c r="EJ26" s="177">
        <v>3</v>
      </c>
      <c r="EK26" s="177">
        <v>5</v>
      </c>
      <c r="EL26" s="177">
        <v>6</v>
      </c>
      <c r="EM26" s="177">
        <v>7</v>
      </c>
      <c r="EN26" s="182">
        <v>27</v>
      </c>
      <c r="EO26" s="181">
        <v>33</v>
      </c>
      <c r="EP26" s="176">
        <v>6</v>
      </c>
      <c r="EQ26" s="177">
        <v>10</v>
      </c>
      <c r="ER26" s="182">
        <v>16</v>
      </c>
      <c r="ES26" s="179">
        <v>0</v>
      </c>
      <c r="ET26" s="177">
        <v>30</v>
      </c>
      <c r="EU26" s="177">
        <v>22</v>
      </c>
      <c r="EV26" s="177">
        <v>8</v>
      </c>
      <c r="EW26" s="177">
        <v>5</v>
      </c>
      <c r="EX26" s="177">
        <v>9</v>
      </c>
      <c r="EY26" s="182">
        <v>74</v>
      </c>
      <c r="EZ26" s="181">
        <v>90</v>
      </c>
    </row>
    <row r="27" spans="2:156" ht="21" customHeight="1" x14ac:dyDescent="0.2">
      <c r="B27" s="92" t="s">
        <v>25</v>
      </c>
      <c r="C27" s="176">
        <v>0</v>
      </c>
      <c r="D27" s="177">
        <v>0</v>
      </c>
      <c r="E27" s="178">
        <v>0</v>
      </c>
      <c r="F27" s="179">
        <v>0</v>
      </c>
      <c r="G27" s="177">
        <v>2</v>
      </c>
      <c r="H27" s="177">
        <v>1</v>
      </c>
      <c r="I27" s="177">
        <v>4</v>
      </c>
      <c r="J27" s="177">
        <v>2</v>
      </c>
      <c r="K27" s="177">
        <v>1</v>
      </c>
      <c r="L27" s="180">
        <v>10</v>
      </c>
      <c r="M27" s="181">
        <v>10</v>
      </c>
      <c r="N27" s="176">
        <v>0</v>
      </c>
      <c r="O27" s="177">
        <v>0</v>
      </c>
      <c r="P27" s="182">
        <v>0</v>
      </c>
      <c r="Q27" s="179">
        <v>0</v>
      </c>
      <c r="R27" s="177">
        <v>0</v>
      </c>
      <c r="S27" s="177">
        <v>0</v>
      </c>
      <c r="T27" s="177">
        <v>1</v>
      </c>
      <c r="U27" s="177">
        <v>0</v>
      </c>
      <c r="V27" s="177">
        <v>4</v>
      </c>
      <c r="W27" s="182">
        <v>5</v>
      </c>
      <c r="X27" s="181">
        <v>5</v>
      </c>
      <c r="Y27" s="176">
        <v>4</v>
      </c>
      <c r="Z27" s="177">
        <v>5</v>
      </c>
      <c r="AA27" s="182">
        <v>9</v>
      </c>
      <c r="AB27" s="179">
        <v>0</v>
      </c>
      <c r="AC27" s="177">
        <v>1</v>
      </c>
      <c r="AD27" s="177">
        <v>2</v>
      </c>
      <c r="AE27" s="177">
        <v>5</v>
      </c>
      <c r="AF27" s="177">
        <v>2</v>
      </c>
      <c r="AG27" s="177">
        <v>3</v>
      </c>
      <c r="AH27" s="182">
        <v>13</v>
      </c>
      <c r="AI27" s="181">
        <v>22</v>
      </c>
      <c r="AJ27" s="176">
        <v>0</v>
      </c>
      <c r="AK27" s="177">
        <v>0</v>
      </c>
      <c r="AL27" s="182">
        <v>0</v>
      </c>
      <c r="AM27" s="179">
        <v>0</v>
      </c>
      <c r="AN27" s="177">
        <v>0</v>
      </c>
      <c r="AO27" s="177">
        <v>0</v>
      </c>
      <c r="AP27" s="177">
        <v>0</v>
      </c>
      <c r="AQ27" s="177">
        <v>0</v>
      </c>
      <c r="AR27" s="177">
        <v>0</v>
      </c>
      <c r="AS27" s="182">
        <v>0</v>
      </c>
      <c r="AT27" s="181">
        <v>0</v>
      </c>
      <c r="AU27" s="176">
        <v>1</v>
      </c>
      <c r="AV27" s="177">
        <v>1</v>
      </c>
      <c r="AW27" s="182">
        <v>2</v>
      </c>
      <c r="AX27" s="179">
        <v>0</v>
      </c>
      <c r="AY27" s="177">
        <v>2</v>
      </c>
      <c r="AZ27" s="177">
        <v>2</v>
      </c>
      <c r="BA27" s="177">
        <v>2</v>
      </c>
      <c r="BB27" s="177">
        <v>2</v>
      </c>
      <c r="BC27" s="177">
        <v>5</v>
      </c>
      <c r="BD27" s="180">
        <v>13</v>
      </c>
      <c r="BE27" s="181">
        <v>15</v>
      </c>
      <c r="BF27" s="176">
        <v>0</v>
      </c>
      <c r="BG27" s="177">
        <v>0</v>
      </c>
      <c r="BH27" s="182">
        <v>0</v>
      </c>
      <c r="BI27" s="179">
        <v>0</v>
      </c>
      <c r="BJ27" s="177">
        <v>3</v>
      </c>
      <c r="BK27" s="177">
        <v>4</v>
      </c>
      <c r="BL27" s="177">
        <v>2</v>
      </c>
      <c r="BM27" s="177">
        <v>1</v>
      </c>
      <c r="BN27" s="177">
        <v>0</v>
      </c>
      <c r="BO27" s="182">
        <v>10</v>
      </c>
      <c r="BP27" s="181">
        <v>10</v>
      </c>
      <c r="BQ27" s="176">
        <v>0</v>
      </c>
      <c r="BR27" s="177">
        <v>0</v>
      </c>
      <c r="BS27" s="182">
        <v>0</v>
      </c>
      <c r="BT27" s="179">
        <v>0</v>
      </c>
      <c r="BU27" s="177">
        <v>2</v>
      </c>
      <c r="BV27" s="177">
        <v>6</v>
      </c>
      <c r="BW27" s="177">
        <v>1</v>
      </c>
      <c r="BX27" s="177">
        <v>0</v>
      </c>
      <c r="BY27" s="177">
        <v>0</v>
      </c>
      <c r="BZ27" s="182">
        <v>9</v>
      </c>
      <c r="CA27" s="181">
        <v>9</v>
      </c>
      <c r="CB27" s="176">
        <v>0</v>
      </c>
      <c r="CC27" s="177">
        <v>1</v>
      </c>
      <c r="CD27" s="182">
        <v>1</v>
      </c>
      <c r="CE27" s="179">
        <v>0</v>
      </c>
      <c r="CF27" s="177">
        <v>1</v>
      </c>
      <c r="CG27" s="177">
        <v>1</v>
      </c>
      <c r="CH27" s="177">
        <v>0</v>
      </c>
      <c r="CI27" s="177">
        <v>1</v>
      </c>
      <c r="CJ27" s="177">
        <v>0</v>
      </c>
      <c r="CK27" s="182">
        <v>3</v>
      </c>
      <c r="CL27" s="181">
        <v>4</v>
      </c>
      <c r="CM27" s="176">
        <v>0</v>
      </c>
      <c r="CN27" s="177">
        <v>0</v>
      </c>
      <c r="CO27" s="182">
        <v>0</v>
      </c>
      <c r="CP27" s="179">
        <v>0</v>
      </c>
      <c r="CQ27" s="177">
        <v>0</v>
      </c>
      <c r="CR27" s="177">
        <v>0</v>
      </c>
      <c r="CS27" s="177">
        <v>0</v>
      </c>
      <c r="CT27" s="177">
        <v>0</v>
      </c>
      <c r="CU27" s="177">
        <v>0</v>
      </c>
      <c r="CV27" s="182">
        <v>0</v>
      </c>
      <c r="CW27" s="181">
        <v>0</v>
      </c>
      <c r="CX27" s="176">
        <v>0</v>
      </c>
      <c r="CY27" s="177">
        <v>0</v>
      </c>
      <c r="CZ27" s="182">
        <v>0</v>
      </c>
      <c r="DA27" s="179">
        <v>0</v>
      </c>
      <c r="DB27" s="177">
        <v>0</v>
      </c>
      <c r="DC27" s="177">
        <v>0</v>
      </c>
      <c r="DD27" s="177">
        <v>0</v>
      </c>
      <c r="DE27" s="177">
        <v>0</v>
      </c>
      <c r="DF27" s="177">
        <v>0</v>
      </c>
      <c r="DG27" s="182">
        <v>0</v>
      </c>
      <c r="DH27" s="181">
        <v>0</v>
      </c>
      <c r="DI27" s="176">
        <v>0</v>
      </c>
      <c r="DJ27" s="177">
        <v>0</v>
      </c>
      <c r="DK27" s="182">
        <v>0</v>
      </c>
      <c r="DL27" s="179">
        <v>0</v>
      </c>
      <c r="DM27" s="177">
        <v>0</v>
      </c>
      <c r="DN27" s="177">
        <v>0</v>
      </c>
      <c r="DO27" s="177">
        <v>0</v>
      </c>
      <c r="DP27" s="177">
        <v>0</v>
      </c>
      <c r="DQ27" s="177">
        <v>0</v>
      </c>
      <c r="DR27" s="182">
        <v>0</v>
      </c>
      <c r="DS27" s="181">
        <v>0</v>
      </c>
      <c r="DT27" s="176">
        <v>2</v>
      </c>
      <c r="DU27" s="177">
        <v>10</v>
      </c>
      <c r="DV27" s="182">
        <v>12</v>
      </c>
      <c r="DW27" s="179">
        <v>0</v>
      </c>
      <c r="DX27" s="177">
        <v>5</v>
      </c>
      <c r="DY27" s="177">
        <v>11</v>
      </c>
      <c r="DZ27" s="177">
        <v>8</v>
      </c>
      <c r="EA27" s="177">
        <v>3</v>
      </c>
      <c r="EB27" s="177">
        <v>4</v>
      </c>
      <c r="EC27" s="182">
        <v>31</v>
      </c>
      <c r="ED27" s="181">
        <v>43</v>
      </c>
      <c r="EE27" s="176">
        <v>0</v>
      </c>
      <c r="EF27" s="177">
        <v>0</v>
      </c>
      <c r="EG27" s="182">
        <v>0</v>
      </c>
      <c r="EH27" s="179">
        <v>0</v>
      </c>
      <c r="EI27" s="177">
        <v>1</v>
      </c>
      <c r="EJ27" s="177">
        <v>3</v>
      </c>
      <c r="EK27" s="177">
        <v>0</v>
      </c>
      <c r="EL27" s="177">
        <v>0</v>
      </c>
      <c r="EM27" s="177">
        <v>0</v>
      </c>
      <c r="EN27" s="182">
        <v>4</v>
      </c>
      <c r="EO27" s="181">
        <v>4</v>
      </c>
      <c r="EP27" s="176">
        <v>6</v>
      </c>
      <c r="EQ27" s="177">
        <v>14</v>
      </c>
      <c r="ER27" s="182">
        <v>20</v>
      </c>
      <c r="ES27" s="179">
        <v>0</v>
      </c>
      <c r="ET27" s="177">
        <v>8</v>
      </c>
      <c r="EU27" s="177">
        <v>14</v>
      </c>
      <c r="EV27" s="177">
        <v>9</v>
      </c>
      <c r="EW27" s="177">
        <v>4</v>
      </c>
      <c r="EX27" s="177">
        <v>5</v>
      </c>
      <c r="EY27" s="182">
        <v>40</v>
      </c>
      <c r="EZ27" s="181">
        <v>60</v>
      </c>
    </row>
    <row r="28" spans="2:156" ht="21" customHeight="1" x14ac:dyDescent="0.2">
      <c r="B28" s="92" t="s">
        <v>26</v>
      </c>
      <c r="C28" s="176">
        <v>0</v>
      </c>
      <c r="D28" s="177">
        <v>0</v>
      </c>
      <c r="E28" s="178">
        <v>0</v>
      </c>
      <c r="F28" s="179">
        <v>0</v>
      </c>
      <c r="G28" s="177">
        <v>3</v>
      </c>
      <c r="H28" s="177">
        <v>8</v>
      </c>
      <c r="I28" s="177">
        <v>4</v>
      </c>
      <c r="J28" s="177">
        <v>1</v>
      </c>
      <c r="K28" s="177">
        <v>5</v>
      </c>
      <c r="L28" s="180">
        <v>21</v>
      </c>
      <c r="M28" s="181">
        <v>21</v>
      </c>
      <c r="N28" s="176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0</v>
      </c>
      <c r="U28" s="177">
        <v>1</v>
      </c>
      <c r="V28" s="177">
        <v>0</v>
      </c>
      <c r="W28" s="182">
        <v>1</v>
      </c>
      <c r="X28" s="181">
        <v>1</v>
      </c>
      <c r="Y28" s="176">
        <v>2</v>
      </c>
      <c r="Z28" s="177">
        <v>1</v>
      </c>
      <c r="AA28" s="182">
        <v>3</v>
      </c>
      <c r="AB28" s="179">
        <v>0</v>
      </c>
      <c r="AC28" s="177">
        <v>4</v>
      </c>
      <c r="AD28" s="177">
        <v>6</v>
      </c>
      <c r="AE28" s="177">
        <v>3</v>
      </c>
      <c r="AF28" s="177">
        <v>0</v>
      </c>
      <c r="AG28" s="177">
        <v>2</v>
      </c>
      <c r="AH28" s="182">
        <v>15</v>
      </c>
      <c r="AI28" s="181">
        <v>18</v>
      </c>
      <c r="AJ28" s="176">
        <v>0</v>
      </c>
      <c r="AK28" s="177">
        <v>0</v>
      </c>
      <c r="AL28" s="182">
        <v>0</v>
      </c>
      <c r="AM28" s="179">
        <v>0</v>
      </c>
      <c r="AN28" s="177">
        <v>1</v>
      </c>
      <c r="AO28" s="177">
        <v>0</v>
      </c>
      <c r="AP28" s="177">
        <v>1</v>
      </c>
      <c r="AQ28" s="177">
        <v>0</v>
      </c>
      <c r="AR28" s="177">
        <v>0</v>
      </c>
      <c r="AS28" s="182">
        <v>2</v>
      </c>
      <c r="AT28" s="181">
        <v>2</v>
      </c>
      <c r="AU28" s="176">
        <v>2</v>
      </c>
      <c r="AV28" s="177">
        <v>0</v>
      </c>
      <c r="AW28" s="182">
        <v>2</v>
      </c>
      <c r="AX28" s="179">
        <v>0</v>
      </c>
      <c r="AY28" s="177">
        <v>8</v>
      </c>
      <c r="AZ28" s="177">
        <v>4</v>
      </c>
      <c r="BA28" s="177">
        <v>9</v>
      </c>
      <c r="BB28" s="177">
        <v>2</v>
      </c>
      <c r="BC28" s="177">
        <v>5</v>
      </c>
      <c r="BD28" s="180">
        <v>28</v>
      </c>
      <c r="BE28" s="181">
        <v>30</v>
      </c>
      <c r="BF28" s="176">
        <v>0</v>
      </c>
      <c r="BG28" s="177">
        <v>0</v>
      </c>
      <c r="BH28" s="182">
        <v>0</v>
      </c>
      <c r="BI28" s="179">
        <v>0</v>
      </c>
      <c r="BJ28" s="177">
        <v>9</v>
      </c>
      <c r="BK28" s="177">
        <v>5</v>
      </c>
      <c r="BL28" s="177">
        <v>3</v>
      </c>
      <c r="BM28" s="177">
        <v>1</v>
      </c>
      <c r="BN28" s="177">
        <v>2</v>
      </c>
      <c r="BO28" s="182">
        <v>20</v>
      </c>
      <c r="BP28" s="181">
        <v>20</v>
      </c>
      <c r="BQ28" s="176">
        <v>0</v>
      </c>
      <c r="BR28" s="177">
        <v>1</v>
      </c>
      <c r="BS28" s="182">
        <v>1</v>
      </c>
      <c r="BT28" s="179">
        <v>0</v>
      </c>
      <c r="BU28" s="177">
        <v>0</v>
      </c>
      <c r="BV28" s="177">
        <v>4</v>
      </c>
      <c r="BW28" s="177">
        <v>1</v>
      </c>
      <c r="BX28" s="177">
        <v>0</v>
      </c>
      <c r="BY28" s="177">
        <v>0</v>
      </c>
      <c r="BZ28" s="182">
        <v>5</v>
      </c>
      <c r="CA28" s="181">
        <v>6</v>
      </c>
      <c r="CB28" s="176">
        <v>0</v>
      </c>
      <c r="CC28" s="177">
        <v>0</v>
      </c>
      <c r="CD28" s="182">
        <v>0</v>
      </c>
      <c r="CE28" s="179">
        <v>0</v>
      </c>
      <c r="CF28" s="177">
        <v>1</v>
      </c>
      <c r="CG28" s="177">
        <v>3</v>
      </c>
      <c r="CH28" s="177">
        <v>0</v>
      </c>
      <c r="CI28" s="177">
        <v>0</v>
      </c>
      <c r="CJ28" s="177">
        <v>0</v>
      </c>
      <c r="CK28" s="182">
        <v>4</v>
      </c>
      <c r="CL28" s="181">
        <v>4</v>
      </c>
      <c r="CM28" s="176">
        <v>0</v>
      </c>
      <c r="CN28" s="177">
        <v>0</v>
      </c>
      <c r="CO28" s="182">
        <v>0</v>
      </c>
      <c r="CP28" s="179">
        <v>0</v>
      </c>
      <c r="CQ28" s="177">
        <v>0</v>
      </c>
      <c r="CR28" s="177">
        <v>0</v>
      </c>
      <c r="CS28" s="177">
        <v>0</v>
      </c>
      <c r="CT28" s="177">
        <v>0</v>
      </c>
      <c r="CU28" s="177">
        <v>1</v>
      </c>
      <c r="CV28" s="182">
        <v>1</v>
      </c>
      <c r="CW28" s="181">
        <v>1</v>
      </c>
      <c r="CX28" s="176">
        <v>0</v>
      </c>
      <c r="CY28" s="177">
        <v>0</v>
      </c>
      <c r="CZ28" s="182">
        <v>0</v>
      </c>
      <c r="DA28" s="179">
        <v>0</v>
      </c>
      <c r="DB28" s="177">
        <v>0</v>
      </c>
      <c r="DC28" s="177">
        <v>0</v>
      </c>
      <c r="DD28" s="177">
        <v>0</v>
      </c>
      <c r="DE28" s="177">
        <v>0</v>
      </c>
      <c r="DF28" s="177">
        <v>0</v>
      </c>
      <c r="DG28" s="182">
        <v>0</v>
      </c>
      <c r="DH28" s="181">
        <v>0</v>
      </c>
      <c r="DI28" s="176">
        <v>0</v>
      </c>
      <c r="DJ28" s="177">
        <v>0</v>
      </c>
      <c r="DK28" s="182">
        <v>0</v>
      </c>
      <c r="DL28" s="179">
        <v>0</v>
      </c>
      <c r="DM28" s="177">
        <v>0</v>
      </c>
      <c r="DN28" s="177">
        <v>0</v>
      </c>
      <c r="DO28" s="177">
        <v>0</v>
      </c>
      <c r="DP28" s="177">
        <v>0</v>
      </c>
      <c r="DQ28" s="177">
        <v>0</v>
      </c>
      <c r="DR28" s="182">
        <v>0</v>
      </c>
      <c r="DS28" s="181">
        <v>0</v>
      </c>
      <c r="DT28" s="176">
        <v>1</v>
      </c>
      <c r="DU28" s="177">
        <v>6</v>
      </c>
      <c r="DV28" s="182">
        <v>7</v>
      </c>
      <c r="DW28" s="179">
        <v>0</v>
      </c>
      <c r="DX28" s="177">
        <v>5</v>
      </c>
      <c r="DY28" s="177">
        <v>13</v>
      </c>
      <c r="DZ28" s="177">
        <v>5</v>
      </c>
      <c r="EA28" s="177">
        <v>2</v>
      </c>
      <c r="EB28" s="177">
        <v>5</v>
      </c>
      <c r="EC28" s="182">
        <v>30</v>
      </c>
      <c r="ED28" s="181">
        <v>37</v>
      </c>
      <c r="EE28" s="176">
        <v>0</v>
      </c>
      <c r="EF28" s="177">
        <v>1</v>
      </c>
      <c r="EG28" s="182">
        <v>1</v>
      </c>
      <c r="EH28" s="179">
        <v>0</v>
      </c>
      <c r="EI28" s="177">
        <v>5</v>
      </c>
      <c r="EJ28" s="177">
        <v>1</v>
      </c>
      <c r="EK28" s="177">
        <v>5</v>
      </c>
      <c r="EL28" s="177">
        <v>1</v>
      </c>
      <c r="EM28" s="177">
        <v>2</v>
      </c>
      <c r="EN28" s="182">
        <v>14</v>
      </c>
      <c r="EO28" s="181">
        <v>15</v>
      </c>
      <c r="EP28" s="176">
        <v>3</v>
      </c>
      <c r="EQ28" s="177">
        <v>7</v>
      </c>
      <c r="ER28" s="182">
        <v>10</v>
      </c>
      <c r="ES28" s="179">
        <v>0</v>
      </c>
      <c r="ET28" s="177">
        <v>14</v>
      </c>
      <c r="EU28" s="177">
        <v>17</v>
      </c>
      <c r="EV28" s="177">
        <v>8</v>
      </c>
      <c r="EW28" s="177">
        <v>2</v>
      </c>
      <c r="EX28" s="177">
        <v>5</v>
      </c>
      <c r="EY28" s="182">
        <v>46</v>
      </c>
      <c r="EZ28" s="181">
        <v>56</v>
      </c>
    </row>
    <row r="29" spans="2:156" ht="21" customHeight="1" x14ac:dyDescent="0.2">
      <c r="B29" s="92" t="s">
        <v>27</v>
      </c>
      <c r="C29" s="176">
        <v>0</v>
      </c>
      <c r="D29" s="177">
        <v>0</v>
      </c>
      <c r="E29" s="178">
        <v>0</v>
      </c>
      <c r="F29" s="179">
        <v>0</v>
      </c>
      <c r="G29" s="177">
        <v>2</v>
      </c>
      <c r="H29" s="177">
        <v>3</v>
      </c>
      <c r="I29" s="177">
        <v>3</v>
      </c>
      <c r="J29" s="177">
        <v>2</v>
      </c>
      <c r="K29" s="177">
        <v>1</v>
      </c>
      <c r="L29" s="180">
        <v>11</v>
      </c>
      <c r="M29" s="181">
        <v>11</v>
      </c>
      <c r="N29" s="176">
        <v>0</v>
      </c>
      <c r="O29" s="177">
        <v>0</v>
      </c>
      <c r="P29" s="182">
        <v>0</v>
      </c>
      <c r="Q29" s="179">
        <v>0</v>
      </c>
      <c r="R29" s="177">
        <v>0</v>
      </c>
      <c r="S29" s="177">
        <v>0</v>
      </c>
      <c r="T29" s="177">
        <v>0</v>
      </c>
      <c r="U29" s="177">
        <v>1</v>
      </c>
      <c r="V29" s="177">
        <v>1</v>
      </c>
      <c r="W29" s="182">
        <v>2</v>
      </c>
      <c r="X29" s="181">
        <v>2</v>
      </c>
      <c r="Y29" s="176">
        <v>1</v>
      </c>
      <c r="Z29" s="177">
        <v>2</v>
      </c>
      <c r="AA29" s="182">
        <v>3</v>
      </c>
      <c r="AB29" s="179">
        <v>0</v>
      </c>
      <c r="AC29" s="177">
        <v>3</v>
      </c>
      <c r="AD29" s="177">
        <v>2</v>
      </c>
      <c r="AE29" s="177">
        <v>4</v>
      </c>
      <c r="AF29" s="177">
        <v>3</v>
      </c>
      <c r="AG29" s="177">
        <v>0</v>
      </c>
      <c r="AH29" s="182">
        <v>12</v>
      </c>
      <c r="AI29" s="181">
        <v>15</v>
      </c>
      <c r="AJ29" s="176">
        <v>0</v>
      </c>
      <c r="AK29" s="177">
        <v>0</v>
      </c>
      <c r="AL29" s="182">
        <v>0</v>
      </c>
      <c r="AM29" s="179">
        <v>0</v>
      </c>
      <c r="AN29" s="177">
        <v>0</v>
      </c>
      <c r="AO29" s="177">
        <v>0</v>
      </c>
      <c r="AP29" s="177">
        <v>0</v>
      </c>
      <c r="AQ29" s="177">
        <v>0</v>
      </c>
      <c r="AR29" s="177">
        <v>0</v>
      </c>
      <c r="AS29" s="182">
        <v>0</v>
      </c>
      <c r="AT29" s="181">
        <v>0</v>
      </c>
      <c r="AU29" s="176">
        <v>1</v>
      </c>
      <c r="AV29" s="177">
        <v>1</v>
      </c>
      <c r="AW29" s="182">
        <v>2</v>
      </c>
      <c r="AX29" s="179">
        <v>0</v>
      </c>
      <c r="AY29" s="177">
        <v>2</v>
      </c>
      <c r="AZ29" s="177">
        <v>5</v>
      </c>
      <c r="BA29" s="177">
        <v>9</v>
      </c>
      <c r="BB29" s="177">
        <v>2</v>
      </c>
      <c r="BC29" s="177">
        <v>3</v>
      </c>
      <c r="BD29" s="180">
        <v>21</v>
      </c>
      <c r="BE29" s="181">
        <v>23</v>
      </c>
      <c r="BF29" s="176">
        <v>0</v>
      </c>
      <c r="BG29" s="177">
        <v>0</v>
      </c>
      <c r="BH29" s="182">
        <v>0</v>
      </c>
      <c r="BI29" s="179">
        <v>0</v>
      </c>
      <c r="BJ29" s="177">
        <v>5</v>
      </c>
      <c r="BK29" s="177">
        <v>2</v>
      </c>
      <c r="BL29" s="177">
        <v>3</v>
      </c>
      <c r="BM29" s="177">
        <v>2</v>
      </c>
      <c r="BN29" s="177">
        <v>0</v>
      </c>
      <c r="BO29" s="182">
        <v>12</v>
      </c>
      <c r="BP29" s="181">
        <v>12</v>
      </c>
      <c r="BQ29" s="176">
        <v>3</v>
      </c>
      <c r="BR29" s="177">
        <v>1</v>
      </c>
      <c r="BS29" s="182">
        <v>4</v>
      </c>
      <c r="BT29" s="179">
        <v>0</v>
      </c>
      <c r="BU29" s="177">
        <v>3</v>
      </c>
      <c r="BV29" s="177">
        <v>2</v>
      </c>
      <c r="BW29" s="177">
        <v>1</v>
      </c>
      <c r="BX29" s="177">
        <v>0</v>
      </c>
      <c r="BY29" s="177">
        <v>0</v>
      </c>
      <c r="BZ29" s="182">
        <v>6</v>
      </c>
      <c r="CA29" s="181">
        <v>10</v>
      </c>
      <c r="CB29" s="176">
        <v>0</v>
      </c>
      <c r="CC29" s="177">
        <v>0</v>
      </c>
      <c r="CD29" s="182">
        <v>0</v>
      </c>
      <c r="CE29" s="179">
        <v>0</v>
      </c>
      <c r="CF29" s="177">
        <v>0</v>
      </c>
      <c r="CG29" s="177">
        <v>0</v>
      </c>
      <c r="CH29" s="177">
        <v>1</v>
      </c>
      <c r="CI29" s="177">
        <v>1</v>
      </c>
      <c r="CJ29" s="177">
        <v>0</v>
      </c>
      <c r="CK29" s="182">
        <v>2</v>
      </c>
      <c r="CL29" s="181">
        <v>2</v>
      </c>
      <c r="CM29" s="176">
        <v>0</v>
      </c>
      <c r="CN29" s="177">
        <v>0</v>
      </c>
      <c r="CO29" s="182">
        <v>0</v>
      </c>
      <c r="CP29" s="179">
        <v>0</v>
      </c>
      <c r="CQ29" s="177">
        <v>1</v>
      </c>
      <c r="CR29" s="177">
        <v>0</v>
      </c>
      <c r="CS29" s="177">
        <v>1</v>
      </c>
      <c r="CT29" s="177">
        <v>0</v>
      </c>
      <c r="CU29" s="177">
        <v>0</v>
      </c>
      <c r="CV29" s="182">
        <v>2</v>
      </c>
      <c r="CW29" s="181">
        <v>2</v>
      </c>
      <c r="CX29" s="176">
        <v>0</v>
      </c>
      <c r="CY29" s="177">
        <v>0</v>
      </c>
      <c r="CZ29" s="182">
        <v>0</v>
      </c>
      <c r="DA29" s="179">
        <v>0</v>
      </c>
      <c r="DB29" s="177">
        <v>0</v>
      </c>
      <c r="DC29" s="177">
        <v>0</v>
      </c>
      <c r="DD29" s="177">
        <v>0</v>
      </c>
      <c r="DE29" s="177">
        <v>0</v>
      </c>
      <c r="DF29" s="177">
        <v>0</v>
      </c>
      <c r="DG29" s="182">
        <v>0</v>
      </c>
      <c r="DH29" s="181">
        <v>0</v>
      </c>
      <c r="DI29" s="176">
        <v>0</v>
      </c>
      <c r="DJ29" s="177">
        <v>0</v>
      </c>
      <c r="DK29" s="182">
        <v>0</v>
      </c>
      <c r="DL29" s="179">
        <v>0</v>
      </c>
      <c r="DM29" s="177">
        <v>0</v>
      </c>
      <c r="DN29" s="177">
        <v>0</v>
      </c>
      <c r="DO29" s="177">
        <v>0</v>
      </c>
      <c r="DP29" s="177">
        <v>0</v>
      </c>
      <c r="DQ29" s="177">
        <v>0</v>
      </c>
      <c r="DR29" s="182">
        <v>0</v>
      </c>
      <c r="DS29" s="181">
        <v>0</v>
      </c>
      <c r="DT29" s="176">
        <v>5</v>
      </c>
      <c r="DU29" s="177">
        <v>7</v>
      </c>
      <c r="DV29" s="182">
        <v>12</v>
      </c>
      <c r="DW29" s="179">
        <v>0</v>
      </c>
      <c r="DX29" s="177">
        <v>9</v>
      </c>
      <c r="DY29" s="177">
        <v>9</v>
      </c>
      <c r="DZ29" s="177">
        <v>7</v>
      </c>
      <c r="EA29" s="177">
        <v>4</v>
      </c>
      <c r="EB29" s="177">
        <v>1</v>
      </c>
      <c r="EC29" s="182">
        <v>30</v>
      </c>
      <c r="ED29" s="181">
        <v>42</v>
      </c>
      <c r="EE29" s="176">
        <v>1</v>
      </c>
      <c r="EF29" s="177">
        <v>1</v>
      </c>
      <c r="EG29" s="182">
        <v>2</v>
      </c>
      <c r="EH29" s="179">
        <v>0</v>
      </c>
      <c r="EI29" s="177">
        <v>2</v>
      </c>
      <c r="EJ29" s="177">
        <v>3</v>
      </c>
      <c r="EK29" s="177">
        <v>6</v>
      </c>
      <c r="EL29" s="177">
        <v>0</v>
      </c>
      <c r="EM29" s="177">
        <v>2</v>
      </c>
      <c r="EN29" s="182">
        <v>13</v>
      </c>
      <c r="EO29" s="181">
        <v>15</v>
      </c>
      <c r="EP29" s="176">
        <v>8</v>
      </c>
      <c r="EQ29" s="177">
        <v>9</v>
      </c>
      <c r="ER29" s="182">
        <v>17</v>
      </c>
      <c r="ES29" s="179">
        <v>0</v>
      </c>
      <c r="ET29" s="177">
        <v>16</v>
      </c>
      <c r="EU29" s="177">
        <v>10</v>
      </c>
      <c r="EV29" s="177">
        <v>7</v>
      </c>
      <c r="EW29" s="177">
        <v>4</v>
      </c>
      <c r="EX29" s="177">
        <v>1</v>
      </c>
      <c r="EY29" s="182">
        <v>38</v>
      </c>
      <c r="EZ29" s="181">
        <v>55</v>
      </c>
    </row>
    <row r="30" spans="2:156" ht="21" customHeight="1" x14ac:dyDescent="0.2">
      <c r="B30" s="92" t="s">
        <v>28</v>
      </c>
      <c r="C30" s="176">
        <v>0</v>
      </c>
      <c r="D30" s="177">
        <v>0</v>
      </c>
      <c r="E30" s="178">
        <v>0</v>
      </c>
      <c r="F30" s="179">
        <v>0</v>
      </c>
      <c r="G30" s="177">
        <v>1</v>
      </c>
      <c r="H30" s="177">
        <v>1</v>
      </c>
      <c r="I30" s="177">
        <v>0</v>
      </c>
      <c r="J30" s="177">
        <v>1</v>
      </c>
      <c r="K30" s="177">
        <v>0</v>
      </c>
      <c r="L30" s="180">
        <v>3</v>
      </c>
      <c r="M30" s="181">
        <v>3</v>
      </c>
      <c r="N30" s="176">
        <v>0</v>
      </c>
      <c r="O30" s="177">
        <v>0</v>
      </c>
      <c r="P30" s="182">
        <v>0</v>
      </c>
      <c r="Q30" s="179">
        <v>0</v>
      </c>
      <c r="R30" s="177">
        <v>0</v>
      </c>
      <c r="S30" s="177">
        <v>0</v>
      </c>
      <c r="T30" s="177">
        <v>0</v>
      </c>
      <c r="U30" s="177">
        <v>0</v>
      </c>
      <c r="V30" s="177">
        <v>0</v>
      </c>
      <c r="W30" s="182">
        <v>0</v>
      </c>
      <c r="X30" s="181">
        <v>0</v>
      </c>
      <c r="Y30" s="176">
        <v>0</v>
      </c>
      <c r="Z30" s="177">
        <v>1</v>
      </c>
      <c r="AA30" s="182">
        <v>1</v>
      </c>
      <c r="AB30" s="179">
        <v>0</v>
      </c>
      <c r="AC30" s="177">
        <v>0</v>
      </c>
      <c r="AD30" s="177">
        <v>1</v>
      </c>
      <c r="AE30" s="177">
        <v>1</v>
      </c>
      <c r="AF30" s="177">
        <v>0</v>
      </c>
      <c r="AG30" s="177">
        <v>0</v>
      </c>
      <c r="AH30" s="182">
        <v>2</v>
      </c>
      <c r="AI30" s="181">
        <v>3</v>
      </c>
      <c r="AJ30" s="176">
        <v>0</v>
      </c>
      <c r="AK30" s="177">
        <v>0</v>
      </c>
      <c r="AL30" s="182">
        <v>0</v>
      </c>
      <c r="AM30" s="179">
        <v>0</v>
      </c>
      <c r="AN30" s="177">
        <v>0</v>
      </c>
      <c r="AO30" s="177">
        <v>0</v>
      </c>
      <c r="AP30" s="177">
        <v>0</v>
      </c>
      <c r="AQ30" s="177">
        <v>0</v>
      </c>
      <c r="AR30" s="177">
        <v>0</v>
      </c>
      <c r="AS30" s="182">
        <v>0</v>
      </c>
      <c r="AT30" s="181">
        <v>0</v>
      </c>
      <c r="AU30" s="176">
        <v>0</v>
      </c>
      <c r="AV30" s="177">
        <v>1</v>
      </c>
      <c r="AW30" s="182">
        <v>1</v>
      </c>
      <c r="AX30" s="179">
        <v>0</v>
      </c>
      <c r="AY30" s="177">
        <v>0</v>
      </c>
      <c r="AZ30" s="177">
        <v>2</v>
      </c>
      <c r="BA30" s="177">
        <v>0</v>
      </c>
      <c r="BB30" s="177">
        <v>1</v>
      </c>
      <c r="BC30" s="177">
        <v>2</v>
      </c>
      <c r="BD30" s="180">
        <v>5</v>
      </c>
      <c r="BE30" s="181">
        <v>6</v>
      </c>
      <c r="BF30" s="176">
        <v>0</v>
      </c>
      <c r="BG30" s="177">
        <v>0</v>
      </c>
      <c r="BH30" s="182">
        <v>0</v>
      </c>
      <c r="BI30" s="179">
        <v>0</v>
      </c>
      <c r="BJ30" s="177">
        <v>0</v>
      </c>
      <c r="BK30" s="177">
        <v>0</v>
      </c>
      <c r="BL30" s="177">
        <v>2</v>
      </c>
      <c r="BM30" s="177">
        <v>0</v>
      </c>
      <c r="BN30" s="177">
        <v>0</v>
      </c>
      <c r="BO30" s="182">
        <v>2</v>
      </c>
      <c r="BP30" s="181">
        <v>2</v>
      </c>
      <c r="BQ30" s="176">
        <v>0</v>
      </c>
      <c r="BR30" s="177">
        <v>0</v>
      </c>
      <c r="BS30" s="182">
        <v>0</v>
      </c>
      <c r="BT30" s="179">
        <v>0</v>
      </c>
      <c r="BU30" s="177">
        <v>0</v>
      </c>
      <c r="BV30" s="177">
        <v>0</v>
      </c>
      <c r="BW30" s="177">
        <v>1</v>
      </c>
      <c r="BX30" s="177">
        <v>0</v>
      </c>
      <c r="BY30" s="177">
        <v>0</v>
      </c>
      <c r="BZ30" s="182">
        <v>1</v>
      </c>
      <c r="CA30" s="181">
        <v>1</v>
      </c>
      <c r="CB30" s="176">
        <v>0</v>
      </c>
      <c r="CC30" s="177">
        <v>0</v>
      </c>
      <c r="CD30" s="182">
        <v>0</v>
      </c>
      <c r="CE30" s="179">
        <v>0</v>
      </c>
      <c r="CF30" s="177">
        <v>0</v>
      </c>
      <c r="CG30" s="177">
        <v>0</v>
      </c>
      <c r="CH30" s="177">
        <v>0</v>
      </c>
      <c r="CI30" s="177">
        <v>0</v>
      </c>
      <c r="CJ30" s="177">
        <v>0</v>
      </c>
      <c r="CK30" s="182">
        <v>0</v>
      </c>
      <c r="CL30" s="181">
        <v>0</v>
      </c>
      <c r="CM30" s="176">
        <v>0</v>
      </c>
      <c r="CN30" s="177">
        <v>0</v>
      </c>
      <c r="CO30" s="182">
        <v>0</v>
      </c>
      <c r="CP30" s="179">
        <v>0</v>
      </c>
      <c r="CQ30" s="177">
        <v>1</v>
      </c>
      <c r="CR30" s="177">
        <v>0</v>
      </c>
      <c r="CS30" s="177">
        <v>0</v>
      </c>
      <c r="CT30" s="177">
        <v>0</v>
      </c>
      <c r="CU30" s="177">
        <v>0</v>
      </c>
      <c r="CV30" s="182">
        <v>1</v>
      </c>
      <c r="CW30" s="181">
        <v>1</v>
      </c>
      <c r="CX30" s="176">
        <v>0</v>
      </c>
      <c r="CY30" s="177">
        <v>0</v>
      </c>
      <c r="CZ30" s="182">
        <v>0</v>
      </c>
      <c r="DA30" s="179">
        <v>0</v>
      </c>
      <c r="DB30" s="177">
        <v>0</v>
      </c>
      <c r="DC30" s="177">
        <v>0</v>
      </c>
      <c r="DD30" s="177">
        <v>0</v>
      </c>
      <c r="DE30" s="177">
        <v>0</v>
      </c>
      <c r="DF30" s="177">
        <v>0</v>
      </c>
      <c r="DG30" s="182">
        <v>0</v>
      </c>
      <c r="DH30" s="181">
        <v>0</v>
      </c>
      <c r="DI30" s="176">
        <v>0</v>
      </c>
      <c r="DJ30" s="177">
        <v>0</v>
      </c>
      <c r="DK30" s="182">
        <v>0</v>
      </c>
      <c r="DL30" s="179">
        <v>0</v>
      </c>
      <c r="DM30" s="177">
        <v>0</v>
      </c>
      <c r="DN30" s="177">
        <v>0</v>
      </c>
      <c r="DO30" s="177">
        <v>0</v>
      </c>
      <c r="DP30" s="177">
        <v>0</v>
      </c>
      <c r="DQ30" s="177">
        <v>0</v>
      </c>
      <c r="DR30" s="182">
        <v>0</v>
      </c>
      <c r="DS30" s="181">
        <v>0</v>
      </c>
      <c r="DT30" s="176">
        <v>0</v>
      </c>
      <c r="DU30" s="177">
        <v>1</v>
      </c>
      <c r="DV30" s="182">
        <v>1</v>
      </c>
      <c r="DW30" s="179">
        <v>0</v>
      </c>
      <c r="DX30" s="177">
        <v>0</v>
      </c>
      <c r="DY30" s="177">
        <v>3</v>
      </c>
      <c r="DZ30" s="177">
        <v>3</v>
      </c>
      <c r="EA30" s="177">
        <v>1</v>
      </c>
      <c r="EB30" s="177">
        <v>0</v>
      </c>
      <c r="EC30" s="182">
        <v>7</v>
      </c>
      <c r="ED30" s="181">
        <v>8</v>
      </c>
      <c r="EE30" s="176">
        <v>0</v>
      </c>
      <c r="EF30" s="177">
        <v>0</v>
      </c>
      <c r="EG30" s="182">
        <v>0</v>
      </c>
      <c r="EH30" s="179">
        <v>0</v>
      </c>
      <c r="EI30" s="177">
        <v>0</v>
      </c>
      <c r="EJ30" s="177">
        <v>0</v>
      </c>
      <c r="EK30" s="177">
        <v>0</v>
      </c>
      <c r="EL30" s="177">
        <v>0</v>
      </c>
      <c r="EM30" s="177">
        <v>2</v>
      </c>
      <c r="EN30" s="182">
        <v>2</v>
      </c>
      <c r="EO30" s="181">
        <v>2</v>
      </c>
      <c r="EP30" s="176">
        <v>0</v>
      </c>
      <c r="EQ30" s="177">
        <v>2</v>
      </c>
      <c r="ER30" s="182">
        <v>2</v>
      </c>
      <c r="ES30" s="179">
        <v>0</v>
      </c>
      <c r="ET30" s="177">
        <v>5</v>
      </c>
      <c r="EU30" s="177">
        <v>4</v>
      </c>
      <c r="EV30" s="177">
        <v>4</v>
      </c>
      <c r="EW30" s="177">
        <v>1</v>
      </c>
      <c r="EX30" s="177">
        <v>0</v>
      </c>
      <c r="EY30" s="182">
        <v>14</v>
      </c>
      <c r="EZ30" s="181">
        <v>16</v>
      </c>
    </row>
    <row r="31" spans="2:156" ht="21" customHeight="1" x14ac:dyDescent="0.2">
      <c r="B31" s="92" t="s">
        <v>29</v>
      </c>
      <c r="C31" s="176">
        <v>0</v>
      </c>
      <c r="D31" s="177">
        <v>0</v>
      </c>
      <c r="E31" s="178">
        <v>0</v>
      </c>
      <c r="F31" s="179">
        <v>0</v>
      </c>
      <c r="G31" s="177">
        <v>2</v>
      </c>
      <c r="H31" s="177">
        <v>2</v>
      </c>
      <c r="I31" s="177">
        <v>1</v>
      </c>
      <c r="J31" s="177">
        <v>2</v>
      </c>
      <c r="K31" s="177">
        <v>0</v>
      </c>
      <c r="L31" s="180">
        <v>7</v>
      </c>
      <c r="M31" s="181">
        <v>7</v>
      </c>
      <c r="N31" s="176">
        <v>0</v>
      </c>
      <c r="O31" s="177">
        <v>0</v>
      </c>
      <c r="P31" s="182">
        <v>0</v>
      </c>
      <c r="Q31" s="179">
        <v>0</v>
      </c>
      <c r="R31" s="177">
        <v>0</v>
      </c>
      <c r="S31" s="177">
        <v>0</v>
      </c>
      <c r="T31" s="177">
        <v>0</v>
      </c>
      <c r="U31" s="177">
        <v>0</v>
      </c>
      <c r="V31" s="177">
        <v>0</v>
      </c>
      <c r="W31" s="182">
        <v>0</v>
      </c>
      <c r="X31" s="181">
        <v>0</v>
      </c>
      <c r="Y31" s="176">
        <v>0</v>
      </c>
      <c r="Z31" s="177">
        <v>1</v>
      </c>
      <c r="AA31" s="182">
        <v>1</v>
      </c>
      <c r="AB31" s="179">
        <v>0</v>
      </c>
      <c r="AC31" s="177">
        <v>4</v>
      </c>
      <c r="AD31" s="177">
        <v>4</v>
      </c>
      <c r="AE31" s="177">
        <v>0</v>
      </c>
      <c r="AF31" s="177">
        <v>0</v>
      </c>
      <c r="AG31" s="177">
        <v>0</v>
      </c>
      <c r="AH31" s="182">
        <v>8</v>
      </c>
      <c r="AI31" s="181">
        <v>9</v>
      </c>
      <c r="AJ31" s="176">
        <v>0</v>
      </c>
      <c r="AK31" s="177">
        <v>0</v>
      </c>
      <c r="AL31" s="182">
        <v>0</v>
      </c>
      <c r="AM31" s="179">
        <v>0</v>
      </c>
      <c r="AN31" s="177">
        <v>0</v>
      </c>
      <c r="AO31" s="177">
        <v>1</v>
      </c>
      <c r="AP31" s="177">
        <v>0</v>
      </c>
      <c r="AQ31" s="177">
        <v>1</v>
      </c>
      <c r="AR31" s="177">
        <v>0</v>
      </c>
      <c r="AS31" s="182">
        <v>2</v>
      </c>
      <c r="AT31" s="181">
        <v>2</v>
      </c>
      <c r="AU31" s="176">
        <v>0</v>
      </c>
      <c r="AV31" s="177">
        <v>0</v>
      </c>
      <c r="AW31" s="182">
        <v>0</v>
      </c>
      <c r="AX31" s="179">
        <v>0</v>
      </c>
      <c r="AY31" s="177">
        <v>2</v>
      </c>
      <c r="AZ31" s="177">
        <v>0</v>
      </c>
      <c r="BA31" s="177">
        <v>2</v>
      </c>
      <c r="BB31" s="177">
        <v>2</v>
      </c>
      <c r="BC31" s="177">
        <v>0</v>
      </c>
      <c r="BD31" s="180">
        <v>6</v>
      </c>
      <c r="BE31" s="181">
        <v>6</v>
      </c>
      <c r="BF31" s="176">
        <v>0</v>
      </c>
      <c r="BG31" s="177">
        <v>0</v>
      </c>
      <c r="BH31" s="182">
        <v>0</v>
      </c>
      <c r="BI31" s="179">
        <v>0</v>
      </c>
      <c r="BJ31" s="177">
        <v>3</v>
      </c>
      <c r="BK31" s="177">
        <v>2</v>
      </c>
      <c r="BL31" s="177">
        <v>0</v>
      </c>
      <c r="BM31" s="177">
        <v>0</v>
      </c>
      <c r="BN31" s="177">
        <v>0</v>
      </c>
      <c r="BO31" s="182">
        <v>5</v>
      </c>
      <c r="BP31" s="181">
        <v>5</v>
      </c>
      <c r="BQ31" s="176">
        <v>0</v>
      </c>
      <c r="BR31" s="177">
        <v>0</v>
      </c>
      <c r="BS31" s="182">
        <v>0</v>
      </c>
      <c r="BT31" s="179">
        <v>0</v>
      </c>
      <c r="BU31" s="177">
        <v>1</v>
      </c>
      <c r="BV31" s="177">
        <v>0</v>
      </c>
      <c r="BW31" s="177">
        <v>0</v>
      </c>
      <c r="BX31" s="177">
        <v>0</v>
      </c>
      <c r="BY31" s="177">
        <v>0</v>
      </c>
      <c r="BZ31" s="182">
        <v>1</v>
      </c>
      <c r="CA31" s="181">
        <v>1</v>
      </c>
      <c r="CB31" s="176">
        <v>0</v>
      </c>
      <c r="CC31" s="177">
        <v>0</v>
      </c>
      <c r="CD31" s="182">
        <v>0</v>
      </c>
      <c r="CE31" s="179">
        <v>0</v>
      </c>
      <c r="CF31" s="177">
        <v>0</v>
      </c>
      <c r="CG31" s="177">
        <v>0</v>
      </c>
      <c r="CH31" s="177">
        <v>0</v>
      </c>
      <c r="CI31" s="177">
        <v>0</v>
      </c>
      <c r="CJ31" s="177">
        <v>0</v>
      </c>
      <c r="CK31" s="182">
        <v>0</v>
      </c>
      <c r="CL31" s="181">
        <v>0</v>
      </c>
      <c r="CM31" s="176">
        <v>0</v>
      </c>
      <c r="CN31" s="177">
        <v>0</v>
      </c>
      <c r="CO31" s="182">
        <v>0</v>
      </c>
      <c r="CP31" s="179">
        <v>0</v>
      </c>
      <c r="CQ31" s="177">
        <v>0</v>
      </c>
      <c r="CR31" s="177">
        <v>0</v>
      </c>
      <c r="CS31" s="177">
        <v>0</v>
      </c>
      <c r="CT31" s="177">
        <v>0</v>
      </c>
      <c r="CU31" s="177">
        <v>0</v>
      </c>
      <c r="CV31" s="182">
        <v>0</v>
      </c>
      <c r="CW31" s="181">
        <v>0</v>
      </c>
      <c r="CX31" s="176">
        <v>0</v>
      </c>
      <c r="CY31" s="177">
        <v>0</v>
      </c>
      <c r="CZ31" s="182">
        <v>0</v>
      </c>
      <c r="DA31" s="179">
        <v>0</v>
      </c>
      <c r="DB31" s="177">
        <v>0</v>
      </c>
      <c r="DC31" s="177">
        <v>0</v>
      </c>
      <c r="DD31" s="177">
        <v>0</v>
      </c>
      <c r="DE31" s="177">
        <v>0</v>
      </c>
      <c r="DF31" s="177">
        <v>0</v>
      </c>
      <c r="DG31" s="182">
        <v>0</v>
      </c>
      <c r="DH31" s="181">
        <v>0</v>
      </c>
      <c r="DI31" s="176">
        <v>0</v>
      </c>
      <c r="DJ31" s="177">
        <v>0</v>
      </c>
      <c r="DK31" s="182">
        <v>0</v>
      </c>
      <c r="DL31" s="179">
        <v>0</v>
      </c>
      <c r="DM31" s="177">
        <v>0</v>
      </c>
      <c r="DN31" s="177">
        <v>0</v>
      </c>
      <c r="DO31" s="177">
        <v>0</v>
      </c>
      <c r="DP31" s="177">
        <v>0</v>
      </c>
      <c r="DQ31" s="177">
        <v>0</v>
      </c>
      <c r="DR31" s="182">
        <v>0</v>
      </c>
      <c r="DS31" s="181">
        <v>0</v>
      </c>
      <c r="DT31" s="176">
        <v>1</v>
      </c>
      <c r="DU31" s="177">
        <v>3</v>
      </c>
      <c r="DV31" s="182">
        <v>4</v>
      </c>
      <c r="DW31" s="179">
        <v>0</v>
      </c>
      <c r="DX31" s="177">
        <v>3</v>
      </c>
      <c r="DY31" s="177">
        <v>4</v>
      </c>
      <c r="DZ31" s="177">
        <v>1</v>
      </c>
      <c r="EA31" s="177">
        <v>2</v>
      </c>
      <c r="EB31" s="177">
        <v>0</v>
      </c>
      <c r="EC31" s="182">
        <v>10</v>
      </c>
      <c r="ED31" s="181">
        <v>14</v>
      </c>
      <c r="EE31" s="176">
        <v>1</v>
      </c>
      <c r="EF31" s="177">
        <v>0</v>
      </c>
      <c r="EG31" s="182">
        <v>1</v>
      </c>
      <c r="EH31" s="179">
        <v>0</v>
      </c>
      <c r="EI31" s="177">
        <v>0</v>
      </c>
      <c r="EJ31" s="177">
        <v>0</v>
      </c>
      <c r="EK31" s="177">
        <v>1</v>
      </c>
      <c r="EL31" s="177">
        <v>1</v>
      </c>
      <c r="EM31" s="177">
        <v>1</v>
      </c>
      <c r="EN31" s="182">
        <v>3</v>
      </c>
      <c r="EO31" s="181">
        <v>4</v>
      </c>
      <c r="EP31" s="176">
        <v>1</v>
      </c>
      <c r="EQ31" s="177">
        <v>3</v>
      </c>
      <c r="ER31" s="182">
        <v>4</v>
      </c>
      <c r="ES31" s="179">
        <v>0</v>
      </c>
      <c r="ET31" s="177">
        <v>8</v>
      </c>
      <c r="EU31" s="177">
        <v>5</v>
      </c>
      <c r="EV31" s="177">
        <v>1</v>
      </c>
      <c r="EW31" s="177">
        <v>2</v>
      </c>
      <c r="EX31" s="177">
        <v>0</v>
      </c>
      <c r="EY31" s="182">
        <v>16</v>
      </c>
      <c r="EZ31" s="181">
        <v>20</v>
      </c>
    </row>
    <row r="32" spans="2:156" ht="21" customHeight="1" x14ac:dyDescent="0.2">
      <c r="B32" s="92" t="s">
        <v>30</v>
      </c>
      <c r="C32" s="176">
        <v>0</v>
      </c>
      <c r="D32" s="177">
        <v>0</v>
      </c>
      <c r="E32" s="178">
        <v>0</v>
      </c>
      <c r="F32" s="179">
        <v>0</v>
      </c>
      <c r="G32" s="177">
        <v>2</v>
      </c>
      <c r="H32" s="177">
        <v>1</v>
      </c>
      <c r="I32" s="177">
        <v>1</v>
      </c>
      <c r="J32" s="177">
        <v>1</v>
      </c>
      <c r="K32" s="177">
        <v>0</v>
      </c>
      <c r="L32" s="180">
        <v>5</v>
      </c>
      <c r="M32" s="181">
        <v>5</v>
      </c>
      <c r="N32" s="176">
        <v>0</v>
      </c>
      <c r="O32" s="177">
        <v>0</v>
      </c>
      <c r="P32" s="182">
        <v>0</v>
      </c>
      <c r="Q32" s="179">
        <v>0</v>
      </c>
      <c r="R32" s="177">
        <v>0</v>
      </c>
      <c r="S32" s="177">
        <v>0</v>
      </c>
      <c r="T32" s="177">
        <v>1</v>
      </c>
      <c r="U32" s="177">
        <v>0</v>
      </c>
      <c r="V32" s="177">
        <v>0</v>
      </c>
      <c r="W32" s="182">
        <v>1</v>
      </c>
      <c r="X32" s="181">
        <v>1</v>
      </c>
      <c r="Y32" s="176">
        <v>0</v>
      </c>
      <c r="Z32" s="177">
        <v>0</v>
      </c>
      <c r="AA32" s="182">
        <v>0</v>
      </c>
      <c r="AB32" s="179">
        <v>0</v>
      </c>
      <c r="AC32" s="177">
        <v>3</v>
      </c>
      <c r="AD32" s="177">
        <v>1</v>
      </c>
      <c r="AE32" s="177">
        <v>1</v>
      </c>
      <c r="AF32" s="177">
        <v>0</v>
      </c>
      <c r="AG32" s="177">
        <v>0</v>
      </c>
      <c r="AH32" s="182">
        <v>5</v>
      </c>
      <c r="AI32" s="181">
        <v>5</v>
      </c>
      <c r="AJ32" s="176">
        <v>0</v>
      </c>
      <c r="AK32" s="177">
        <v>0</v>
      </c>
      <c r="AL32" s="182">
        <v>0</v>
      </c>
      <c r="AM32" s="179">
        <v>0</v>
      </c>
      <c r="AN32" s="177">
        <v>0</v>
      </c>
      <c r="AO32" s="177">
        <v>0</v>
      </c>
      <c r="AP32" s="177">
        <v>0</v>
      </c>
      <c r="AQ32" s="177">
        <v>0</v>
      </c>
      <c r="AR32" s="177">
        <v>0</v>
      </c>
      <c r="AS32" s="182">
        <v>0</v>
      </c>
      <c r="AT32" s="181">
        <v>0</v>
      </c>
      <c r="AU32" s="176">
        <v>0</v>
      </c>
      <c r="AV32" s="177">
        <v>0</v>
      </c>
      <c r="AW32" s="182">
        <v>0</v>
      </c>
      <c r="AX32" s="179">
        <v>0</v>
      </c>
      <c r="AY32" s="177">
        <v>4</v>
      </c>
      <c r="AZ32" s="177">
        <v>1</v>
      </c>
      <c r="BA32" s="177">
        <v>0</v>
      </c>
      <c r="BB32" s="177">
        <v>2</v>
      </c>
      <c r="BC32" s="177">
        <v>0</v>
      </c>
      <c r="BD32" s="180">
        <v>7</v>
      </c>
      <c r="BE32" s="181">
        <v>7</v>
      </c>
      <c r="BF32" s="176">
        <v>0</v>
      </c>
      <c r="BG32" s="177">
        <v>0</v>
      </c>
      <c r="BH32" s="182">
        <v>0</v>
      </c>
      <c r="BI32" s="179">
        <v>0</v>
      </c>
      <c r="BJ32" s="177">
        <v>1</v>
      </c>
      <c r="BK32" s="177">
        <v>1</v>
      </c>
      <c r="BL32" s="177">
        <v>1</v>
      </c>
      <c r="BM32" s="177">
        <v>0</v>
      </c>
      <c r="BN32" s="177">
        <v>0</v>
      </c>
      <c r="BO32" s="182">
        <v>3</v>
      </c>
      <c r="BP32" s="181">
        <v>3</v>
      </c>
      <c r="BQ32" s="176">
        <v>0</v>
      </c>
      <c r="BR32" s="177">
        <v>0</v>
      </c>
      <c r="BS32" s="182">
        <v>0</v>
      </c>
      <c r="BT32" s="179">
        <v>0</v>
      </c>
      <c r="BU32" s="177">
        <v>1</v>
      </c>
      <c r="BV32" s="177">
        <v>1</v>
      </c>
      <c r="BW32" s="177">
        <v>0</v>
      </c>
      <c r="BX32" s="177">
        <v>1</v>
      </c>
      <c r="BY32" s="177">
        <v>0</v>
      </c>
      <c r="BZ32" s="182">
        <v>3</v>
      </c>
      <c r="CA32" s="181">
        <v>3</v>
      </c>
      <c r="CB32" s="176">
        <v>0</v>
      </c>
      <c r="CC32" s="177">
        <v>0</v>
      </c>
      <c r="CD32" s="182">
        <v>0</v>
      </c>
      <c r="CE32" s="179">
        <v>0</v>
      </c>
      <c r="CF32" s="177">
        <v>1</v>
      </c>
      <c r="CG32" s="177">
        <v>1</v>
      </c>
      <c r="CH32" s="177">
        <v>0</v>
      </c>
      <c r="CI32" s="177">
        <v>1</v>
      </c>
      <c r="CJ32" s="177">
        <v>0</v>
      </c>
      <c r="CK32" s="182">
        <v>3</v>
      </c>
      <c r="CL32" s="181">
        <v>3</v>
      </c>
      <c r="CM32" s="176">
        <v>0</v>
      </c>
      <c r="CN32" s="177">
        <v>0</v>
      </c>
      <c r="CO32" s="182">
        <v>0</v>
      </c>
      <c r="CP32" s="179">
        <v>0</v>
      </c>
      <c r="CQ32" s="177">
        <v>0</v>
      </c>
      <c r="CR32" s="177">
        <v>0</v>
      </c>
      <c r="CS32" s="177">
        <v>0</v>
      </c>
      <c r="CT32" s="177">
        <v>1</v>
      </c>
      <c r="CU32" s="177">
        <v>0</v>
      </c>
      <c r="CV32" s="182">
        <v>1</v>
      </c>
      <c r="CW32" s="181">
        <v>1</v>
      </c>
      <c r="CX32" s="176">
        <v>0</v>
      </c>
      <c r="CY32" s="177">
        <v>0</v>
      </c>
      <c r="CZ32" s="182">
        <v>0</v>
      </c>
      <c r="DA32" s="179">
        <v>0</v>
      </c>
      <c r="DB32" s="177">
        <v>0</v>
      </c>
      <c r="DC32" s="177">
        <v>0</v>
      </c>
      <c r="DD32" s="177">
        <v>0</v>
      </c>
      <c r="DE32" s="177">
        <v>0</v>
      </c>
      <c r="DF32" s="177">
        <v>0</v>
      </c>
      <c r="DG32" s="182">
        <v>0</v>
      </c>
      <c r="DH32" s="181">
        <v>0</v>
      </c>
      <c r="DI32" s="176">
        <v>0</v>
      </c>
      <c r="DJ32" s="177">
        <v>0</v>
      </c>
      <c r="DK32" s="182">
        <v>0</v>
      </c>
      <c r="DL32" s="179">
        <v>0</v>
      </c>
      <c r="DM32" s="177">
        <v>0</v>
      </c>
      <c r="DN32" s="177">
        <v>0</v>
      </c>
      <c r="DO32" s="177">
        <v>0</v>
      </c>
      <c r="DP32" s="177">
        <v>0</v>
      </c>
      <c r="DQ32" s="177">
        <v>0</v>
      </c>
      <c r="DR32" s="182">
        <v>0</v>
      </c>
      <c r="DS32" s="181">
        <v>0</v>
      </c>
      <c r="DT32" s="176">
        <v>4</v>
      </c>
      <c r="DU32" s="177">
        <v>0</v>
      </c>
      <c r="DV32" s="182">
        <v>4</v>
      </c>
      <c r="DW32" s="179">
        <v>0</v>
      </c>
      <c r="DX32" s="177">
        <v>2</v>
      </c>
      <c r="DY32" s="177">
        <v>2</v>
      </c>
      <c r="DZ32" s="177">
        <v>2</v>
      </c>
      <c r="EA32" s="177">
        <v>2</v>
      </c>
      <c r="EB32" s="177">
        <v>0</v>
      </c>
      <c r="EC32" s="182">
        <v>8</v>
      </c>
      <c r="ED32" s="181">
        <v>12</v>
      </c>
      <c r="EE32" s="176">
        <v>0</v>
      </c>
      <c r="EF32" s="177">
        <v>0</v>
      </c>
      <c r="EG32" s="182">
        <v>0</v>
      </c>
      <c r="EH32" s="179">
        <v>0</v>
      </c>
      <c r="EI32" s="177">
        <v>2</v>
      </c>
      <c r="EJ32" s="177">
        <v>1</v>
      </c>
      <c r="EK32" s="177">
        <v>0</v>
      </c>
      <c r="EL32" s="177">
        <v>0</v>
      </c>
      <c r="EM32" s="177">
        <v>0</v>
      </c>
      <c r="EN32" s="182">
        <v>3</v>
      </c>
      <c r="EO32" s="181">
        <v>3</v>
      </c>
      <c r="EP32" s="176">
        <v>4</v>
      </c>
      <c r="EQ32" s="177">
        <v>0</v>
      </c>
      <c r="ER32" s="182">
        <v>4</v>
      </c>
      <c r="ES32" s="179">
        <v>0</v>
      </c>
      <c r="ET32" s="177">
        <v>5</v>
      </c>
      <c r="EU32" s="177">
        <v>3</v>
      </c>
      <c r="EV32" s="177">
        <v>2</v>
      </c>
      <c r="EW32" s="177">
        <v>3</v>
      </c>
      <c r="EX32" s="177">
        <v>0</v>
      </c>
      <c r="EY32" s="182">
        <v>13</v>
      </c>
      <c r="EZ32" s="181">
        <v>17</v>
      </c>
    </row>
    <row r="33" spans="2:156" ht="21" customHeight="1" x14ac:dyDescent="0.2">
      <c r="B33" s="92" t="s">
        <v>31</v>
      </c>
      <c r="C33" s="176">
        <v>0</v>
      </c>
      <c r="D33" s="177">
        <v>0</v>
      </c>
      <c r="E33" s="178">
        <v>0</v>
      </c>
      <c r="F33" s="179">
        <v>0</v>
      </c>
      <c r="G33" s="177">
        <v>2</v>
      </c>
      <c r="H33" s="177">
        <v>0</v>
      </c>
      <c r="I33" s="177">
        <v>0</v>
      </c>
      <c r="J33" s="177">
        <v>1</v>
      </c>
      <c r="K33" s="177">
        <v>0</v>
      </c>
      <c r="L33" s="180">
        <v>3</v>
      </c>
      <c r="M33" s="181">
        <v>3</v>
      </c>
      <c r="N33" s="176">
        <v>0</v>
      </c>
      <c r="O33" s="177">
        <v>0</v>
      </c>
      <c r="P33" s="182">
        <v>0</v>
      </c>
      <c r="Q33" s="179">
        <v>0</v>
      </c>
      <c r="R33" s="177">
        <v>0</v>
      </c>
      <c r="S33" s="177">
        <v>0</v>
      </c>
      <c r="T33" s="177">
        <v>0</v>
      </c>
      <c r="U33" s="177">
        <v>0</v>
      </c>
      <c r="V33" s="177">
        <v>1</v>
      </c>
      <c r="W33" s="182">
        <v>1</v>
      </c>
      <c r="X33" s="181">
        <v>1</v>
      </c>
      <c r="Y33" s="176">
        <v>0</v>
      </c>
      <c r="Z33" s="177">
        <v>1</v>
      </c>
      <c r="AA33" s="182">
        <v>1</v>
      </c>
      <c r="AB33" s="179">
        <v>0</v>
      </c>
      <c r="AC33" s="177">
        <v>1</v>
      </c>
      <c r="AD33" s="177">
        <v>1</v>
      </c>
      <c r="AE33" s="177">
        <v>3</v>
      </c>
      <c r="AF33" s="177">
        <v>0</v>
      </c>
      <c r="AG33" s="177">
        <v>1</v>
      </c>
      <c r="AH33" s="182">
        <v>6</v>
      </c>
      <c r="AI33" s="181">
        <v>7</v>
      </c>
      <c r="AJ33" s="176">
        <v>0</v>
      </c>
      <c r="AK33" s="177">
        <v>0</v>
      </c>
      <c r="AL33" s="182">
        <v>0</v>
      </c>
      <c r="AM33" s="179">
        <v>0</v>
      </c>
      <c r="AN33" s="177">
        <v>0</v>
      </c>
      <c r="AO33" s="177">
        <v>0</v>
      </c>
      <c r="AP33" s="177">
        <v>0</v>
      </c>
      <c r="AQ33" s="177">
        <v>0</v>
      </c>
      <c r="AR33" s="177">
        <v>0</v>
      </c>
      <c r="AS33" s="182">
        <v>0</v>
      </c>
      <c r="AT33" s="181">
        <v>0</v>
      </c>
      <c r="AU33" s="176">
        <v>0</v>
      </c>
      <c r="AV33" s="177">
        <v>0</v>
      </c>
      <c r="AW33" s="182">
        <v>0</v>
      </c>
      <c r="AX33" s="179">
        <v>0</v>
      </c>
      <c r="AY33" s="177">
        <v>0</v>
      </c>
      <c r="AZ33" s="177">
        <v>0</v>
      </c>
      <c r="BA33" s="177">
        <v>1</v>
      </c>
      <c r="BB33" s="177">
        <v>1</v>
      </c>
      <c r="BC33" s="177">
        <v>0</v>
      </c>
      <c r="BD33" s="180">
        <v>2</v>
      </c>
      <c r="BE33" s="181">
        <v>2</v>
      </c>
      <c r="BF33" s="176">
        <v>0</v>
      </c>
      <c r="BG33" s="177">
        <v>0</v>
      </c>
      <c r="BH33" s="182">
        <v>0</v>
      </c>
      <c r="BI33" s="179">
        <v>0</v>
      </c>
      <c r="BJ33" s="177">
        <v>2</v>
      </c>
      <c r="BK33" s="177">
        <v>2</v>
      </c>
      <c r="BL33" s="177">
        <v>1</v>
      </c>
      <c r="BM33" s="177">
        <v>1</v>
      </c>
      <c r="BN33" s="177">
        <v>0</v>
      </c>
      <c r="BO33" s="182">
        <v>6</v>
      </c>
      <c r="BP33" s="181">
        <v>6</v>
      </c>
      <c r="BQ33" s="176">
        <v>0</v>
      </c>
      <c r="BR33" s="177">
        <v>0</v>
      </c>
      <c r="BS33" s="182">
        <v>0</v>
      </c>
      <c r="BT33" s="179">
        <v>0</v>
      </c>
      <c r="BU33" s="177">
        <v>0</v>
      </c>
      <c r="BV33" s="177">
        <v>1</v>
      </c>
      <c r="BW33" s="177">
        <v>1</v>
      </c>
      <c r="BX33" s="177">
        <v>0</v>
      </c>
      <c r="BY33" s="177">
        <v>0</v>
      </c>
      <c r="BZ33" s="182">
        <v>2</v>
      </c>
      <c r="CA33" s="181">
        <v>2</v>
      </c>
      <c r="CB33" s="176">
        <v>0</v>
      </c>
      <c r="CC33" s="177">
        <v>0</v>
      </c>
      <c r="CD33" s="182">
        <v>0</v>
      </c>
      <c r="CE33" s="179">
        <v>0</v>
      </c>
      <c r="CF33" s="177">
        <v>1</v>
      </c>
      <c r="CG33" s="177">
        <v>0</v>
      </c>
      <c r="CH33" s="177">
        <v>1</v>
      </c>
      <c r="CI33" s="177">
        <v>1</v>
      </c>
      <c r="CJ33" s="177">
        <v>0</v>
      </c>
      <c r="CK33" s="182">
        <v>3</v>
      </c>
      <c r="CL33" s="181">
        <v>3</v>
      </c>
      <c r="CM33" s="176">
        <v>0</v>
      </c>
      <c r="CN33" s="177">
        <v>0</v>
      </c>
      <c r="CO33" s="182">
        <v>0</v>
      </c>
      <c r="CP33" s="179">
        <v>0</v>
      </c>
      <c r="CQ33" s="177">
        <v>0</v>
      </c>
      <c r="CR33" s="177">
        <v>0</v>
      </c>
      <c r="CS33" s="177">
        <v>1</v>
      </c>
      <c r="CT33" s="177">
        <v>1</v>
      </c>
      <c r="CU33" s="177">
        <v>0</v>
      </c>
      <c r="CV33" s="182">
        <v>2</v>
      </c>
      <c r="CW33" s="181">
        <v>2</v>
      </c>
      <c r="CX33" s="176">
        <v>0</v>
      </c>
      <c r="CY33" s="177">
        <v>0</v>
      </c>
      <c r="CZ33" s="182">
        <v>0</v>
      </c>
      <c r="DA33" s="179">
        <v>0</v>
      </c>
      <c r="DB33" s="177">
        <v>0</v>
      </c>
      <c r="DC33" s="177">
        <v>0</v>
      </c>
      <c r="DD33" s="177">
        <v>0</v>
      </c>
      <c r="DE33" s="177">
        <v>0</v>
      </c>
      <c r="DF33" s="177">
        <v>0</v>
      </c>
      <c r="DG33" s="182">
        <v>0</v>
      </c>
      <c r="DH33" s="181">
        <v>0</v>
      </c>
      <c r="DI33" s="176">
        <v>0</v>
      </c>
      <c r="DJ33" s="177">
        <v>0</v>
      </c>
      <c r="DK33" s="182">
        <v>0</v>
      </c>
      <c r="DL33" s="179">
        <v>0</v>
      </c>
      <c r="DM33" s="177">
        <v>0</v>
      </c>
      <c r="DN33" s="177">
        <v>0</v>
      </c>
      <c r="DO33" s="177">
        <v>0</v>
      </c>
      <c r="DP33" s="177">
        <v>0</v>
      </c>
      <c r="DQ33" s="177">
        <v>0</v>
      </c>
      <c r="DR33" s="182">
        <v>0</v>
      </c>
      <c r="DS33" s="181">
        <v>0</v>
      </c>
      <c r="DT33" s="176">
        <v>1</v>
      </c>
      <c r="DU33" s="177">
        <v>1</v>
      </c>
      <c r="DV33" s="182">
        <v>2</v>
      </c>
      <c r="DW33" s="179">
        <v>0</v>
      </c>
      <c r="DX33" s="177">
        <v>2</v>
      </c>
      <c r="DY33" s="177">
        <v>2</v>
      </c>
      <c r="DZ33" s="177">
        <v>4</v>
      </c>
      <c r="EA33" s="177">
        <v>3</v>
      </c>
      <c r="EB33" s="177">
        <v>1</v>
      </c>
      <c r="EC33" s="182">
        <v>12</v>
      </c>
      <c r="ED33" s="181">
        <v>14</v>
      </c>
      <c r="EE33" s="176">
        <v>0</v>
      </c>
      <c r="EF33" s="177">
        <v>0</v>
      </c>
      <c r="EG33" s="182">
        <v>0</v>
      </c>
      <c r="EH33" s="179">
        <v>0</v>
      </c>
      <c r="EI33" s="177">
        <v>0</v>
      </c>
      <c r="EJ33" s="177">
        <v>1</v>
      </c>
      <c r="EK33" s="177">
        <v>0</v>
      </c>
      <c r="EL33" s="177">
        <v>0</v>
      </c>
      <c r="EM33" s="177">
        <v>0</v>
      </c>
      <c r="EN33" s="182">
        <v>1</v>
      </c>
      <c r="EO33" s="181">
        <v>1</v>
      </c>
      <c r="EP33" s="176">
        <v>1</v>
      </c>
      <c r="EQ33" s="177">
        <v>2</v>
      </c>
      <c r="ER33" s="182">
        <v>3</v>
      </c>
      <c r="ES33" s="179">
        <v>0</v>
      </c>
      <c r="ET33" s="177">
        <v>5</v>
      </c>
      <c r="EU33" s="177">
        <v>4</v>
      </c>
      <c r="EV33" s="177">
        <v>5</v>
      </c>
      <c r="EW33" s="177">
        <v>3</v>
      </c>
      <c r="EX33" s="177">
        <v>1</v>
      </c>
      <c r="EY33" s="182">
        <v>18</v>
      </c>
      <c r="EZ33" s="181">
        <v>21</v>
      </c>
    </row>
    <row r="34" spans="2:156" ht="21" customHeight="1" x14ac:dyDescent="0.2">
      <c r="B34" s="92" t="s">
        <v>32</v>
      </c>
      <c r="C34" s="176">
        <v>0</v>
      </c>
      <c r="D34" s="177">
        <v>0</v>
      </c>
      <c r="E34" s="178">
        <v>0</v>
      </c>
      <c r="F34" s="179">
        <v>0</v>
      </c>
      <c r="G34" s="177">
        <v>2</v>
      </c>
      <c r="H34" s="177">
        <v>2</v>
      </c>
      <c r="I34" s="177">
        <v>0</v>
      </c>
      <c r="J34" s="177">
        <v>1</v>
      </c>
      <c r="K34" s="177">
        <v>1</v>
      </c>
      <c r="L34" s="180">
        <v>6</v>
      </c>
      <c r="M34" s="181">
        <v>6</v>
      </c>
      <c r="N34" s="176">
        <v>0</v>
      </c>
      <c r="O34" s="177">
        <v>0</v>
      </c>
      <c r="P34" s="182">
        <v>0</v>
      </c>
      <c r="Q34" s="179">
        <v>0</v>
      </c>
      <c r="R34" s="177">
        <v>0</v>
      </c>
      <c r="S34" s="177">
        <v>0</v>
      </c>
      <c r="T34" s="177">
        <v>0</v>
      </c>
      <c r="U34" s="177">
        <v>0</v>
      </c>
      <c r="V34" s="177">
        <v>0</v>
      </c>
      <c r="W34" s="182">
        <v>0</v>
      </c>
      <c r="X34" s="181">
        <v>0</v>
      </c>
      <c r="Y34" s="176">
        <v>2</v>
      </c>
      <c r="Z34" s="177">
        <v>1</v>
      </c>
      <c r="AA34" s="182">
        <v>3</v>
      </c>
      <c r="AB34" s="179">
        <v>0</v>
      </c>
      <c r="AC34" s="177">
        <v>3</v>
      </c>
      <c r="AD34" s="177">
        <v>1</v>
      </c>
      <c r="AE34" s="177">
        <v>1</v>
      </c>
      <c r="AF34" s="177">
        <v>0</v>
      </c>
      <c r="AG34" s="177">
        <v>0</v>
      </c>
      <c r="AH34" s="182">
        <v>5</v>
      </c>
      <c r="AI34" s="181">
        <v>8</v>
      </c>
      <c r="AJ34" s="176">
        <v>0</v>
      </c>
      <c r="AK34" s="177">
        <v>0</v>
      </c>
      <c r="AL34" s="182">
        <v>0</v>
      </c>
      <c r="AM34" s="179">
        <v>0</v>
      </c>
      <c r="AN34" s="177">
        <v>0</v>
      </c>
      <c r="AO34" s="177">
        <v>0</v>
      </c>
      <c r="AP34" s="177">
        <v>0</v>
      </c>
      <c r="AQ34" s="177">
        <v>2</v>
      </c>
      <c r="AR34" s="177">
        <v>0</v>
      </c>
      <c r="AS34" s="182">
        <v>2</v>
      </c>
      <c r="AT34" s="181">
        <v>2</v>
      </c>
      <c r="AU34" s="176">
        <v>0</v>
      </c>
      <c r="AV34" s="177">
        <v>0</v>
      </c>
      <c r="AW34" s="182">
        <v>0</v>
      </c>
      <c r="AX34" s="179">
        <v>0</v>
      </c>
      <c r="AY34" s="177">
        <v>0</v>
      </c>
      <c r="AZ34" s="177">
        <v>2</v>
      </c>
      <c r="BA34" s="177">
        <v>0</v>
      </c>
      <c r="BB34" s="177">
        <v>3</v>
      </c>
      <c r="BC34" s="177">
        <v>3</v>
      </c>
      <c r="BD34" s="180">
        <v>8</v>
      </c>
      <c r="BE34" s="181">
        <v>8</v>
      </c>
      <c r="BF34" s="176">
        <v>0</v>
      </c>
      <c r="BG34" s="177">
        <v>0</v>
      </c>
      <c r="BH34" s="182">
        <v>0</v>
      </c>
      <c r="BI34" s="179">
        <v>0</v>
      </c>
      <c r="BJ34" s="177">
        <v>7</v>
      </c>
      <c r="BK34" s="177">
        <v>3</v>
      </c>
      <c r="BL34" s="177">
        <v>0</v>
      </c>
      <c r="BM34" s="177">
        <v>1</v>
      </c>
      <c r="BN34" s="177">
        <v>0</v>
      </c>
      <c r="BO34" s="182">
        <v>11</v>
      </c>
      <c r="BP34" s="181">
        <v>11</v>
      </c>
      <c r="BQ34" s="176">
        <v>0</v>
      </c>
      <c r="BR34" s="177">
        <v>1</v>
      </c>
      <c r="BS34" s="182">
        <v>1</v>
      </c>
      <c r="BT34" s="179">
        <v>0</v>
      </c>
      <c r="BU34" s="177">
        <v>0</v>
      </c>
      <c r="BV34" s="177">
        <v>1</v>
      </c>
      <c r="BW34" s="177">
        <v>0</v>
      </c>
      <c r="BX34" s="177">
        <v>1</v>
      </c>
      <c r="BY34" s="177">
        <v>0</v>
      </c>
      <c r="BZ34" s="182">
        <v>2</v>
      </c>
      <c r="CA34" s="181">
        <v>3</v>
      </c>
      <c r="CB34" s="176">
        <v>0</v>
      </c>
      <c r="CC34" s="177">
        <v>1</v>
      </c>
      <c r="CD34" s="182">
        <v>1</v>
      </c>
      <c r="CE34" s="179">
        <v>0</v>
      </c>
      <c r="CF34" s="177">
        <v>0</v>
      </c>
      <c r="CG34" s="177">
        <v>0</v>
      </c>
      <c r="CH34" s="177">
        <v>0</v>
      </c>
      <c r="CI34" s="177">
        <v>0</v>
      </c>
      <c r="CJ34" s="177">
        <v>0</v>
      </c>
      <c r="CK34" s="182">
        <v>0</v>
      </c>
      <c r="CL34" s="181">
        <v>1</v>
      </c>
      <c r="CM34" s="176">
        <v>0</v>
      </c>
      <c r="CN34" s="177">
        <v>0</v>
      </c>
      <c r="CO34" s="182">
        <v>0</v>
      </c>
      <c r="CP34" s="179">
        <v>0</v>
      </c>
      <c r="CQ34" s="177">
        <v>0</v>
      </c>
      <c r="CR34" s="177">
        <v>0</v>
      </c>
      <c r="CS34" s="177">
        <v>0</v>
      </c>
      <c r="CT34" s="177">
        <v>0</v>
      </c>
      <c r="CU34" s="177">
        <v>0</v>
      </c>
      <c r="CV34" s="182">
        <v>0</v>
      </c>
      <c r="CW34" s="181">
        <v>0</v>
      </c>
      <c r="CX34" s="176">
        <v>0</v>
      </c>
      <c r="CY34" s="177">
        <v>0</v>
      </c>
      <c r="CZ34" s="182">
        <v>0</v>
      </c>
      <c r="DA34" s="179">
        <v>0</v>
      </c>
      <c r="DB34" s="177">
        <v>0</v>
      </c>
      <c r="DC34" s="177">
        <v>0</v>
      </c>
      <c r="DD34" s="177">
        <v>0</v>
      </c>
      <c r="DE34" s="177">
        <v>0</v>
      </c>
      <c r="DF34" s="177">
        <v>0</v>
      </c>
      <c r="DG34" s="182">
        <v>0</v>
      </c>
      <c r="DH34" s="181">
        <v>0</v>
      </c>
      <c r="DI34" s="176">
        <v>0</v>
      </c>
      <c r="DJ34" s="177">
        <v>0</v>
      </c>
      <c r="DK34" s="182">
        <v>0</v>
      </c>
      <c r="DL34" s="179">
        <v>0</v>
      </c>
      <c r="DM34" s="177">
        <v>0</v>
      </c>
      <c r="DN34" s="177">
        <v>0</v>
      </c>
      <c r="DO34" s="177">
        <v>0</v>
      </c>
      <c r="DP34" s="177">
        <v>0</v>
      </c>
      <c r="DQ34" s="177">
        <v>0</v>
      </c>
      <c r="DR34" s="182">
        <v>0</v>
      </c>
      <c r="DS34" s="181">
        <v>0</v>
      </c>
      <c r="DT34" s="176">
        <v>4</v>
      </c>
      <c r="DU34" s="177">
        <v>2</v>
      </c>
      <c r="DV34" s="182">
        <v>6</v>
      </c>
      <c r="DW34" s="179">
        <v>0</v>
      </c>
      <c r="DX34" s="177">
        <v>5</v>
      </c>
      <c r="DY34" s="177">
        <v>5</v>
      </c>
      <c r="DZ34" s="177">
        <v>2</v>
      </c>
      <c r="EA34" s="177">
        <v>3</v>
      </c>
      <c r="EB34" s="177">
        <v>1</v>
      </c>
      <c r="EC34" s="182">
        <v>16</v>
      </c>
      <c r="ED34" s="181">
        <v>22</v>
      </c>
      <c r="EE34" s="176">
        <v>1</v>
      </c>
      <c r="EF34" s="177">
        <v>0</v>
      </c>
      <c r="EG34" s="182">
        <v>1</v>
      </c>
      <c r="EH34" s="179">
        <v>0</v>
      </c>
      <c r="EI34" s="177">
        <v>0</v>
      </c>
      <c r="EJ34" s="177">
        <v>0</v>
      </c>
      <c r="EK34" s="177">
        <v>0</v>
      </c>
      <c r="EL34" s="177">
        <v>2</v>
      </c>
      <c r="EM34" s="177">
        <v>2</v>
      </c>
      <c r="EN34" s="182">
        <v>4</v>
      </c>
      <c r="EO34" s="181">
        <v>5</v>
      </c>
      <c r="EP34" s="176">
        <v>4</v>
      </c>
      <c r="EQ34" s="177">
        <v>3</v>
      </c>
      <c r="ER34" s="182">
        <v>7</v>
      </c>
      <c r="ES34" s="179">
        <v>0</v>
      </c>
      <c r="ET34" s="177">
        <v>12</v>
      </c>
      <c r="EU34" s="177">
        <v>7</v>
      </c>
      <c r="EV34" s="177">
        <v>2</v>
      </c>
      <c r="EW34" s="177">
        <v>3</v>
      </c>
      <c r="EX34" s="177">
        <v>1</v>
      </c>
      <c r="EY34" s="182">
        <v>25</v>
      </c>
      <c r="EZ34" s="181">
        <v>32</v>
      </c>
    </row>
    <row r="35" spans="2:156" ht="21" customHeight="1" x14ac:dyDescent="0.2">
      <c r="B35" s="92" t="s">
        <v>33</v>
      </c>
      <c r="C35" s="176">
        <v>0</v>
      </c>
      <c r="D35" s="177">
        <v>0</v>
      </c>
      <c r="E35" s="178">
        <v>0</v>
      </c>
      <c r="F35" s="179">
        <v>0</v>
      </c>
      <c r="G35" s="177">
        <v>2</v>
      </c>
      <c r="H35" s="177">
        <v>0</v>
      </c>
      <c r="I35" s="177">
        <v>1</v>
      </c>
      <c r="J35" s="177">
        <v>0</v>
      </c>
      <c r="K35" s="177">
        <v>0</v>
      </c>
      <c r="L35" s="180">
        <v>3</v>
      </c>
      <c r="M35" s="181">
        <v>3</v>
      </c>
      <c r="N35" s="176">
        <v>0</v>
      </c>
      <c r="O35" s="177">
        <v>0</v>
      </c>
      <c r="P35" s="182">
        <v>0</v>
      </c>
      <c r="Q35" s="179">
        <v>0</v>
      </c>
      <c r="R35" s="177">
        <v>0</v>
      </c>
      <c r="S35" s="177">
        <v>0</v>
      </c>
      <c r="T35" s="177">
        <v>0</v>
      </c>
      <c r="U35" s="177">
        <v>0</v>
      </c>
      <c r="V35" s="177">
        <v>1</v>
      </c>
      <c r="W35" s="182">
        <v>1</v>
      </c>
      <c r="X35" s="181">
        <v>1</v>
      </c>
      <c r="Y35" s="176">
        <v>0</v>
      </c>
      <c r="Z35" s="177">
        <v>1</v>
      </c>
      <c r="AA35" s="182">
        <v>1</v>
      </c>
      <c r="AB35" s="179">
        <v>0</v>
      </c>
      <c r="AC35" s="177">
        <v>2</v>
      </c>
      <c r="AD35" s="177">
        <v>2</v>
      </c>
      <c r="AE35" s="177">
        <v>0</v>
      </c>
      <c r="AF35" s="177">
        <v>0</v>
      </c>
      <c r="AG35" s="177">
        <v>0</v>
      </c>
      <c r="AH35" s="182">
        <v>4</v>
      </c>
      <c r="AI35" s="181">
        <v>5</v>
      </c>
      <c r="AJ35" s="176">
        <v>0</v>
      </c>
      <c r="AK35" s="177">
        <v>0</v>
      </c>
      <c r="AL35" s="182">
        <v>0</v>
      </c>
      <c r="AM35" s="179">
        <v>0</v>
      </c>
      <c r="AN35" s="177">
        <v>3</v>
      </c>
      <c r="AO35" s="177">
        <v>1</v>
      </c>
      <c r="AP35" s="177">
        <v>2</v>
      </c>
      <c r="AQ35" s="177">
        <v>1</v>
      </c>
      <c r="AR35" s="177">
        <v>0</v>
      </c>
      <c r="AS35" s="182">
        <v>7</v>
      </c>
      <c r="AT35" s="181">
        <v>7</v>
      </c>
      <c r="AU35" s="176">
        <v>1</v>
      </c>
      <c r="AV35" s="177">
        <v>0</v>
      </c>
      <c r="AW35" s="182">
        <v>1</v>
      </c>
      <c r="AX35" s="179">
        <v>0</v>
      </c>
      <c r="AY35" s="177">
        <v>4</v>
      </c>
      <c r="AZ35" s="177">
        <v>2</v>
      </c>
      <c r="BA35" s="177">
        <v>3</v>
      </c>
      <c r="BB35" s="177">
        <v>2</v>
      </c>
      <c r="BC35" s="177">
        <v>2</v>
      </c>
      <c r="BD35" s="180">
        <v>13</v>
      </c>
      <c r="BE35" s="181">
        <v>14</v>
      </c>
      <c r="BF35" s="176">
        <v>0</v>
      </c>
      <c r="BG35" s="177">
        <v>0</v>
      </c>
      <c r="BH35" s="182">
        <v>0</v>
      </c>
      <c r="BI35" s="179">
        <v>0</v>
      </c>
      <c r="BJ35" s="177">
        <v>2</v>
      </c>
      <c r="BK35" s="177">
        <v>0</v>
      </c>
      <c r="BL35" s="177">
        <v>0</v>
      </c>
      <c r="BM35" s="177">
        <v>0</v>
      </c>
      <c r="BN35" s="177">
        <v>0</v>
      </c>
      <c r="BO35" s="182">
        <v>2</v>
      </c>
      <c r="BP35" s="181">
        <v>2</v>
      </c>
      <c r="BQ35" s="176">
        <v>1</v>
      </c>
      <c r="BR35" s="177">
        <v>0</v>
      </c>
      <c r="BS35" s="182">
        <v>1</v>
      </c>
      <c r="BT35" s="179">
        <v>0</v>
      </c>
      <c r="BU35" s="177">
        <v>2</v>
      </c>
      <c r="BV35" s="177">
        <v>0</v>
      </c>
      <c r="BW35" s="177">
        <v>0</v>
      </c>
      <c r="BX35" s="177">
        <v>0</v>
      </c>
      <c r="BY35" s="177">
        <v>0</v>
      </c>
      <c r="BZ35" s="182">
        <v>2</v>
      </c>
      <c r="CA35" s="181">
        <v>3</v>
      </c>
      <c r="CB35" s="176">
        <v>0</v>
      </c>
      <c r="CC35" s="177">
        <v>0</v>
      </c>
      <c r="CD35" s="182">
        <v>0</v>
      </c>
      <c r="CE35" s="179">
        <v>0</v>
      </c>
      <c r="CF35" s="177">
        <v>0</v>
      </c>
      <c r="CG35" s="177">
        <v>0</v>
      </c>
      <c r="CH35" s="177">
        <v>1</v>
      </c>
      <c r="CI35" s="177">
        <v>0</v>
      </c>
      <c r="CJ35" s="177">
        <v>1</v>
      </c>
      <c r="CK35" s="182">
        <v>2</v>
      </c>
      <c r="CL35" s="181">
        <v>2</v>
      </c>
      <c r="CM35" s="176">
        <v>0</v>
      </c>
      <c r="CN35" s="177">
        <v>0</v>
      </c>
      <c r="CO35" s="182">
        <v>0</v>
      </c>
      <c r="CP35" s="179">
        <v>0</v>
      </c>
      <c r="CQ35" s="177">
        <v>0</v>
      </c>
      <c r="CR35" s="177">
        <v>0</v>
      </c>
      <c r="CS35" s="177">
        <v>0</v>
      </c>
      <c r="CT35" s="177">
        <v>0</v>
      </c>
      <c r="CU35" s="177">
        <v>0</v>
      </c>
      <c r="CV35" s="182">
        <v>0</v>
      </c>
      <c r="CW35" s="181">
        <v>0</v>
      </c>
      <c r="CX35" s="176">
        <v>0</v>
      </c>
      <c r="CY35" s="177">
        <v>0</v>
      </c>
      <c r="CZ35" s="182">
        <v>0</v>
      </c>
      <c r="DA35" s="179">
        <v>0</v>
      </c>
      <c r="DB35" s="177">
        <v>0</v>
      </c>
      <c r="DC35" s="177">
        <v>0</v>
      </c>
      <c r="DD35" s="177">
        <v>0</v>
      </c>
      <c r="DE35" s="177">
        <v>0</v>
      </c>
      <c r="DF35" s="177">
        <v>0</v>
      </c>
      <c r="DG35" s="182">
        <v>0</v>
      </c>
      <c r="DH35" s="181">
        <v>0</v>
      </c>
      <c r="DI35" s="176">
        <v>0</v>
      </c>
      <c r="DJ35" s="177">
        <v>0</v>
      </c>
      <c r="DK35" s="182">
        <v>0</v>
      </c>
      <c r="DL35" s="179">
        <v>0</v>
      </c>
      <c r="DM35" s="177">
        <v>1</v>
      </c>
      <c r="DN35" s="177">
        <v>0</v>
      </c>
      <c r="DO35" s="177">
        <v>0</v>
      </c>
      <c r="DP35" s="177">
        <v>0</v>
      </c>
      <c r="DQ35" s="177">
        <v>0</v>
      </c>
      <c r="DR35" s="182">
        <v>1</v>
      </c>
      <c r="DS35" s="181">
        <v>1</v>
      </c>
      <c r="DT35" s="176">
        <v>1</v>
      </c>
      <c r="DU35" s="177">
        <v>1</v>
      </c>
      <c r="DV35" s="182">
        <v>2</v>
      </c>
      <c r="DW35" s="179">
        <v>0</v>
      </c>
      <c r="DX35" s="177">
        <v>7</v>
      </c>
      <c r="DY35" s="177">
        <v>4</v>
      </c>
      <c r="DZ35" s="177">
        <v>2</v>
      </c>
      <c r="EA35" s="177">
        <v>1</v>
      </c>
      <c r="EB35" s="177">
        <v>1</v>
      </c>
      <c r="EC35" s="182">
        <v>15</v>
      </c>
      <c r="ED35" s="181">
        <v>17</v>
      </c>
      <c r="EE35" s="176">
        <v>0</v>
      </c>
      <c r="EF35" s="177">
        <v>0</v>
      </c>
      <c r="EG35" s="182">
        <v>0</v>
      </c>
      <c r="EH35" s="179">
        <v>0</v>
      </c>
      <c r="EI35" s="177">
        <v>2</v>
      </c>
      <c r="EJ35" s="177">
        <v>1</v>
      </c>
      <c r="EK35" s="177">
        <v>2</v>
      </c>
      <c r="EL35" s="177">
        <v>1</v>
      </c>
      <c r="EM35" s="177">
        <v>2</v>
      </c>
      <c r="EN35" s="182">
        <v>8</v>
      </c>
      <c r="EO35" s="181">
        <v>8</v>
      </c>
      <c r="EP35" s="176">
        <v>2</v>
      </c>
      <c r="EQ35" s="177">
        <v>2</v>
      </c>
      <c r="ER35" s="182">
        <v>4</v>
      </c>
      <c r="ES35" s="179">
        <v>0</v>
      </c>
      <c r="ET35" s="177">
        <v>13</v>
      </c>
      <c r="EU35" s="177">
        <v>4</v>
      </c>
      <c r="EV35" s="177">
        <v>2</v>
      </c>
      <c r="EW35" s="177">
        <v>1</v>
      </c>
      <c r="EX35" s="177">
        <v>2</v>
      </c>
      <c r="EY35" s="182">
        <v>22</v>
      </c>
      <c r="EZ35" s="181">
        <v>26</v>
      </c>
    </row>
    <row r="36" spans="2:156" ht="21" customHeight="1" x14ac:dyDescent="0.2">
      <c r="B36" s="92" t="s">
        <v>34</v>
      </c>
      <c r="C36" s="176">
        <v>0</v>
      </c>
      <c r="D36" s="177">
        <v>0</v>
      </c>
      <c r="E36" s="178">
        <v>0</v>
      </c>
      <c r="F36" s="179">
        <v>0</v>
      </c>
      <c r="G36" s="177">
        <v>1</v>
      </c>
      <c r="H36" s="177">
        <v>1</v>
      </c>
      <c r="I36" s="177">
        <v>0</v>
      </c>
      <c r="J36" s="177">
        <v>0</v>
      </c>
      <c r="K36" s="177">
        <v>0</v>
      </c>
      <c r="L36" s="180">
        <v>2</v>
      </c>
      <c r="M36" s="181">
        <v>2</v>
      </c>
      <c r="N36" s="176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0</v>
      </c>
      <c r="T36" s="177">
        <v>0</v>
      </c>
      <c r="U36" s="177">
        <v>0</v>
      </c>
      <c r="V36" s="177">
        <v>0</v>
      </c>
      <c r="W36" s="182">
        <v>0</v>
      </c>
      <c r="X36" s="181">
        <v>0</v>
      </c>
      <c r="Y36" s="176">
        <v>1</v>
      </c>
      <c r="Z36" s="177">
        <v>0</v>
      </c>
      <c r="AA36" s="182">
        <v>1</v>
      </c>
      <c r="AB36" s="179">
        <v>0</v>
      </c>
      <c r="AC36" s="177">
        <v>1</v>
      </c>
      <c r="AD36" s="177">
        <v>1</v>
      </c>
      <c r="AE36" s="177">
        <v>0</v>
      </c>
      <c r="AF36" s="177">
        <v>0</v>
      </c>
      <c r="AG36" s="177">
        <v>0</v>
      </c>
      <c r="AH36" s="182">
        <v>2</v>
      </c>
      <c r="AI36" s="181">
        <v>3</v>
      </c>
      <c r="AJ36" s="176">
        <v>0</v>
      </c>
      <c r="AK36" s="177">
        <v>0</v>
      </c>
      <c r="AL36" s="182">
        <v>0</v>
      </c>
      <c r="AM36" s="179">
        <v>0</v>
      </c>
      <c r="AN36" s="177">
        <v>0</v>
      </c>
      <c r="AO36" s="177">
        <v>1</v>
      </c>
      <c r="AP36" s="177">
        <v>0</v>
      </c>
      <c r="AQ36" s="177">
        <v>0</v>
      </c>
      <c r="AR36" s="177">
        <v>0</v>
      </c>
      <c r="AS36" s="182">
        <v>1</v>
      </c>
      <c r="AT36" s="181">
        <v>1</v>
      </c>
      <c r="AU36" s="176">
        <v>0</v>
      </c>
      <c r="AV36" s="177">
        <v>0</v>
      </c>
      <c r="AW36" s="182">
        <v>0</v>
      </c>
      <c r="AX36" s="179">
        <v>0</v>
      </c>
      <c r="AY36" s="177">
        <v>2</v>
      </c>
      <c r="AZ36" s="177">
        <v>2</v>
      </c>
      <c r="BA36" s="177">
        <v>1</v>
      </c>
      <c r="BB36" s="177">
        <v>0</v>
      </c>
      <c r="BC36" s="177">
        <v>0</v>
      </c>
      <c r="BD36" s="180">
        <v>5</v>
      </c>
      <c r="BE36" s="181">
        <v>5</v>
      </c>
      <c r="BF36" s="176">
        <v>0</v>
      </c>
      <c r="BG36" s="177">
        <v>0</v>
      </c>
      <c r="BH36" s="182">
        <v>0</v>
      </c>
      <c r="BI36" s="179">
        <v>0</v>
      </c>
      <c r="BJ36" s="177">
        <v>0</v>
      </c>
      <c r="BK36" s="177">
        <v>2</v>
      </c>
      <c r="BL36" s="177">
        <v>1</v>
      </c>
      <c r="BM36" s="177">
        <v>1</v>
      </c>
      <c r="BN36" s="177">
        <v>0</v>
      </c>
      <c r="BO36" s="182">
        <v>4</v>
      </c>
      <c r="BP36" s="181">
        <v>4</v>
      </c>
      <c r="BQ36" s="176">
        <v>0</v>
      </c>
      <c r="BR36" s="177">
        <v>0</v>
      </c>
      <c r="BS36" s="182">
        <v>0</v>
      </c>
      <c r="BT36" s="179">
        <v>0</v>
      </c>
      <c r="BU36" s="177">
        <v>0</v>
      </c>
      <c r="BV36" s="177">
        <v>0</v>
      </c>
      <c r="BW36" s="177">
        <v>0</v>
      </c>
      <c r="BX36" s="177">
        <v>0</v>
      </c>
      <c r="BY36" s="177">
        <v>0</v>
      </c>
      <c r="BZ36" s="182">
        <v>0</v>
      </c>
      <c r="CA36" s="181">
        <v>0</v>
      </c>
      <c r="CB36" s="176">
        <v>0</v>
      </c>
      <c r="CC36" s="177">
        <v>0</v>
      </c>
      <c r="CD36" s="182">
        <v>0</v>
      </c>
      <c r="CE36" s="179">
        <v>0</v>
      </c>
      <c r="CF36" s="177">
        <v>0</v>
      </c>
      <c r="CG36" s="177">
        <v>1</v>
      </c>
      <c r="CH36" s="177">
        <v>1</v>
      </c>
      <c r="CI36" s="177">
        <v>0</v>
      </c>
      <c r="CJ36" s="177">
        <v>0</v>
      </c>
      <c r="CK36" s="182">
        <v>2</v>
      </c>
      <c r="CL36" s="181">
        <v>2</v>
      </c>
      <c r="CM36" s="176">
        <v>0</v>
      </c>
      <c r="CN36" s="177">
        <v>0</v>
      </c>
      <c r="CO36" s="182">
        <v>0</v>
      </c>
      <c r="CP36" s="179">
        <v>0</v>
      </c>
      <c r="CQ36" s="177">
        <v>0</v>
      </c>
      <c r="CR36" s="177">
        <v>0</v>
      </c>
      <c r="CS36" s="177">
        <v>0</v>
      </c>
      <c r="CT36" s="177">
        <v>0</v>
      </c>
      <c r="CU36" s="177">
        <v>0</v>
      </c>
      <c r="CV36" s="182">
        <v>0</v>
      </c>
      <c r="CW36" s="181">
        <v>0</v>
      </c>
      <c r="CX36" s="176">
        <v>0</v>
      </c>
      <c r="CY36" s="177">
        <v>0</v>
      </c>
      <c r="CZ36" s="182">
        <v>0</v>
      </c>
      <c r="DA36" s="179">
        <v>0</v>
      </c>
      <c r="DB36" s="177">
        <v>0</v>
      </c>
      <c r="DC36" s="177">
        <v>0</v>
      </c>
      <c r="DD36" s="177">
        <v>0</v>
      </c>
      <c r="DE36" s="177">
        <v>0</v>
      </c>
      <c r="DF36" s="177">
        <v>0</v>
      </c>
      <c r="DG36" s="182">
        <v>0</v>
      </c>
      <c r="DH36" s="181">
        <v>0</v>
      </c>
      <c r="DI36" s="176">
        <v>0</v>
      </c>
      <c r="DJ36" s="177">
        <v>0</v>
      </c>
      <c r="DK36" s="182">
        <v>0</v>
      </c>
      <c r="DL36" s="179">
        <v>0</v>
      </c>
      <c r="DM36" s="177">
        <v>0</v>
      </c>
      <c r="DN36" s="177">
        <v>0</v>
      </c>
      <c r="DO36" s="177">
        <v>0</v>
      </c>
      <c r="DP36" s="177">
        <v>0</v>
      </c>
      <c r="DQ36" s="177">
        <v>0</v>
      </c>
      <c r="DR36" s="182">
        <v>0</v>
      </c>
      <c r="DS36" s="181">
        <v>0</v>
      </c>
      <c r="DT36" s="176">
        <v>1</v>
      </c>
      <c r="DU36" s="177">
        <v>0</v>
      </c>
      <c r="DV36" s="182">
        <v>1</v>
      </c>
      <c r="DW36" s="179">
        <v>0</v>
      </c>
      <c r="DX36" s="177">
        <v>2</v>
      </c>
      <c r="DY36" s="177">
        <v>3</v>
      </c>
      <c r="DZ36" s="177">
        <v>0</v>
      </c>
      <c r="EA36" s="177">
        <v>1</v>
      </c>
      <c r="EB36" s="177">
        <v>0</v>
      </c>
      <c r="EC36" s="182">
        <v>6</v>
      </c>
      <c r="ED36" s="181">
        <v>7</v>
      </c>
      <c r="EE36" s="176">
        <v>0</v>
      </c>
      <c r="EF36" s="177">
        <v>0</v>
      </c>
      <c r="EG36" s="182">
        <v>0</v>
      </c>
      <c r="EH36" s="179">
        <v>0</v>
      </c>
      <c r="EI36" s="177">
        <v>0</v>
      </c>
      <c r="EJ36" s="177">
        <v>2</v>
      </c>
      <c r="EK36" s="177">
        <v>1</v>
      </c>
      <c r="EL36" s="177">
        <v>0</v>
      </c>
      <c r="EM36" s="177">
        <v>0</v>
      </c>
      <c r="EN36" s="182">
        <v>3</v>
      </c>
      <c r="EO36" s="181">
        <v>3</v>
      </c>
      <c r="EP36" s="176">
        <v>2</v>
      </c>
      <c r="EQ36" s="177">
        <v>0</v>
      </c>
      <c r="ER36" s="182">
        <v>2</v>
      </c>
      <c r="ES36" s="179">
        <v>0</v>
      </c>
      <c r="ET36" s="177">
        <v>2</v>
      </c>
      <c r="EU36" s="177">
        <v>3</v>
      </c>
      <c r="EV36" s="177">
        <v>1</v>
      </c>
      <c r="EW36" s="177">
        <v>1</v>
      </c>
      <c r="EX36" s="177">
        <v>0</v>
      </c>
      <c r="EY36" s="182">
        <v>7</v>
      </c>
      <c r="EZ36" s="181">
        <v>9</v>
      </c>
    </row>
    <row r="37" spans="2:156" ht="21" customHeight="1" x14ac:dyDescent="0.2">
      <c r="B37" s="92" t="s">
        <v>35</v>
      </c>
      <c r="C37" s="176">
        <v>0</v>
      </c>
      <c r="D37" s="177">
        <v>0</v>
      </c>
      <c r="E37" s="178">
        <v>0</v>
      </c>
      <c r="F37" s="179">
        <v>0</v>
      </c>
      <c r="G37" s="177">
        <v>2</v>
      </c>
      <c r="H37" s="177">
        <v>5</v>
      </c>
      <c r="I37" s="177">
        <v>2</v>
      </c>
      <c r="J37" s="177">
        <v>0</v>
      </c>
      <c r="K37" s="177">
        <v>0</v>
      </c>
      <c r="L37" s="180">
        <v>9</v>
      </c>
      <c r="M37" s="181">
        <v>9</v>
      </c>
      <c r="N37" s="176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0</v>
      </c>
      <c r="T37" s="177">
        <v>0</v>
      </c>
      <c r="U37" s="177">
        <v>0</v>
      </c>
      <c r="V37" s="177">
        <v>0</v>
      </c>
      <c r="W37" s="182">
        <v>0</v>
      </c>
      <c r="X37" s="181">
        <v>0</v>
      </c>
      <c r="Y37" s="176">
        <v>0</v>
      </c>
      <c r="Z37" s="177">
        <v>2</v>
      </c>
      <c r="AA37" s="182">
        <v>2</v>
      </c>
      <c r="AB37" s="179">
        <v>0</v>
      </c>
      <c r="AC37" s="177">
        <v>2</v>
      </c>
      <c r="AD37" s="177">
        <v>4</v>
      </c>
      <c r="AE37" s="177">
        <v>2</v>
      </c>
      <c r="AF37" s="177">
        <v>0</v>
      </c>
      <c r="AG37" s="177">
        <v>1</v>
      </c>
      <c r="AH37" s="182">
        <v>9</v>
      </c>
      <c r="AI37" s="181">
        <v>11</v>
      </c>
      <c r="AJ37" s="176">
        <v>0</v>
      </c>
      <c r="AK37" s="177">
        <v>1</v>
      </c>
      <c r="AL37" s="182">
        <v>1</v>
      </c>
      <c r="AM37" s="179">
        <v>0</v>
      </c>
      <c r="AN37" s="177">
        <v>2</v>
      </c>
      <c r="AO37" s="177">
        <v>0</v>
      </c>
      <c r="AP37" s="177">
        <v>0</v>
      </c>
      <c r="AQ37" s="177">
        <v>0</v>
      </c>
      <c r="AR37" s="177">
        <v>1</v>
      </c>
      <c r="AS37" s="182">
        <v>3</v>
      </c>
      <c r="AT37" s="181">
        <v>4</v>
      </c>
      <c r="AU37" s="176">
        <v>3</v>
      </c>
      <c r="AV37" s="177">
        <v>3</v>
      </c>
      <c r="AW37" s="182">
        <v>6</v>
      </c>
      <c r="AX37" s="179">
        <v>0</v>
      </c>
      <c r="AY37" s="177">
        <v>6</v>
      </c>
      <c r="AZ37" s="177">
        <v>4</v>
      </c>
      <c r="BA37" s="177">
        <v>4</v>
      </c>
      <c r="BB37" s="177">
        <v>2</v>
      </c>
      <c r="BC37" s="177">
        <v>2</v>
      </c>
      <c r="BD37" s="180">
        <v>18</v>
      </c>
      <c r="BE37" s="181">
        <v>24</v>
      </c>
      <c r="BF37" s="176">
        <v>0</v>
      </c>
      <c r="BG37" s="177">
        <v>0</v>
      </c>
      <c r="BH37" s="182">
        <v>0</v>
      </c>
      <c r="BI37" s="179">
        <v>0</v>
      </c>
      <c r="BJ37" s="177">
        <v>6</v>
      </c>
      <c r="BK37" s="177">
        <v>2</v>
      </c>
      <c r="BL37" s="177">
        <v>2</v>
      </c>
      <c r="BM37" s="177">
        <v>0</v>
      </c>
      <c r="BN37" s="177">
        <v>1</v>
      </c>
      <c r="BO37" s="182">
        <v>11</v>
      </c>
      <c r="BP37" s="181">
        <v>11</v>
      </c>
      <c r="BQ37" s="176">
        <v>1</v>
      </c>
      <c r="BR37" s="177">
        <v>2</v>
      </c>
      <c r="BS37" s="182">
        <v>3</v>
      </c>
      <c r="BT37" s="179">
        <v>0</v>
      </c>
      <c r="BU37" s="177">
        <v>2</v>
      </c>
      <c r="BV37" s="177">
        <v>3</v>
      </c>
      <c r="BW37" s="177">
        <v>4</v>
      </c>
      <c r="BX37" s="177">
        <v>0</v>
      </c>
      <c r="BY37" s="177">
        <v>0</v>
      </c>
      <c r="BZ37" s="182">
        <v>9</v>
      </c>
      <c r="CA37" s="181">
        <v>12</v>
      </c>
      <c r="CB37" s="176">
        <v>0</v>
      </c>
      <c r="CC37" s="177">
        <v>0</v>
      </c>
      <c r="CD37" s="182">
        <v>0</v>
      </c>
      <c r="CE37" s="179">
        <v>0</v>
      </c>
      <c r="CF37" s="177">
        <v>0</v>
      </c>
      <c r="CG37" s="177">
        <v>2</v>
      </c>
      <c r="CH37" s="177">
        <v>1</v>
      </c>
      <c r="CI37" s="177">
        <v>0</v>
      </c>
      <c r="CJ37" s="177">
        <v>1</v>
      </c>
      <c r="CK37" s="182">
        <v>4</v>
      </c>
      <c r="CL37" s="181">
        <v>4</v>
      </c>
      <c r="CM37" s="176">
        <v>0</v>
      </c>
      <c r="CN37" s="177">
        <v>0</v>
      </c>
      <c r="CO37" s="182">
        <v>0</v>
      </c>
      <c r="CP37" s="179">
        <v>0</v>
      </c>
      <c r="CQ37" s="177">
        <v>0</v>
      </c>
      <c r="CR37" s="177">
        <v>0</v>
      </c>
      <c r="CS37" s="177">
        <v>0</v>
      </c>
      <c r="CT37" s="177">
        <v>0</v>
      </c>
      <c r="CU37" s="177">
        <v>0</v>
      </c>
      <c r="CV37" s="182">
        <v>0</v>
      </c>
      <c r="CW37" s="181">
        <v>0</v>
      </c>
      <c r="CX37" s="176">
        <v>0</v>
      </c>
      <c r="CY37" s="177">
        <v>0</v>
      </c>
      <c r="CZ37" s="182">
        <v>0</v>
      </c>
      <c r="DA37" s="179">
        <v>0</v>
      </c>
      <c r="DB37" s="177">
        <v>0</v>
      </c>
      <c r="DC37" s="177">
        <v>0</v>
      </c>
      <c r="DD37" s="177">
        <v>0</v>
      </c>
      <c r="DE37" s="177">
        <v>0</v>
      </c>
      <c r="DF37" s="177">
        <v>0</v>
      </c>
      <c r="DG37" s="182">
        <v>0</v>
      </c>
      <c r="DH37" s="181">
        <v>0</v>
      </c>
      <c r="DI37" s="176">
        <v>0</v>
      </c>
      <c r="DJ37" s="177">
        <v>0</v>
      </c>
      <c r="DK37" s="182">
        <v>0</v>
      </c>
      <c r="DL37" s="179">
        <v>0</v>
      </c>
      <c r="DM37" s="177">
        <v>0</v>
      </c>
      <c r="DN37" s="177">
        <v>0</v>
      </c>
      <c r="DO37" s="177">
        <v>0</v>
      </c>
      <c r="DP37" s="177">
        <v>0</v>
      </c>
      <c r="DQ37" s="177">
        <v>0</v>
      </c>
      <c r="DR37" s="182">
        <v>0</v>
      </c>
      <c r="DS37" s="181">
        <v>0</v>
      </c>
      <c r="DT37" s="176">
        <v>3</v>
      </c>
      <c r="DU37" s="177">
        <v>5</v>
      </c>
      <c r="DV37" s="182">
        <v>8</v>
      </c>
      <c r="DW37" s="179">
        <v>0</v>
      </c>
      <c r="DX37" s="177">
        <v>7</v>
      </c>
      <c r="DY37" s="177">
        <v>10</v>
      </c>
      <c r="DZ37" s="177">
        <v>3</v>
      </c>
      <c r="EA37" s="177">
        <v>0</v>
      </c>
      <c r="EB37" s="177">
        <v>2</v>
      </c>
      <c r="EC37" s="182">
        <v>22</v>
      </c>
      <c r="ED37" s="181">
        <v>30</v>
      </c>
      <c r="EE37" s="176">
        <v>3</v>
      </c>
      <c r="EF37" s="177">
        <v>1</v>
      </c>
      <c r="EG37" s="182">
        <v>4</v>
      </c>
      <c r="EH37" s="179">
        <v>0</v>
      </c>
      <c r="EI37" s="177">
        <v>4</v>
      </c>
      <c r="EJ37" s="177">
        <v>2</v>
      </c>
      <c r="EK37" s="177">
        <v>2</v>
      </c>
      <c r="EL37" s="177">
        <v>2</v>
      </c>
      <c r="EM37" s="177">
        <v>1</v>
      </c>
      <c r="EN37" s="182">
        <v>11</v>
      </c>
      <c r="EO37" s="181">
        <v>15</v>
      </c>
      <c r="EP37" s="176">
        <v>4</v>
      </c>
      <c r="EQ37" s="177">
        <v>7</v>
      </c>
      <c r="ER37" s="182">
        <v>11</v>
      </c>
      <c r="ES37" s="179">
        <v>0</v>
      </c>
      <c r="ET37" s="177">
        <v>13</v>
      </c>
      <c r="EU37" s="177">
        <v>11</v>
      </c>
      <c r="EV37" s="177">
        <v>5</v>
      </c>
      <c r="EW37" s="177">
        <v>0</v>
      </c>
      <c r="EX37" s="177">
        <v>2</v>
      </c>
      <c r="EY37" s="182">
        <v>31</v>
      </c>
      <c r="EZ37" s="181">
        <v>42</v>
      </c>
    </row>
    <row r="38" spans="2:156" ht="21" customHeight="1" x14ac:dyDescent="0.2">
      <c r="B38" s="92" t="s">
        <v>36</v>
      </c>
      <c r="C38" s="176">
        <v>0</v>
      </c>
      <c r="D38" s="177">
        <v>0</v>
      </c>
      <c r="E38" s="178">
        <v>0</v>
      </c>
      <c r="F38" s="179">
        <v>0</v>
      </c>
      <c r="G38" s="177">
        <v>1</v>
      </c>
      <c r="H38" s="177">
        <v>3</v>
      </c>
      <c r="I38" s="177">
        <v>0</v>
      </c>
      <c r="J38" s="177">
        <v>1</v>
      </c>
      <c r="K38" s="177">
        <v>0</v>
      </c>
      <c r="L38" s="180">
        <v>5</v>
      </c>
      <c r="M38" s="181">
        <v>5</v>
      </c>
      <c r="N38" s="176">
        <v>0</v>
      </c>
      <c r="O38" s="177">
        <v>0</v>
      </c>
      <c r="P38" s="182">
        <v>0</v>
      </c>
      <c r="Q38" s="179">
        <v>0</v>
      </c>
      <c r="R38" s="177">
        <v>0</v>
      </c>
      <c r="S38" s="177">
        <v>0</v>
      </c>
      <c r="T38" s="177">
        <v>0</v>
      </c>
      <c r="U38" s="177">
        <v>0</v>
      </c>
      <c r="V38" s="177">
        <v>0</v>
      </c>
      <c r="W38" s="182">
        <v>0</v>
      </c>
      <c r="X38" s="181">
        <v>0</v>
      </c>
      <c r="Y38" s="176">
        <v>0</v>
      </c>
      <c r="Z38" s="177">
        <v>1</v>
      </c>
      <c r="AA38" s="182">
        <v>1</v>
      </c>
      <c r="AB38" s="179">
        <v>0</v>
      </c>
      <c r="AC38" s="177">
        <v>2</v>
      </c>
      <c r="AD38" s="177">
        <v>4</v>
      </c>
      <c r="AE38" s="177">
        <v>0</v>
      </c>
      <c r="AF38" s="177">
        <v>2</v>
      </c>
      <c r="AG38" s="177">
        <v>0</v>
      </c>
      <c r="AH38" s="182">
        <v>8</v>
      </c>
      <c r="AI38" s="181">
        <v>9</v>
      </c>
      <c r="AJ38" s="176">
        <v>0</v>
      </c>
      <c r="AK38" s="177">
        <v>0</v>
      </c>
      <c r="AL38" s="182">
        <v>0</v>
      </c>
      <c r="AM38" s="179">
        <v>0</v>
      </c>
      <c r="AN38" s="177">
        <v>1</v>
      </c>
      <c r="AO38" s="177">
        <v>0</v>
      </c>
      <c r="AP38" s="177">
        <v>0</v>
      </c>
      <c r="AQ38" s="177">
        <v>0</v>
      </c>
      <c r="AR38" s="177">
        <v>0</v>
      </c>
      <c r="AS38" s="182">
        <v>1</v>
      </c>
      <c r="AT38" s="181">
        <v>1</v>
      </c>
      <c r="AU38" s="176">
        <v>0</v>
      </c>
      <c r="AV38" s="177">
        <v>0</v>
      </c>
      <c r="AW38" s="182">
        <v>0</v>
      </c>
      <c r="AX38" s="179">
        <v>0</v>
      </c>
      <c r="AY38" s="177">
        <v>4</v>
      </c>
      <c r="AZ38" s="177">
        <v>6</v>
      </c>
      <c r="BA38" s="177">
        <v>2</v>
      </c>
      <c r="BB38" s="177">
        <v>5</v>
      </c>
      <c r="BC38" s="177">
        <v>0</v>
      </c>
      <c r="BD38" s="180">
        <v>17</v>
      </c>
      <c r="BE38" s="181">
        <v>17</v>
      </c>
      <c r="BF38" s="176">
        <v>0</v>
      </c>
      <c r="BG38" s="177">
        <v>0</v>
      </c>
      <c r="BH38" s="182">
        <v>0</v>
      </c>
      <c r="BI38" s="179">
        <v>0</v>
      </c>
      <c r="BJ38" s="177">
        <v>2</v>
      </c>
      <c r="BK38" s="177">
        <v>4</v>
      </c>
      <c r="BL38" s="177">
        <v>0</v>
      </c>
      <c r="BM38" s="177">
        <v>2</v>
      </c>
      <c r="BN38" s="177">
        <v>0</v>
      </c>
      <c r="BO38" s="182">
        <v>8</v>
      </c>
      <c r="BP38" s="181">
        <v>8</v>
      </c>
      <c r="BQ38" s="176">
        <v>0</v>
      </c>
      <c r="BR38" s="177">
        <v>0</v>
      </c>
      <c r="BS38" s="182">
        <v>0</v>
      </c>
      <c r="BT38" s="179">
        <v>0</v>
      </c>
      <c r="BU38" s="177">
        <v>0</v>
      </c>
      <c r="BV38" s="177">
        <v>0</v>
      </c>
      <c r="BW38" s="177">
        <v>1</v>
      </c>
      <c r="BX38" s="177">
        <v>0</v>
      </c>
      <c r="BY38" s="177">
        <v>0</v>
      </c>
      <c r="BZ38" s="182">
        <v>1</v>
      </c>
      <c r="CA38" s="181">
        <v>1</v>
      </c>
      <c r="CB38" s="176">
        <v>0</v>
      </c>
      <c r="CC38" s="177">
        <v>0</v>
      </c>
      <c r="CD38" s="182">
        <v>0</v>
      </c>
      <c r="CE38" s="179">
        <v>0</v>
      </c>
      <c r="CF38" s="177">
        <v>0</v>
      </c>
      <c r="CG38" s="177">
        <v>1</v>
      </c>
      <c r="CH38" s="177">
        <v>0</v>
      </c>
      <c r="CI38" s="177">
        <v>1</v>
      </c>
      <c r="CJ38" s="177">
        <v>0</v>
      </c>
      <c r="CK38" s="182">
        <v>2</v>
      </c>
      <c r="CL38" s="181">
        <v>2</v>
      </c>
      <c r="CM38" s="176">
        <v>0</v>
      </c>
      <c r="CN38" s="177">
        <v>0</v>
      </c>
      <c r="CO38" s="182">
        <v>0</v>
      </c>
      <c r="CP38" s="179">
        <v>0</v>
      </c>
      <c r="CQ38" s="177">
        <v>0</v>
      </c>
      <c r="CR38" s="177">
        <v>0</v>
      </c>
      <c r="CS38" s="177">
        <v>0</v>
      </c>
      <c r="CT38" s="177">
        <v>0</v>
      </c>
      <c r="CU38" s="177">
        <v>0</v>
      </c>
      <c r="CV38" s="182">
        <v>0</v>
      </c>
      <c r="CW38" s="181">
        <v>0</v>
      </c>
      <c r="CX38" s="176">
        <v>0</v>
      </c>
      <c r="CY38" s="177">
        <v>0</v>
      </c>
      <c r="CZ38" s="182">
        <v>0</v>
      </c>
      <c r="DA38" s="179">
        <v>0</v>
      </c>
      <c r="DB38" s="177">
        <v>0</v>
      </c>
      <c r="DC38" s="177">
        <v>0</v>
      </c>
      <c r="DD38" s="177">
        <v>0</v>
      </c>
      <c r="DE38" s="177">
        <v>0</v>
      </c>
      <c r="DF38" s="177">
        <v>0</v>
      </c>
      <c r="DG38" s="182">
        <v>0</v>
      </c>
      <c r="DH38" s="181">
        <v>0</v>
      </c>
      <c r="DI38" s="176">
        <v>0</v>
      </c>
      <c r="DJ38" s="177">
        <v>0</v>
      </c>
      <c r="DK38" s="182">
        <v>0</v>
      </c>
      <c r="DL38" s="179">
        <v>0</v>
      </c>
      <c r="DM38" s="177">
        <v>0</v>
      </c>
      <c r="DN38" s="177">
        <v>0</v>
      </c>
      <c r="DO38" s="177">
        <v>0</v>
      </c>
      <c r="DP38" s="177">
        <v>0</v>
      </c>
      <c r="DQ38" s="177">
        <v>0</v>
      </c>
      <c r="DR38" s="182">
        <v>0</v>
      </c>
      <c r="DS38" s="181">
        <v>0</v>
      </c>
      <c r="DT38" s="176">
        <v>0</v>
      </c>
      <c r="DU38" s="177">
        <v>2</v>
      </c>
      <c r="DV38" s="182">
        <v>2</v>
      </c>
      <c r="DW38" s="179">
        <v>0</v>
      </c>
      <c r="DX38" s="177">
        <v>4</v>
      </c>
      <c r="DY38" s="177">
        <v>9</v>
      </c>
      <c r="DZ38" s="177">
        <v>1</v>
      </c>
      <c r="EA38" s="177">
        <v>3</v>
      </c>
      <c r="EB38" s="177">
        <v>0</v>
      </c>
      <c r="EC38" s="182">
        <v>17</v>
      </c>
      <c r="ED38" s="181">
        <v>19</v>
      </c>
      <c r="EE38" s="176">
        <v>0</v>
      </c>
      <c r="EF38" s="177">
        <v>0</v>
      </c>
      <c r="EG38" s="182">
        <v>0</v>
      </c>
      <c r="EH38" s="179">
        <v>0</v>
      </c>
      <c r="EI38" s="177">
        <v>2</v>
      </c>
      <c r="EJ38" s="177">
        <v>2</v>
      </c>
      <c r="EK38" s="177">
        <v>1</v>
      </c>
      <c r="EL38" s="177">
        <v>2</v>
      </c>
      <c r="EM38" s="177">
        <v>0</v>
      </c>
      <c r="EN38" s="182">
        <v>7</v>
      </c>
      <c r="EO38" s="181">
        <v>7</v>
      </c>
      <c r="EP38" s="176">
        <v>0</v>
      </c>
      <c r="EQ38" s="177">
        <v>3</v>
      </c>
      <c r="ER38" s="182">
        <v>3</v>
      </c>
      <c r="ES38" s="179">
        <v>0</v>
      </c>
      <c r="ET38" s="177">
        <v>8</v>
      </c>
      <c r="EU38" s="177">
        <v>10</v>
      </c>
      <c r="EV38" s="177">
        <v>1</v>
      </c>
      <c r="EW38" s="177">
        <v>4</v>
      </c>
      <c r="EX38" s="177">
        <v>0</v>
      </c>
      <c r="EY38" s="182">
        <v>23</v>
      </c>
      <c r="EZ38" s="181">
        <v>26</v>
      </c>
    </row>
    <row r="39" spans="2:156" ht="21" customHeight="1" thickBot="1" x14ac:dyDescent="0.25">
      <c r="B39" s="94" t="s">
        <v>37</v>
      </c>
      <c r="C39" s="183">
        <v>0</v>
      </c>
      <c r="D39" s="184">
        <v>0</v>
      </c>
      <c r="E39" s="185">
        <v>0</v>
      </c>
      <c r="F39" s="186">
        <v>0</v>
      </c>
      <c r="G39" s="184">
        <v>0</v>
      </c>
      <c r="H39" s="184">
        <v>0</v>
      </c>
      <c r="I39" s="184">
        <v>0</v>
      </c>
      <c r="J39" s="184">
        <v>0</v>
      </c>
      <c r="K39" s="184">
        <v>1</v>
      </c>
      <c r="L39" s="187">
        <v>1</v>
      </c>
      <c r="M39" s="188">
        <v>1</v>
      </c>
      <c r="N39" s="183">
        <v>0</v>
      </c>
      <c r="O39" s="184">
        <v>0</v>
      </c>
      <c r="P39" s="189">
        <v>0</v>
      </c>
      <c r="Q39" s="186">
        <v>0</v>
      </c>
      <c r="R39" s="184">
        <v>0</v>
      </c>
      <c r="S39" s="184">
        <v>0</v>
      </c>
      <c r="T39" s="184">
        <v>0</v>
      </c>
      <c r="U39" s="184">
        <v>0</v>
      </c>
      <c r="V39" s="184">
        <v>0</v>
      </c>
      <c r="W39" s="189">
        <v>0</v>
      </c>
      <c r="X39" s="188">
        <v>0</v>
      </c>
      <c r="Y39" s="183">
        <v>0</v>
      </c>
      <c r="Z39" s="184">
        <v>0</v>
      </c>
      <c r="AA39" s="189">
        <v>0</v>
      </c>
      <c r="AB39" s="186">
        <v>0</v>
      </c>
      <c r="AC39" s="184">
        <v>0</v>
      </c>
      <c r="AD39" s="184">
        <v>1</v>
      </c>
      <c r="AE39" s="184">
        <v>0</v>
      </c>
      <c r="AF39" s="184">
        <v>0</v>
      </c>
      <c r="AG39" s="184">
        <v>1</v>
      </c>
      <c r="AH39" s="189">
        <v>2</v>
      </c>
      <c r="AI39" s="188">
        <v>2</v>
      </c>
      <c r="AJ39" s="183">
        <v>0</v>
      </c>
      <c r="AK39" s="184">
        <v>0</v>
      </c>
      <c r="AL39" s="189">
        <v>0</v>
      </c>
      <c r="AM39" s="186">
        <v>0</v>
      </c>
      <c r="AN39" s="184">
        <v>0</v>
      </c>
      <c r="AO39" s="184">
        <v>0</v>
      </c>
      <c r="AP39" s="184">
        <v>0</v>
      </c>
      <c r="AQ39" s="184">
        <v>0</v>
      </c>
      <c r="AR39" s="184">
        <v>0</v>
      </c>
      <c r="AS39" s="189">
        <v>0</v>
      </c>
      <c r="AT39" s="188">
        <v>0</v>
      </c>
      <c r="AU39" s="183">
        <v>0</v>
      </c>
      <c r="AV39" s="184">
        <v>0</v>
      </c>
      <c r="AW39" s="189">
        <v>0</v>
      </c>
      <c r="AX39" s="186">
        <v>0</v>
      </c>
      <c r="AY39" s="184">
        <v>0</v>
      </c>
      <c r="AZ39" s="184">
        <v>0</v>
      </c>
      <c r="BA39" s="184">
        <v>0</v>
      </c>
      <c r="BB39" s="184">
        <v>0</v>
      </c>
      <c r="BC39" s="184">
        <v>1</v>
      </c>
      <c r="BD39" s="187">
        <v>1</v>
      </c>
      <c r="BE39" s="188">
        <v>1</v>
      </c>
      <c r="BF39" s="183">
        <v>0</v>
      </c>
      <c r="BG39" s="184">
        <v>0</v>
      </c>
      <c r="BH39" s="189">
        <v>0</v>
      </c>
      <c r="BI39" s="186">
        <v>0</v>
      </c>
      <c r="BJ39" s="184">
        <v>0</v>
      </c>
      <c r="BK39" s="184">
        <v>1</v>
      </c>
      <c r="BL39" s="184">
        <v>0</v>
      </c>
      <c r="BM39" s="184">
        <v>0</v>
      </c>
      <c r="BN39" s="184">
        <v>0</v>
      </c>
      <c r="BO39" s="189">
        <v>1</v>
      </c>
      <c r="BP39" s="188">
        <v>1</v>
      </c>
      <c r="BQ39" s="183">
        <v>0</v>
      </c>
      <c r="BR39" s="184">
        <v>0</v>
      </c>
      <c r="BS39" s="189">
        <v>0</v>
      </c>
      <c r="BT39" s="186">
        <v>0</v>
      </c>
      <c r="BU39" s="184">
        <v>0</v>
      </c>
      <c r="BV39" s="184">
        <v>0</v>
      </c>
      <c r="BW39" s="184">
        <v>0</v>
      </c>
      <c r="BX39" s="184">
        <v>0</v>
      </c>
      <c r="BY39" s="184">
        <v>0</v>
      </c>
      <c r="BZ39" s="189">
        <v>0</v>
      </c>
      <c r="CA39" s="188">
        <v>0</v>
      </c>
      <c r="CB39" s="183">
        <v>0</v>
      </c>
      <c r="CC39" s="184">
        <v>0</v>
      </c>
      <c r="CD39" s="189">
        <v>0</v>
      </c>
      <c r="CE39" s="186">
        <v>0</v>
      </c>
      <c r="CF39" s="184">
        <v>0</v>
      </c>
      <c r="CG39" s="184">
        <v>0</v>
      </c>
      <c r="CH39" s="184">
        <v>0</v>
      </c>
      <c r="CI39" s="184">
        <v>0</v>
      </c>
      <c r="CJ39" s="184">
        <v>0</v>
      </c>
      <c r="CK39" s="189">
        <v>0</v>
      </c>
      <c r="CL39" s="188">
        <v>0</v>
      </c>
      <c r="CM39" s="183">
        <v>0</v>
      </c>
      <c r="CN39" s="184">
        <v>0</v>
      </c>
      <c r="CO39" s="189">
        <v>0</v>
      </c>
      <c r="CP39" s="186">
        <v>0</v>
      </c>
      <c r="CQ39" s="184">
        <v>0</v>
      </c>
      <c r="CR39" s="184">
        <v>0</v>
      </c>
      <c r="CS39" s="184">
        <v>0</v>
      </c>
      <c r="CT39" s="184">
        <v>0</v>
      </c>
      <c r="CU39" s="184">
        <v>1</v>
      </c>
      <c r="CV39" s="189">
        <v>1</v>
      </c>
      <c r="CW39" s="188">
        <v>1</v>
      </c>
      <c r="CX39" s="183">
        <v>0</v>
      </c>
      <c r="CY39" s="184">
        <v>0</v>
      </c>
      <c r="CZ39" s="189">
        <v>0</v>
      </c>
      <c r="DA39" s="186">
        <v>0</v>
      </c>
      <c r="DB39" s="184">
        <v>0</v>
      </c>
      <c r="DC39" s="184">
        <v>0</v>
      </c>
      <c r="DD39" s="184">
        <v>0</v>
      </c>
      <c r="DE39" s="184">
        <v>0</v>
      </c>
      <c r="DF39" s="184">
        <v>0</v>
      </c>
      <c r="DG39" s="189">
        <v>0</v>
      </c>
      <c r="DH39" s="188">
        <v>0</v>
      </c>
      <c r="DI39" s="183">
        <v>0</v>
      </c>
      <c r="DJ39" s="184">
        <v>0</v>
      </c>
      <c r="DK39" s="189">
        <v>0</v>
      </c>
      <c r="DL39" s="186">
        <v>0</v>
      </c>
      <c r="DM39" s="184">
        <v>0</v>
      </c>
      <c r="DN39" s="184">
        <v>0</v>
      </c>
      <c r="DO39" s="184">
        <v>0</v>
      </c>
      <c r="DP39" s="184">
        <v>0</v>
      </c>
      <c r="DQ39" s="184">
        <v>0</v>
      </c>
      <c r="DR39" s="189">
        <v>0</v>
      </c>
      <c r="DS39" s="188">
        <v>0</v>
      </c>
      <c r="DT39" s="183">
        <v>0</v>
      </c>
      <c r="DU39" s="184">
        <v>0</v>
      </c>
      <c r="DV39" s="189">
        <v>0</v>
      </c>
      <c r="DW39" s="186">
        <v>0</v>
      </c>
      <c r="DX39" s="184">
        <v>0</v>
      </c>
      <c r="DY39" s="184">
        <v>1</v>
      </c>
      <c r="DZ39" s="184">
        <v>0</v>
      </c>
      <c r="EA39" s="184">
        <v>0</v>
      </c>
      <c r="EB39" s="184">
        <v>1</v>
      </c>
      <c r="EC39" s="189">
        <v>2</v>
      </c>
      <c r="ED39" s="188">
        <v>2</v>
      </c>
      <c r="EE39" s="183">
        <v>0</v>
      </c>
      <c r="EF39" s="184">
        <v>0</v>
      </c>
      <c r="EG39" s="189">
        <v>0</v>
      </c>
      <c r="EH39" s="186">
        <v>0</v>
      </c>
      <c r="EI39" s="184">
        <v>0</v>
      </c>
      <c r="EJ39" s="184">
        <v>0</v>
      </c>
      <c r="EK39" s="184">
        <v>0</v>
      </c>
      <c r="EL39" s="184">
        <v>0</v>
      </c>
      <c r="EM39" s="184">
        <v>0</v>
      </c>
      <c r="EN39" s="189">
        <v>0</v>
      </c>
      <c r="EO39" s="188">
        <v>0</v>
      </c>
      <c r="EP39" s="183">
        <v>0</v>
      </c>
      <c r="EQ39" s="184">
        <v>0</v>
      </c>
      <c r="ER39" s="189">
        <v>0</v>
      </c>
      <c r="ES39" s="186">
        <v>0</v>
      </c>
      <c r="ET39" s="184">
        <v>0</v>
      </c>
      <c r="EU39" s="184">
        <v>2</v>
      </c>
      <c r="EV39" s="184">
        <v>0</v>
      </c>
      <c r="EW39" s="184">
        <v>0</v>
      </c>
      <c r="EX39" s="184">
        <v>1</v>
      </c>
      <c r="EY39" s="189">
        <v>3</v>
      </c>
      <c r="EZ39" s="188">
        <v>3</v>
      </c>
    </row>
  </sheetData>
  <mergeCells count="59">
    <mergeCell ref="EP4:ER4"/>
    <mergeCell ref="ES4:EY4"/>
    <mergeCell ref="EZ4:EZ5"/>
    <mergeCell ref="DT4:DV4"/>
    <mergeCell ref="DW4:EC4"/>
    <mergeCell ref="ED4:ED5"/>
    <mergeCell ref="EE4:EG4"/>
    <mergeCell ref="EH4:EN4"/>
    <mergeCell ref="EO4:EO5"/>
    <mergeCell ref="DS4:DS5"/>
    <mergeCell ref="CB4:CD4"/>
    <mergeCell ref="CE4:CK4"/>
    <mergeCell ref="CL4:CL5"/>
    <mergeCell ref="CM4:CO4"/>
    <mergeCell ref="CP4:CV4"/>
    <mergeCell ref="CW4:CW5"/>
    <mergeCell ref="CX4:CZ4"/>
    <mergeCell ref="DA4:DG4"/>
    <mergeCell ref="DH4:DH5"/>
    <mergeCell ref="DI4:DK4"/>
    <mergeCell ref="DL4:DR4"/>
    <mergeCell ref="CA4:CA5"/>
    <mergeCell ref="AJ4:AL4"/>
    <mergeCell ref="AM4:AS4"/>
    <mergeCell ref="AT4:AT5"/>
    <mergeCell ref="AU4:AW4"/>
    <mergeCell ref="AX4:BD4"/>
    <mergeCell ref="BE4:BE5"/>
    <mergeCell ref="BF4:BH4"/>
    <mergeCell ref="BI4:BO4"/>
    <mergeCell ref="BP4:BP5"/>
    <mergeCell ref="BQ4:BS4"/>
    <mergeCell ref="BT4:BZ4"/>
    <mergeCell ref="CX3:DH3"/>
    <mergeCell ref="DI3:DS3"/>
    <mergeCell ref="DT3:ED3"/>
    <mergeCell ref="EE3:EO3"/>
    <mergeCell ref="EP3:EZ3"/>
    <mergeCell ref="C4:E4"/>
    <mergeCell ref="F4:L4"/>
    <mergeCell ref="M4:M5"/>
    <mergeCell ref="N4:P4"/>
    <mergeCell ref="Q4:W4"/>
    <mergeCell ref="CM3:CW3"/>
    <mergeCell ref="I1:J1"/>
    <mergeCell ref="L1:M1"/>
    <mergeCell ref="B3:B5"/>
    <mergeCell ref="C3:M3"/>
    <mergeCell ref="N3:X3"/>
    <mergeCell ref="Y3:AI3"/>
    <mergeCell ref="X4:X5"/>
    <mergeCell ref="Y4:AA4"/>
    <mergeCell ref="AB4:AH4"/>
    <mergeCell ref="AI4:AI5"/>
    <mergeCell ref="AJ3:AT3"/>
    <mergeCell ref="AU3:BE3"/>
    <mergeCell ref="BF3:BP3"/>
    <mergeCell ref="BQ3:CA3"/>
    <mergeCell ref="CB3:CL3"/>
  </mergeCells>
  <phoneticPr fontId="4"/>
  <pageMargins left="0.59055118110236227" right="0.39370078740157483" top="0.74803149606299213" bottom="0.74803149606299213" header="0.31496062992125984" footer="0.31496062992125984"/>
  <pageSetup paperSize="9" scale="33" orientation="landscape" r:id="rId1"/>
  <headerFooter>
    <oddFooter>&amp;L&amp;20&amp;A&amp;C&amp;P/&amp;N</oddFooter>
  </headerFooter>
  <colBreaks count="3" manualBreakCount="3">
    <brk id="46" max="1048575" man="1"/>
    <brk id="90" max="1048575" man="1"/>
    <brk id="134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DH40"/>
  <sheetViews>
    <sheetView zoomScaleNormal="100" workbookViewId="0">
      <pane xSplit="2" ySplit="6" topLeftCell="C7" activePane="bottomRight" state="frozen"/>
      <selection pane="topRight" activeCell="B1" sqref="B1"/>
      <selection pane="bottomLeft" activeCell="A7" sqref="A7"/>
      <selection pane="bottomRight" activeCell="C6" sqref="C6"/>
    </sheetView>
  </sheetViews>
  <sheetFormatPr defaultColWidth="9" defaultRowHeight="13.2" x14ac:dyDescent="0.2"/>
  <cols>
    <col min="1" max="1" width="3.77734375" style="57" customWidth="1"/>
    <col min="2" max="2" width="9.77734375" style="161" customWidth="1"/>
    <col min="3" max="5" width="9" style="161"/>
    <col min="6" max="6" width="7.77734375" style="161" customWidth="1"/>
    <col min="7" max="7" width="9" style="161"/>
    <col min="8" max="8" width="10.6640625" style="161" customWidth="1"/>
    <col min="9" max="16" width="9" style="161"/>
    <col min="17" max="17" width="7.77734375" style="161" customWidth="1"/>
    <col min="18" max="27" width="9" style="161"/>
    <col min="28" max="28" width="6.88671875" style="161" customWidth="1"/>
    <col min="29" max="38" width="9" style="161"/>
    <col min="39" max="39" width="7.21875" style="161" customWidth="1"/>
    <col min="40" max="49" width="9" style="161"/>
    <col min="50" max="50" width="7.44140625" style="161" customWidth="1"/>
    <col min="51" max="60" width="9" style="161"/>
    <col min="61" max="61" width="7.6640625" style="161" customWidth="1"/>
    <col min="62" max="71" width="9" style="161"/>
    <col min="72" max="72" width="7.88671875" style="161" customWidth="1"/>
    <col min="73" max="82" width="9" style="161"/>
    <col min="83" max="83" width="7" style="161" customWidth="1"/>
    <col min="84" max="93" width="9" style="161"/>
    <col min="94" max="94" width="7.6640625" style="161" customWidth="1"/>
    <col min="95" max="16384" width="9" style="161"/>
  </cols>
  <sheetData>
    <row r="1" spans="2:112" ht="24" customHeight="1" x14ac:dyDescent="0.2">
      <c r="B1" s="128" t="s">
        <v>121</v>
      </c>
      <c r="J1" s="441">
        <f>第１表!F2</f>
        <v>7</v>
      </c>
      <c r="K1" s="441"/>
      <c r="L1" s="15">
        <f>第１表!G2</f>
        <v>1</v>
      </c>
      <c r="M1" s="445">
        <f>IF(L1&lt;3,L1+12-2,L1-2)</f>
        <v>11</v>
      </c>
      <c r="N1" s="445"/>
    </row>
    <row r="2" spans="2:112" ht="24" customHeight="1" thickBot="1" x14ac:dyDescent="0.25">
      <c r="B2" s="128" t="s">
        <v>135</v>
      </c>
    </row>
    <row r="3" spans="2:112" ht="21" customHeight="1" thickBot="1" x14ac:dyDescent="0.25">
      <c r="B3" s="482"/>
      <c r="C3" s="485" t="s">
        <v>111</v>
      </c>
      <c r="D3" s="485"/>
      <c r="E3" s="485"/>
      <c r="F3" s="485"/>
      <c r="G3" s="485"/>
      <c r="H3" s="485"/>
      <c r="I3" s="485"/>
      <c r="J3" s="485"/>
      <c r="K3" s="485"/>
      <c r="L3" s="485"/>
      <c r="M3" s="486"/>
      <c r="N3" s="480" t="s">
        <v>110</v>
      </c>
      <c r="O3" s="480"/>
      <c r="P3" s="480"/>
      <c r="Q3" s="480"/>
      <c r="R3" s="480"/>
      <c r="S3" s="480"/>
      <c r="T3" s="480"/>
      <c r="U3" s="480"/>
      <c r="V3" s="480"/>
      <c r="W3" s="480"/>
      <c r="X3" s="481"/>
      <c r="Y3" s="479" t="s">
        <v>109</v>
      </c>
      <c r="Z3" s="480"/>
      <c r="AA3" s="480"/>
      <c r="AB3" s="480"/>
      <c r="AC3" s="480"/>
      <c r="AD3" s="480"/>
      <c r="AE3" s="480"/>
      <c r="AF3" s="480"/>
      <c r="AG3" s="480"/>
      <c r="AH3" s="480"/>
      <c r="AI3" s="481"/>
      <c r="AJ3" s="479" t="s">
        <v>108</v>
      </c>
      <c r="AK3" s="480"/>
      <c r="AL3" s="480"/>
      <c r="AM3" s="480"/>
      <c r="AN3" s="480"/>
      <c r="AO3" s="480"/>
      <c r="AP3" s="480"/>
      <c r="AQ3" s="480"/>
      <c r="AR3" s="480"/>
      <c r="AS3" s="480"/>
      <c r="AT3" s="481"/>
      <c r="AU3" s="479" t="s">
        <v>107</v>
      </c>
      <c r="AV3" s="480"/>
      <c r="AW3" s="480"/>
      <c r="AX3" s="480"/>
      <c r="AY3" s="480"/>
      <c r="AZ3" s="480"/>
      <c r="BA3" s="480"/>
      <c r="BB3" s="480"/>
      <c r="BC3" s="480"/>
      <c r="BD3" s="480"/>
      <c r="BE3" s="481"/>
      <c r="BF3" s="479" t="s">
        <v>106</v>
      </c>
      <c r="BG3" s="480"/>
      <c r="BH3" s="480"/>
      <c r="BI3" s="480"/>
      <c r="BJ3" s="480"/>
      <c r="BK3" s="480"/>
      <c r="BL3" s="480"/>
      <c r="BM3" s="480"/>
      <c r="BN3" s="480"/>
      <c r="BO3" s="480"/>
      <c r="BP3" s="481"/>
      <c r="BQ3" s="479" t="s">
        <v>105</v>
      </c>
      <c r="BR3" s="480"/>
      <c r="BS3" s="480"/>
      <c r="BT3" s="480"/>
      <c r="BU3" s="480"/>
      <c r="BV3" s="480"/>
      <c r="BW3" s="480"/>
      <c r="BX3" s="480"/>
      <c r="BY3" s="480"/>
      <c r="BZ3" s="480"/>
      <c r="CA3" s="481"/>
      <c r="CB3" s="479" t="s">
        <v>124</v>
      </c>
      <c r="CC3" s="480"/>
      <c r="CD3" s="480"/>
      <c r="CE3" s="480"/>
      <c r="CF3" s="480"/>
      <c r="CG3" s="480"/>
      <c r="CH3" s="480"/>
      <c r="CI3" s="480"/>
      <c r="CJ3" s="480"/>
      <c r="CK3" s="480"/>
      <c r="CL3" s="481"/>
      <c r="CM3" s="479" t="s">
        <v>104</v>
      </c>
      <c r="CN3" s="480"/>
      <c r="CO3" s="480"/>
      <c r="CP3" s="480"/>
      <c r="CQ3" s="480"/>
      <c r="CR3" s="480"/>
      <c r="CS3" s="480"/>
      <c r="CT3" s="480"/>
      <c r="CU3" s="480"/>
      <c r="CV3" s="480"/>
      <c r="CW3" s="481"/>
      <c r="CX3" s="479" t="s">
        <v>154</v>
      </c>
      <c r="CY3" s="480"/>
      <c r="CZ3" s="480"/>
      <c r="DA3" s="480"/>
      <c r="DB3" s="480"/>
      <c r="DC3" s="480"/>
      <c r="DD3" s="480"/>
      <c r="DE3" s="480"/>
      <c r="DF3" s="480"/>
      <c r="DG3" s="480"/>
      <c r="DH3" s="481"/>
    </row>
    <row r="4" spans="2:112" ht="21" customHeight="1" x14ac:dyDescent="0.2">
      <c r="B4" s="483"/>
      <c r="C4" s="487" t="s">
        <v>61</v>
      </c>
      <c r="D4" s="472"/>
      <c r="E4" s="473"/>
      <c r="F4" s="474" t="s">
        <v>62</v>
      </c>
      <c r="G4" s="472"/>
      <c r="H4" s="472"/>
      <c r="I4" s="472"/>
      <c r="J4" s="472"/>
      <c r="K4" s="472"/>
      <c r="L4" s="475"/>
      <c r="M4" s="469" t="s">
        <v>52</v>
      </c>
      <c r="N4" s="487" t="s">
        <v>61</v>
      </c>
      <c r="O4" s="472"/>
      <c r="P4" s="473"/>
      <c r="Q4" s="474" t="s">
        <v>62</v>
      </c>
      <c r="R4" s="472"/>
      <c r="S4" s="472"/>
      <c r="T4" s="472"/>
      <c r="U4" s="472"/>
      <c r="V4" s="472"/>
      <c r="W4" s="473"/>
      <c r="X4" s="469" t="s">
        <v>52</v>
      </c>
      <c r="Y4" s="471" t="s">
        <v>61</v>
      </c>
      <c r="Z4" s="472"/>
      <c r="AA4" s="475"/>
      <c r="AB4" s="474" t="s">
        <v>62</v>
      </c>
      <c r="AC4" s="472"/>
      <c r="AD4" s="472"/>
      <c r="AE4" s="472"/>
      <c r="AF4" s="472"/>
      <c r="AG4" s="472"/>
      <c r="AH4" s="473"/>
      <c r="AI4" s="469" t="s">
        <v>52</v>
      </c>
      <c r="AJ4" s="471" t="s">
        <v>61</v>
      </c>
      <c r="AK4" s="472"/>
      <c r="AL4" s="473"/>
      <c r="AM4" s="474" t="s">
        <v>62</v>
      </c>
      <c r="AN4" s="472"/>
      <c r="AO4" s="472"/>
      <c r="AP4" s="472"/>
      <c r="AQ4" s="472"/>
      <c r="AR4" s="472"/>
      <c r="AS4" s="473"/>
      <c r="AT4" s="469" t="s">
        <v>52</v>
      </c>
      <c r="AU4" s="471" t="s">
        <v>61</v>
      </c>
      <c r="AV4" s="472"/>
      <c r="AW4" s="475"/>
      <c r="AX4" s="474" t="s">
        <v>62</v>
      </c>
      <c r="AY4" s="472"/>
      <c r="AZ4" s="472"/>
      <c r="BA4" s="472"/>
      <c r="BB4" s="472"/>
      <c r="BC4" s="472"/>
      <c r="BD4" s="475"/>
      <c r="BE4" s="469" t="s">
        <v>52</v>
      </c>
      <c r="BF4" s="471" t="s">
        <v>61</v>
      </c>
      <c r="BG4" s="472"/>
      <c r="BH4" s="473"/>
      <c r="BI4" s="474" t="s">
        <v>62</v>
      </c>
      <c r="BJ4" s="472"/>
      <c r="BK4" s="472"/>
      <c r="BL4" s="472"/>
      <c r="BM4" s="472"/>
      <c r="BN4" s="472"/>
      <c r="BO4" s="473"/>
      <c r="BP4" s="469" t="s">
        <v>52</v>
      </c>
      <c r="BQ4" s="471" t="s">
        <v>61</v>
      </c>
      <c r="BR4" s="472"/>
      <c r="BS4" s="473"/>
      <c r="BT4" s="474" t="s">
        <v>62</v>
      </c>
      <c r="BU4" s="472"/>
      <c r="BV4" s="472"/>
      <c r="BW4" s="472"/>
      <c r="BX4" s="472"/>
      <c r="BY4" s="472"/>
      <c r="BZ4" s="473"/>
      <c r="CA4" s="469" t="s">
        <v>52</v>
      </c>
      <c r="CB4" s="471" t="s">
        <v>61</v>
      </c>
      <c r="CC4" s="472"/>
      <c r="CD4" s="473"/>
      <c r="CE4" s="474" t="s">
        <v>62</v>
      </c>
      <c r="CF4" s="472"/>
      <c r="CG4" s="472"/>
      <c r="CH4" s="472"/>
      <c r="CI4" s="472"/>
      <c r="CJ4" s="472"/>
      <c r="CK4" s="473"/>
      <c r="CL4" s="469" t="s">
        <v>52</v>
      </c>
      <c r="CM4" s="471" t="s">
        <v>61</v>
      </c>
      <c r="CN4" s="472"/>
      <c r="CO4" s="473"/>
      <c r="CP4" s="474" t="s">
        <v>62</v>
      </c>
      <c r="CQ4" s="472"/>
      <c r="CR4" s="472"/>
      <c r="CS4" s="472"/>
      <c r="CT4" s="472"/>
      <c r="CU4" s="472"/>
      <c r="CV4" s="473"/>
      <c r="CW4" s="469" t="s">
        <v>52</v>
      </c>
      <c r="CX4" s="471" t="s">
        <v>61</v>
      </c>
      <c r="CY4" s="472"/>
      <c r="CZ4" s="473"/>
      <c r="DA4" s="474" t="s">
        <v>62</v>
      </c>
      <c r="DB4" s="472"/>
      <c r="DC4" s="472"/>
      <c r="DD4" s="472"/>
      <c r="DE4" s="472"/>
      <c r="DF4" s="472"/>
      <c r="DG4" s="473"/>
      <c r="DH4" s="469" t="s">
        <v>52</v>
      </c>
    </row>
    <row r="5" spans="2:112" ht="30" customHeight="1" thickBot="1" x14ac:dyDescent="0.25">
      <c r="B5" s="484"/>
      <c r="C5" s="190" t="s">
        <v>43</v>
      </c>
      <c r="D5" s="164" t="s">
        <v>44</v>
      </c>
      <c r="E5" s="165" t="s">
        <v>45</v>
      </c>
      <c r="F5" s="166" t="s">
        <v>83</v>
      </c>
      <c r="G5" s="164" t="s">
        <v>47</v>
      </c>
      <c r="H5" s="164" t="s">
        <v>48</v>
      </c>
      <c r="I5" s="164" t="s">
        <v>49</v>
      </c>
      <c r="J5" s="164" t="s">
        <v>50</v>
      </c>
      <c r="K5" s="164" t="s">
        <v>51</v>
      </c>
      <c r="L5" s="167" t="s">
        <v>45</v>
      </c>
      <c r="M5" s="470"/>
      <c r="N5" s="190" t="s">
        <v>43</v>
      </c>
      <c r="O5" s="164" t="s">
        <v>44</v>
      </c>
      <c r="P5" s="168" t="s">
        <v>45</v>
      </c>
      <c r="Q5" s="166" t="s">
        <v>83</v>
      </c>
      <c r="R5" s="164" t="s">
        <v>47</v>
      </c>
      <c r="S5" s="164" t="s">
        <v>48</v>
      </c>
      <c r="T5" s="164" t="s">
        <v>49</v>
      </c>
      <c r="U5" s="164" t="s">
        <v>50</v>
      </c>
      <c r="V5" s="164" t="s">
        <v>51</v>
      </c>
      <c r="W5" s="168" t="s">
        <v>45</v>
      </c>
      <c r="X5" s="470"/>
      <c r="Y5" s="163" t="s">
        <v>43</v>
      </c>
      <c r="Z5" s="164" t="s">
        <v>44</v>
      </c>
      <c r="AA5" s="167" t="s">
        <v>45</v>
      </c>
      <c r="AB5" s="166" t="s">
        <v>83</v>
      </c>
      <c r="AC5" s="164" t="s">
        <v>47</v>
      </c>
      <c r="AD5" s="164" t="s">
        <v>48</v>
      </c>
      <c r="AE5" s="164" t="s">
        <v>49</v>
      </c>
      <c r="AF5" s="164" t="s">
        <v>50</v>
      </c>
      <c r="AG5" s="164" t="s">
        <v>51</v>
      </c>
      <c r="AH5" s="168" t="s">
        <v>45</v>
      </c>
      <c r="AI5" s="470"/>
      <c r="AJ5" s="163" t="s">
        <v>43</v>
      </c>
      <c r="AK5" s="164" t="s">
        <v>44</v>
      </c>
      <c r="AL5" s="168" t="s">
        <v>45</v>
      </c>
      <c r="AM5" s="166" t="s">
        <v>83</v>
      </c>
      <c r="AN5" s="164" t="s">
        <v>47</v>
      </c>
      <c r="AO5" s="164" t="s">
        <v>48</v>
      </c>
      <c r="AP5" s="164" t="s">
        <v>49</v>
      </c>
      <c r="AQ5" s="164" t="s">
        <v>50</v>
      </c>
      <c r="AR5" s="164" t="s">
        <v>51</v>
      </c>
      <c r="AS5" s="168" t="s">
        <v>45</v>
      </c>
      <c r="AT5" s="470"/>
      <c r="AU5" s="163" t="s">
        <v>43</v>
      </c>
      <c r="AV5" s="164" t="s">
        <v>44</v>
      </c>
      <c r="AW5" s="167" t="s">
        <v>45</v>
      </c>
      <c r="AX5" s="166" t="s">
        <v>83</v>
      </c>
      <c r="AY5" s="164" t="s">
        <v>47</v>
      </c>
      <c r="AZ5" s="164" t="s">
        <v>48</v>
      </c>
      <c r="BA5" s="164" t="s">
        <v>49</v>
      </c>
      <c r="BB5" s="164" t="s">
        <v>50</v>
      </c>
      <c r="BC5" s="164" t="s">
        <v>51</v>
      </c>
      <c r="BD5" s="167" t="s">
        <v>45</v>
      </c>
      <c r="BE5" s="470"/>
      <c r="BF5" s="163" t="s">
        <v>43</v>
      </c>
      <c r="BG5" s="164" t="s">
        <v>44</v>
      </c>
      <c r="BH5" s="168" t="s">
        <v>45</v>
      </c>
      <c r="BI5" s="166" t="s">
        <v>83</v>
      </c>
      <c r="BJ5" s="164" t="s">
        <v>47</v>
      </c>
      <c r="BK5" s="164" t="s">
        <v>48</v>
      </c>
      <c r="BL5" s="164" t="s">
        <v>49</v>
      </c>
      <c r="BM5" s="164" t="s">
        <v>50</v>
      </c>
      <c r="BN5" s="164" t="s">
        <v>51</v>
      </c>
      <c r="BO5" s="168" t="s">
        <v>45</v>
      </c>
      <c r="BP5" s="470"/>
      <c r="BQ5" s="163" t="s">
        <v>43</v>
      </c>
      <c r="BR5" s="164" t="s">
        <v>44</v>
      </c>
      <c r="BS5" s="168" t="s">
        <v>45</v>
      </c>
      <c r="BT5" s="166" t="s">
        <v>83</v>
      </c>
      <c r="BU5" s="164" t="s">
        <v>47</v>
      </c>
      <c r="BV5" s="164" t="s">
        <v>48</v>
      </c>
      <c r="BW5" s="164" t="s">
        <v>49</v>
      </c>
      <c r="BX5" s="164" t="s">
        <v>50</v>
      </c>
      <c r="BY5" s="164" t="s">
        <v>51</v>
      </c>
      <c r="BZ5" s="168" t="s">
        <v>45</v>
      </c>
      <c r="CA5" s="470"/>
      <c r="CB5" s="163" t="s">
        <v>43</v>
      </c>
      <c r="CC5" s="164" t="s">
        <v>44</v>
      </c>
      <c r="CD5" s="168" t="s">
        <v>45</v>
      </c>
      <c r="CE5" s="166" t="s">
        <v>83</v>
      </c>
      <c r="CF5" s="164" t="s">
        <v>47</v>
      </c>
      <c r="CG5" s="164" t="s">
        <v>48</v>
      </c>
      <c r="CH5" s="164" t="s">
        <v>49</v>
      </c>
      <c r="CI5" s="164" t="s">
        <v>50</v>
      </c>
      <c r="CJ5" s="164" t="s">
        <v>51</v>
      </c>
      <c r="CK5" s="168" t="s">
        <v>45</v>
      </c>
      <c r="CL5" s="470"/>
      <c r="CM5" s="163" t="s">
        <v>43</v>
      </c>
      <c r="CN5" s="164" t="s">
        <v>44</v>
      </c>
      <c r="CO5" s="168" t="s">
        <v>45</v>
      </c>
      <c r="CP5" s="166" t="s">
        <v>83</v>
      </c>
      <c r="CQ5" s="164" t="s">
        <v>47</v>
      </c>
      <c r="CR5" s="164" t="s">
        <v>48</v>
      </c>
      <c r="CS5" s="164" t="s">
        <v>49</v>
      </c>
      <c r="CT5" s="164" t="s">
        <v>50</v>
      </c>
      <c r="CU5" s="164" t="s">
        <v>51</v>
      </c>
      <c r="CV5" s="168" t="s">
        <v>45</v>
      </c>
      <c r="CW5" s="470"/>
      <c r="CX5" s="163" t="s">
        <v>43</v>
      </c>
      <c r="CY5" s="164" t="s">
        <v>44</v>
      </c>
      <c r="CZ5" s="168" t="s">
        <v>45</v>
      </c>
      <c r="DA5" s="166" t="s">
        <v>83</v>
      </c>
      <c r="DB5" s="164" t="s">
        <v>47</v>
      </c>
      <c r="DC5" s="164" t="s">
        <v>48</v>
      </c>
      <c r="DD5" s="164" t="s">
        <v>49</v>
      </c>
      <c r="DE5" s="164" t="s">
        <v>50</v>
      </c>
      <c r="DF5" s="164" t="s">
        <v>51</v>
      </c>
      <c r="DG5" s="168" t="s">
        <v>45</v>
      </c>
      <c r="DH5" s="470"/>
    </row>
    <row r="6" spans="2:112" ht="21" customHeight="1" x14ac:dyDescent="0.2">
      <c r="B6" s="70" t="s">
        <v>4</v>
      </c>
      <c r="C6" s="169">
        <v>0</v>
      </c>
      <c r="D6" s="170">
        <v>0</v>
      </c>
      <c r="E6" s="171">
        <v>0</v>
      </c>
      <c r="F6" s="172">
        <v>0</v>
      </c>
      <c r="G6" s="170">
        <v>215526</v>
      </c>
      <c r="H6" s="170">
        <v>368444</v>
      </c>
      <c r="I6" s="170">
        <v>393649</v>
      </c>
      <c r="J6" s="170">
        <v>488632</v>
      </c>
      <c r="K6" s="170">
        <v>437648</v>
      </c>
      <c r="L6" s="173">
        <v>1903899</v>
      </c>
      <c r="M6" s="174">
        <v>1903899</v>
      </c>
      <c r="N6" s="169">
        <v>12</v>
      </c>
      <c r="O6" s="170">
        <v>79</v>
      </c>
      <c r="P6" s="175">
        <v>91</v>
      </c>
      <c r="Q6" s="172">
        <v>0</v>
      </c>
      <c r="R6" s="170">
        <v>421</v>
      </c>
      <c r="S6" s="170">
        <v>1735</v>
      </c>
      <c r="T6" s="170">
        <v>3700</v>
      </c>
      <c r="U6" s="170">
        <v>9898</v>
      </c>
      <c r="V6" s="170">
        <v>19246</v>
      </c>
      <c r="W6" s="175">
        <v>35000</v>
      </c>
      <c r="X6" s="174">
        <v>35091</v>
      </c>
      <c r="Y6" s="169">
        <v>14932</v>
      </c>
      <c r="Z6" s="170">
        <v>50320</v>
      </c>
      <c r="AA6" s="175">
        <v>65252</v>
      </c>
      <c r="AB6" s="172">
        <v>0</v>
      </c>
      <c r="AC6" s="170">
        <v>119468</v>
      </c>
      <c r="AD6" s="170">
        <v>202714</v>
      </c>
      <c r="AE6" s="170">
        <v>121509</v>
      </c>
      <c r="AF6" s="170">
        <v>102310</v>
      </c>
      <c r="AG6" s="170">
        <v>81393</v>
      </c>
      <c r="AH6" s="175">
        <v>627394</v>
      </c>
      <c r="AI6" s="174">
        <v>692646</v>
      </c>
      <c r="AJ6" s="169">
        <v>2620</v>
      </c>
      <c r="AK6" s="170">
        <v>9381</v>
      </c>
      <c r="AL6" s="175">
        <v>12001</v>
      </c>
      <c r="AM6" s="172">
        <v>0</v>
      </c>
      <c r="AN6" s="170">
        <v>14465</v>
      </c>
      <c r="AO6" s="170">
        <v>22726</v>
      </c>
      <c r="AP6" s="170">
        <v>14351</v>
      </c>
      <c r="AQ6" s="170">
        <v>11439</v>
      </c>
      <c r="AR6" s="170">
        <v>7745</v>
      </c>
      <c r="AS6" s="175">
        <v>70726</v>
      </c>
      <c r="AT6" s="174">
        <v>82727</v>
      </c>
      <c r="AU6" s="169">
        <v>1</v>
      </c>
      <c r="AV6" s="170">
        <v>3</v>
      </c>
      <c r="AW6" s="175">
        <v>4</v>
      </c>
      <c r="AX6" s="172">
        <v>0</v>
      </c>
      <c r="AY6" s="170">
        <v>195088</v>
      </c>
      <c r="AZ6" s="170">
        <v>204027</v>
      </c>
      <c r="BA6" s="170">
        <v>121301</v>
      </c>
      <c r="BB6" s="170">
        <v>70693</v>
      </c>
      <c r="BC6" s="170">
        <v>33058</v>
      </c>
      <c r="BD6" s="173">
        <v>624167</v>
      </c>
      <c r="BE6" s="174">
        <v>624171</v>
      </c>
      <c r="BF6" s="169">
        <v>0</v>
      </c>
      <c r="BG6" s="170">
        <v>0</v>
      </c>
      <c r="BH6" s="175">
        <v>0</v>
      </c>
      <c r="BI6" s="172">
        <v>0</v>
      </c>
      <c r="BJ6" s="170">
        <v>31847</v>
      </c>
      <c r="BK6" s="170">
        <v>48551</v>
      </c>
      <c r="BL6" s="170">
        <v>29118</v>
      </c>
      <c r="BM6" s="170">
        <v>17490</v>
      </c>
      <c r="BN6" s="170">
        <v>6003</v>
      </c>
      <c r="BO6" s="175">
        <v>133009</v>
      </c>
      <c r="BP6" s="174">
        <v>133009</v>
      </c>
      <c r="BQ6" s="169">
        <v>359</v>
      </c>
      <c r="BR6" s="170">
        <v>1211</v>
      </c>
      <c r="BS6" s="175">
        <v>1570</v>
      </c>
      <c r="BT6" s="172">
        <v>0</v>
      </c>
      <c r="BU6" s="170">
        <v>16166</v>
      </c>
      <c r="BV6" s="170">
        <v>31163</v>
      </c>
      <c r="BW6" s="170">
        <v>53535</v>
      </c>
      <c r="BX6" s="170">
        <v>40920</v>
      </c>
      <c r="BY6" s="170">
        <v>20895</v>
      </c>
      <c r="BZ6" s="175">
        <v>162679</v>
      </c>
      <c r="CA6" s="174">
        <v>164249</v>
      </c>
      <c r="CB6" s="169">
        <v>28</v>
      </c>
      <c r="CC6" s="170">
        <v>80</v>
      </c>
      <c r="CD6" s="175">
        <v>108</v>
      </c>
      <c r="CE6" s="172">
        <v>0</v>
      </c>
      <c r="CF6" s="170">
        <v>1228</v>
      </c>
      <c r="CG6" s="170">
        <v>3179</v>
      </c>
      <c r="CH6" s="170">
        <v>4383</v>
      </c>
      <c r="CI6" s="170">
        <v>4376</v>
      </c>
      <c r="CJ6" s="170">
        <v>2917</v>
      </c>
      <c r="CK6" s="175">
        <v>16083</v>
      </c>
      <c r="CL6" s="174">
        <v>16191</v>
      </c>
      <c r="CM6" s="169">
        <v>0</v>
      </c>
      <c r="CN6" s="170">
        <v>0</v>
      </c>
      <c r="CO6" s="175">
        <v>0</v>
      </c>
      <c r="CP6" s="172">
        <v>0</v>
      </c>
      <c r="CQ6" s="170">
        <v>0</v>
      </c>
      <c r="CR6" s="170">
        <v>0</v>
      </c>
      <c r="CS6" s="170">
        <v>0</v>
      </c>
      <c r="CT6" s="170">
        <v>0</v>
      </c>
      <c r="CU6" s="170">
        <v>0</v>
      </c>
      <c r="CV6" s="175">
        <v>0</v>
      </c>
      <c r="CW6" s="174">
        <v>0</v>
      </c>
      <c r="CX6" s="169">
        <v>0</v>
      </c>
      <c r="CY6" s="170">
        <v>0</v>
      </c>
      <c r="CZ6" s="175">
        <v>0</v>
      </c>
      <c r="DA6" s="172">
        <v>0</v>
      </c>
      <c r="DB6" s="170">
        <v>16</v>
      </c>
      <c r="DC6" s="170">
        <v>0</v>
      </c>
      <c r="DD6" s="170">
        <v>0</v>
      </c>
      <c r="DE6" s="170">
        <v>0</v>
      </c>
      <c r="DF6" s="170">
        <v>0</v>
      </c>
      <c r="DG6" s="175">
        <v>16</v>
      </c>
      <c r="DH6" s="174">
        <v>16</v>
      </c>
    </row>
    <row r="7" spans="2:112" ht="21" customHeight="1" x14ac:dyDescent="0.2">
      <c r="B7" s="81" t="s">
        <v>5</v>
      </c>
      <c r="C7" s="176">
        <v>0</v>
      </c>
      <c r="D7" s="177">
        <v>0</v>
      </c>
      <c r="E7" s="178">
        <v>0</v>
      </c>
      <c r="F7" s="179">
        <v>0</v>
      </c>
      <c r="G7" s="177">
        <v>71253</v>
      </c>
      <c r="H7" s="177">
        <v>155736</v>
      </c>
      <c r="I7" s="177">
        <v>140233</v>
      </c>
      <c r="J7" s="177">
        <v>168731</v>
      </c>
      <c r="K7" s="177">
        <v>162088</v>
      </c>
      <c r="L7" s="180">
        <v>698041</v>
      </c>
      <c r="M7" s="181">
        <v>698041</v>
      </c>
      <c r="N7" s="176">
        <v>5</v>
      </c>
      <c r="O7" s="177">
        <v>57</v>
      </c>
      <c r="P7" s="182">
        <v>62</v>
      </c>
      <c r="Q7" s="179">
        <v>0</v>
      </c>
      <c r="R7" s="177">
        <v>83</v>
      </c>
      <c r="S7" s="177">
        <v>629</v>
      </c>
      <c r="T7" s="177">
        <v>1350</v>
      </c>
      <c r="U7" s="177">
        <v>3850</v>
      </c>
      <c r="V7" s="177">
        <v>8409</v>
      </c>
      <c r="W7" s="182">
        <v>14321</v>
      </c>
      <c r="X7" s="181">
        <v>14383</v>
      </c>
      <c r="Y7" s="176">
        <v>6219</v>
      </c>
      <c r="Z7" s="177">
        <v>26764</v>
      </c>
      <c r="AA7" s="182">
        <v>32983</v>
      </c>
      <c r="AB7" s="179">
        <v>0</v>
      </c>
      <c r="AC7" s="177">
        <v>42030</v>
      </c>
      <c r="AD7" s="177">
        <v>107433</v>
      </c>
      <c r="AE7" s="177">
        <v>60897</v>
      </c>
      <c r="AF7" s="177">
        <v>48101</v>
      </c>
      <c r="AG7" s="177">
        <v>36581</v>
      </c>
      <c r="AH7" s="182">
        <v>295042</v>
      </c>
      <c r="AI7" s="181">
        <v>328025</v>
      </c>
      <c r="AJ7" s="176">
        <v>996</v>
      </c>
      <c r="AK7" s="177">
        <v>4640</v>
      </c>
      <c r="AL7" s="182">
        <v>5636</v>
      </c>
      <c r="AM7" s="179">
        <v>0</v>
      </c>
      <c r="AN7" s="177">
        <v>3535</v>
      </c>
      <c r="AO7" s="177">
        <v>9734</v>
      </c>
      <c r="AP7" s="177">
        <v>5986</v>
      </c>
      <c r="AQ7" s="177">
        <v>4665</v>
      </c>
      <c r="AR7" s="177">
        <v>3295</v>
      </c>
      <c r="AS7" s="182">
        <v>27215</v>
      </c>
      <c r="AT7" s="181">
        <v>32851</v>
      </c>
      <c r="AU7" s="176">
        <v>0</v>
      </c>
      <c r="AV7" s="177">
        <v>3</v>
      </c>
      <c r="AW7" s="182">
        <v>3</v>
      </c>
      <c r="AX7" s="179">
        <v>0</v>
      </c>
      <c r="AY7" s="177">
        <v>60778</v>
      </c>
      <c r="AZ7" s="177">
        <v>81318</v>
      </c>
      <c r="BA7" s="177">
        <v>42438</v>
      </c>
      <c r="BB7" s="177">
        <v>23573</v>
      </c>
      <c r="BC7" s="177">
        <v>10927</v>
      </c>
      <c r="BD7" s="180">
        <v>219034</v>
      </c>
      <c r="BE7" s="181">
        <v>219037</v>
      </c>
      <c r="BF7" s="176">
        <v>0</v>
      </c>
      <c r="BG7" s="177">
        <v>0</v>
      </c>
      <c r="BH7" s="182">
        <v>0</v>
      </c>
      <c r="BI7" s="179">
        <v>0</v>
      </c>
      <c r="BJ7" s="177">
        <v>9078</v>
      </c>
      <c r="BK7" s="177">
        <v>21228</v>
      </c>
      <c r="BL7" s="177">
        <v>12924</v>
      </c>
      <c r="BM7" s="177">
        <v>7516</v>
      </c>
      <c r="BN7" s="177">
        <v>2330</v>
      </c>
      <c r="BO7" s="182">
        <v>53076</v>
      </c>
      <c r="BP7" s="181">
        <v>53076</v>
      </c>
      <c r="BQ7" s="176">
        <v>85</v>
      </c>
      <c r="BR7" s="177">
        <v>478</v>
      </c>
      <c r="BS7" s="182">
        <v>563</v>
      </c>
      <c r="BT7" s="179">
        <v>0</v>
      </c>
      <c r="BU7" s="177">
        <v>4851</v>
      </c>
      <c r="BV7" s="177">
        <v>12056</v>
      </c>
      <c r="BW7" s="177">
        <v>20591</v>
      </c>
      <c r="BX7" s="177">
        <v>14769</v>
      </c>
      <c r="BY7" s="177">
        <v>7890</v>
      </c>
      <c r="BZ7" s="182">
        <v>60157</v>
      </c>
      <c r="CA7" s="181">
        <v>60720</v>
      </c>
      <c r="CB7" s="176">
        <v>21</v>
      </c>
      <c r="CC7" s="177">
        <v>43</v>
      </c>
      <c r="CD7" s="182">
        <v>64</v>
      </c>
      <c r="CE7" s="179">
        <v>0</v>
      </c>
      <c r="CF7" s="177">
        <v>495</v>
      </c>
      <c r="CG7" s="177">
        <v>1863</v>
      </c>
      <c r="CH7" s="177">
        <v>2612</v>
      </c>
      <c r="CI7" s="177">
        <v>2642</v>
      </c>
      <c r="CJ7" s="177">
        <v>1649</v>
      </c>
      <c r="CK7" s="182">
        <v>9261</v>
      </c>
      <c r="CL7" s="181">
        <v>9325</v>
      </c>
      <c r="CM7" s="176">
        <v>0</v>
      </c>
      <c r="CN7" s="177">
        <v>0</v>
      </c>
      <c r="CO7" s="182">
        <v>0</v>
      </c>
      <c r="CP7" s="179">
        <v>0</v>
      </c>
      <c r="CQ7" s="177">
        <v>0</v>
      </c>
      <c r="CR7" s="177">
        <v>0</v>
      </c>
      <c r="CS7" s="177">
        <v>0</v>
      </c>
      <c r="CT7" s="177">
        <v>0</v>
      </c>
      <c r="CU7" s="177">
        <v>0</v>
      </c>
      <c r="CV7" s="182">
        <v>0</v>
      </c>
      <c r="CW7" s="181">
        <v>0</v>
      </c>
      <c r="CX7" s="176">
        <v>0</v>
      </c>
      <c r="CY7" s="177">
        <v>0</v>
      </c>
      <c r="CZ7" s="182">
        <v>0</v>
      </c>
      <c r="DA7" s="179">
        <v>0</v>
      </c>
      <c r="DB7" s="177">
        <v>0</v>
      </c>
      <c r="DC7" s="177">
        <v>0</v>
      </c>
      <c r="DD7" s="177">
        <v>0</v>
      </c>
      <c r="DE7" s="177">
        <v>0</v>
      </c>
      <c r="DF7" s="177">
        <v>0</v>
      </c>
      <c r="DG7" s="182">
        <v>0</v>
      </c>
      <c r="DH7" s="181">
        <v>0</v>
      </c>
    </row>
    <row r="8" spans="2:112" ht="21" customHeight="1" x14ac:dyDescent="0.2">
      <c r="B8" s="92" t="s">
        <v>6</v>
      </c>
      <c r="C8" s="176">
        <v>0</v>
      </c>
      <c r="D8" s="177">
        <v>0</v>
      </c>
      <c r="E8" s="178">
        <v>0</v>
      </c>
      <c r="F8" s="179">
        <v>0</v>
      </c>
      <c r="G8" s="177">
        <v>36917</v>
      </c>
      <c r="H8" s="177">
        <v>53719</v>
      </c>
      <c r="I8" s="177">
        <v>58719</v>
      </c>
      <c r="J8" s="177">
        <v>77786</v>
      </c>
      <c r="K8" s="177">
        <v>71198</v>
      </c>
      <c r="L8" s="180">
        <v>298339</v>
      </c>
      <c r="M8" s="181">
        <v>298339</v>
      </c>
      <c r="N8" s="176">
        <v>7</v>
      </c>
      <c r="O8" s="177">
        <v>0</v>
      </c>
      <c r="P8" s="182">
        <v>7</v>
      </c>
      <c r="Q8" s="179">
        <v>0</v>
      </c>
      <c r="R8" s="177">
        <v>49</v>
      </c>
      <c r="S8" s="177">
        <v>146</v>
      </c>
      <c r="T8" s="177">
        <v>503</v>
      </c>
      <c r="U8" s="177">
        <v>1313</v>
      </c>
      <c r="V8" s="177">
        <v>2516</v>
      </c>
      <c r="W8" s="182">
        <v>4527</v>
      </c>
      <c r="X8" s="181">
        <v>4534</v>
      </c>
      <c r="Y8" s="176">
        <v>2686</v>
      </c>
      <c r="Z8" s="177">
        <v>6702</v>
      </c>
      <c r="AA8" s="182">
        <v>9388</v>
      </c>
      <c r="AB8" s="179">
        <v>0</v>
      </c>
      <c r="AC8" s="177">
        <v>26345</v>
      </c>
      <c r="AD8" s="177">
        <v>30228</v>
      </c>
      <c r="AE8" s="177">
        <v>17847</v>
      </c>
      <c r="AF8" s="177">
        <v>14882</v>
      </c>
      <c r="AG8" s="177">
        <v>12796</v>
      </c>
      <c r="AH8" s="182">
        <v>102098</v>
      </c>
      <c r="AI8" s="181">
        <v>111486</v>
      </c>
      <c r="AJ8" s="176">
        <v>256</v>
      </c>
      <c r="AK8" s="177">
        <v>778</v>
      </c>
      <c r="AL8" s="182">
        <v>1034</v>
      </c>
      <c r="AM8" s="179">
        <v>0</v>
      </c>
      <c r="AN8" s="177">
        <v>2373</v>
      </c>
      <c r="AO8" s="177">
        <v>2637</v>
      </c>
      <c r="AP8" s="177">
        <v>1541</v>
      </c>
      <c r="AQ8" s="177">
        <v>1666</v>
      </c>
      <c r="AR8" s="177">
        <v>917</v>
      </c>
      <c r="AS8" s="182">
        <v>9134</v>
      </c>
      <c r="AT8" s="181">
        <v>10168</v>
      </c>
      <c r="AU8" s="176">
        <v>0</v>
      </c>
      <c r="AV8" s="177">
        <v>0</v>
      </c>
      <c r="AW8" s="182">
        <v>0</v>
      </c>
      <c r="AX8" s="179">
        <v>0</v>
      </c>
      <c r="AY8" s="177">
        <v>31205</v>
      </c>
      <c r="AZ8" s="177">
        <v>28955</v>
      </c>
      <c r="BA8" s="177">
        <v>16158</v>
      </c>
      <c r="BB8" s="177">
        <v>10276</v>
      </c>
      <c r="BC8" s="177">
        <v>4468</v>
      </c>
      <c r="BD8" s="180">
        <v>91062</v>
      </c>
      <c r="BE8" s="181">
        <v>91062</v>
      </c>
      <c r="BF8" s="176">
        <v>0</v>
      </c>
      <c r="BG8" s="177">
        <v>0</v>
      </c>
      <c r="BH8" s="182">
        <v>0</v>
      </c>
      <c r="BI8" s="179">
        <v>0</v>
      </c>
      <c r="BJ8" s="177">
        <v>4410</v>
      </c>
      <c r="BK8" s="177">
        <v>5427</v>
      </c>
      <c r="BL8" s="177">
        <v>3264</v>
      </c>
      <c r="BM8" s="177">
        <v>2079</v>
      </c>
      <c r="BN8" s="177">
        <v>908</v>
      </c>
      <c r="BO8" s="182">
        <v>16088</v>
      </c>
      <c r="BP8" s="181">
        <v>16088</v>
      </c>
      <c r="BQ8" s="176">
        <v>13</v>
      </c>
      <c r="BR8" s="177">
        <v>92</v>
      </c>
      <c r="BS8" s="182">
        <v>105</v>
      </c>
      <c r="BT8" s="179">
        <v>0</v>
      </c>
      <c r="BU8" s="177">
        <v>1840</v>
      </c>
      <c r="BV8" s="177">
        <v>3580</v>
      </c>
      <c r="BW8" s="177">
        <v>5569</v>
      </c>
      <c r="BX8" s="177">
        <v>4260</v>
      </c>
      <c r="BY8" s="177">
        <v>2133</v>
      </c>
      <c r="BZ8" s="182">
        <v>17382</v>
      </c>
      <c r="CA8" s="181">
        <v>17487</v>
      </c>
      <c r="CB8" s="176">
        <v>0</v>
      </c>
      <c r="CC8" s="177">
        <v>5</v>
      </c>
      <c r="CD8" s="182">
        <v>5</v>
      </c>
      <c r="CE8" s="179">
        <v>0</v>
      </c>
      <c r="CF8" s="177">
        <v>161</v>
      </c>
      <c r="CG8" s="177">
        <v>469</v>
      </c>
      <c r="CH8" s="177">
        <v>567</v>
      </c>
      <c r="CI8" s="177">
        <v>540</v>
      </c>
      <c r="CJ8" s="177">
        <v>501</v>
      </c>
      <c r="CK8" s="182">
        <v>2238</v>
      </c>
      <c r="CL8" s="181">
        <v>2243</v>
      </c>
      <c r="CM8" s="176">
        <v>0</v>
      </c>
      <c r="CN8" s="177">
        <v>0</v>
      </c>
      <c r="CO8" s="182">
        <v>0</v>
      </c>
      <c r="CP8" s="179">
        <v>0</v>
      </c>
      <c r="CQ8" s="177">
        <v>0</v>
      </c>
      <c r="CR8" s="177">
        <v>0</v>
      </c>
      <c r="CS8" s="177">
        <v>0</v>
      </c>
      <c r="CT8" s="177">
        <v>0</v>
      </c>
      <c r="CU8" s="177">
        <v>0</v>
      </c>
      <c r="CV8" s="182">
        <v>0</v>
      </c>
      <c r="CW8" s="181">
        <v>0</v>
      </c>
      <c r="CX8" s="176">
        <v>0</v>
      </c>
      <c r="CY8" s="177">
        <v>0</v>
      </c>
      <c r="CZ8" s="182">
        <v>0</v>
      </c>
      <c r="DA8" s="179">
        <v>0</v>
      </c>
      <c r="DB8" s="177">
        <v>0</v>
      </c>
      <c r="DC8" s="177">
        <v>0</v>
      </c>
      <c r="DD8" s="177">
        <v>0</v>
      </c>
      <c r="DE8" s="177">
        <v>0</v>
      </c>
      <c r="DF8" s="177">
        <v>0</v>
      </c>
      <c r="DG8" s="182">
        <v>0</v>
      </c>
      <c r="DH8" s="181">
        <v>0</v>
      </c>
    </row>
    <row r="9" spans="2:112" ht="21" customHeight="1" x14ac:dyDescent="0.2">
      <c r="B9" s="92" t="s">
        <v>14</v>
      </c>
      <c r="C9" s="176">
        <v>0</v>
      </c>
      <c r="D9" s="177">
        <v>0</v>
      </c>
      <c r="E9" s="178">
        <v>0</v>
      </c>
      <c r="F9" s="179">
        <v>0</v>
      </c>
      <c r="G9" s="177">
        <v>14174</v>
      </c>
      <c r="H9" s="177">
        <v>27781</v>
      </c>
      <c r="I9" s="177">
        <v>35235</v>
      </c>
      <c r="J9" s="177">
        <v>39203</v>
      </c>
      <c r="K9" s="177">
        <v>31161</v>
      </c>
      <c r="L9" s="180">
        <v>147554</v>
      </c>
      <c r="M9" s="181">
        <v>147554</v>
      </c>
      <c r="N9" s="176">
        <v>0</v>
      </c>
      <c r="O9" s="177">
        <v>4</v>
      </c>
      <c r="P9" s="182">
        <v>4</v>
      </c>
      <c r="Q9" s="179">
        <v>0</v>
      </c>
      <c r="R9" s="177">
        <v>9</v>
      </c>
      <c r="S9" s="177">
        <v>97</v>
      </c>
      <c r="T9" s="177">
        <v>190</v>
      </c>
      <c r="U9" s="177">
        <v>674</v>
      </c>
      <c r="V9" s="177">
        <v>1176</v>
      </c>
      <c r="W9" s="182">
        <v>2146</v>
      </c>
      <c r="X9" s="181">
        <v>2150</v>
      </c>
      <c r="Y9" s="176">
        <v>683</v>
      </c>
      <c r="Z9" s="177">
        <v>3418</v>
      </c>
      <c r="AA9" s="182">
        <v>4101</v>
      </c>
      <c r="AB9" s="179">
        <v>0</v>
      </c>
      <c r="AC9" s="177">
        <v>6819</v>
      </c>
      <c r="AD9" s="177">
        <v>13383</v>
      </c>
      <c r="AE9" s="177">
        <v>9762</v>
      </c>
      <c r="AF9" s="177">
        <v>7617</v>
      </c>
      <c r="AG9" s="177">
        <v>6079</v>
      </c>
      <c r="AH9" s="182">
        <v>43660</v>
      </c>
      <c r="AI9" s="181">
        <v>47761</v>
      </c>
      <c r="AJ9" s="176">
        <v>98</v>
      </c>
      <c r="AK9" s="177">
        <v>389</v>
      </c>
      <c r="AL9" s="182">
        <v>487</v>
      </c>
      <c r="AM9" s="179">
        <v>0</v>
      </c>
      <c r="AN9" s="177">
        <v>193</v>
      </c>
      <c r="AO9" s="177">
        <v>884</v>
      </c>
      <c r="AP9" s="177">
        <v>553</v>
      </c>
      <c r="AQ9" s="177">
        <v>499</v>
      </c>
      <c r="AR9" s="177">
        <v>186</v>
      </c>
      <c r="AS9" s="182">
        <v>2315</v>
      </c>
      <c r="AT9" s="181">
        <v>2802</v>
      </c>
      <c r="AU9" s="176">
        <v>0</v>
      </c>
      <c r="AV9" s="177">
        <v>0</v>
      </c>
      <c r="AW9" s="182">
        <v>0</v>
      </c>
      <c r="AX9" s="179">
        <v>0</v>
      </c>
      <c r="AY9" s="177">
        <v>14545</v>
      </c>
      <c r="AZ9" s="177">
        <v>18054</v>
      </c>
      <c r="BA9" s="177">
        <v>12671</v>
      </c>
      <c r="BB9" s="177">
        <v>6977</v>
      </c>
      <c r="BC9" s="177">
        <v>2959</v>
      </c>
      <c r="BD9" s="180">
        <v>55206</v>
      </c>
      <c r="BE9" s="181">
        <v>55206</v>
      </c>
      <c r="BF9" s="176">
        <v>0</v>
      </c>
      <c r="BG9" s="177">
        <v>0</v>
      </c>
      <c r="BH9" s="182">
        <v>0</v>
      </c>
      <c r="BI9" s="179">
        <v>0</v>
      </c>
      <c r="BJ9" s="177">
        <v>946</v>
      </c>
      <c r="BK9" s="177">
        <v>2970</v>
      </c>
      <c r="BL9" s="177">
        <v>2048</v>
      </c>
      <c r="BM9" s="177">
        <v>1070</v>
      </c>
      <c r="BN9" s="177">
        <v>411</v>
      </c>
      <c r="BO9" s="182">
        <v>7445</v>
      </c>
      <c r="BP9" s="181">
        <v>7445</v>
      </c>
      <c r="BQ9" s="176">
        <v>5</v>
      </c>
      <c r="BR9" s="177">
        <v>109</v>
      </c>
      <c r="BS9" s="182">
        <v>114</v>
      </c>
      <c r="BT9" s="179">
        <v>0</v>
      </c>
      <c r="BU9" s="177">
        <v>812</v>
      </c>
      <c r="BV9" s="177">
        <v>2334</v>
      </c>
      <c r="BW9" s="177">
        <v>5156</v>
      </c>
      <c r="BX9" s="177">
        <v>4304</v>
      </c>
      <c r="BY9" s="177">
        <v>2047</v>
      </c>
      <c r="BZ9" s="182">
        <v>14653</v>
      </c>
      <c r="CA9" s="181">
        <v>14767</v>
      </c>
      <c r="CB9" s="176">
        <v>0</v>
      </c>
      <c r="CC9" s="177">
        <v>15</v>
      </c>
      <c r="CD9" s="182">
        <v>15</v>
      </c>
      <c r="CE9" s="179">
        <v>0</v>
      </c>
      <c r="CF9" s="177">
        <v>12</v>
      </c>
      <c r="CG9" s="177">
        <v>53</v>
      </c>
      <c r="CH9" s="177">
        <v>77</v>
      </c>
      <c r="CI9" s="177">
        <v>39</v>
      </c>
      <c r="CJ9" s="177">
        <v>61</v>
      </c>
      <c r="CK9" s="182">
        <v>242</v>
      </c>
      <c r="CL9" s="181">
        <v>257</v>
      </c>
      <c r="CM9" s="176">
        <v>0</v>
      </c>
      <c r="CN9" s="177">
        <v>0</v>
      </c>
      <c r="CO9" s="182">
        <v>0</v>
      </c>
      <c r="CP9" s="179">
        <v>0</v>
      </c>
      <c r="CQ9" s="177">
        <v>0</v>
      </c>
      <c r="CR9" s="177">
        <v>0</v>
      </c>
      <c r="CS9" s="177">
        <v>0</v>
      </c>
      <c r="CT9" s="177">
        <v>0</v>
      </c>
      <c r="CU9" s="177">
        <v>0</v>
      </c>
      <c r="CV9" s="182">
        <v>0</v>
      </c>
      <c r="CW9" s="181">
        <v>0</v>
      </c>
      <c r="CX9" s="176">
        <v>0</v>
      </c>
      <c r="CY9" s="177">
        <v>0</v>
      </c>
      <c r="CZ9" s="182">
        <v>0</v>
      </c>
      <c r="DA9" s="179">
        <v>0</v>
      </c>
      <c r="DB9" s="177">
        <v>0</v>
      </c>
      <c r="DC9" s="177">
        <v>0</v>
      </c>
      <c r="DD9" s="177">
        <v>0</v>
      </c>
      <c r="DE9" s="177">
        <v>0</v>
      </c>
      <c r="DF9" s="177">
        <v>0</v>
      </c>
      <c r="DG9" s="182">
        <v>0</v>
      </c>
      <c r="DH9" s="181">
        <v>0</v>
      </c>
    </row>
    <row r="10" spans="2:112" ht="21" customHeight="1" x14ac:dyDescent="0.2">
      <c r="B10" s="92" t="s">
        <v>7</v>
      </c>
      <c r="C10" s="176">
        <v>0</v>
      </c>
      <c r="D10" s="177">
        <v>0</v>
      </c>
      <c r="E10" s="178">
        <v>0</v>
      </c>
      <c r="F10" s="179">
        <v>0</v>
      </c>
      <c r="G10" s="177">
        <v>17881</v>
      </c>
      <c r="H10" s="177">
        <v>19820</v>
      </c>
      <c r="I10" s="177">
        <v>21662</v>
      </c>
      <c r="J10" s="177">
        <v>28162</v>
      </c>
      <c r="K10" s="177">
        <v>20562</v>
      </c>
      <c r="L10" s="180">
        <v>108087</v>
      </c>
      <c r="M10" s="181">
        <v>108087</v>
      </c>
      <c r="N10" s="176">
        <v>0</v>
      </c>
      <c r="O10" s="177">
        <v>0</v>
      </c>
      <c r="P10" s="182">
        <v>0</v>
      </c>
      <c r="Q10" s="179">
        <v>0</v>
      </c>
      <c r="R10" s="177">
        <v>38</v>
      </c>
      <c r="S10" s="177">
        <v>158</v>
      </c>
      <c r="T10" s="177">
        <v>208</v>
      </c>
      <c r="U10" s="177">
        <v>734</v>
      </c>
      <c r="V10" s="177">
        <v>1105</v>
      </c>
      <c r="W10" s="182">
        <v>2243</v>
      </c>
      <c r="X10" s="181">
        <v>2243</v>
      </c>
      <c r="Y10" s="176">
        <v>112</v>
      </c>
      <c r="Z10" s="177">
        <v>244</v>
      </c>
      <c r="AA10" s="182">
        <v>356</v>
      </c>
      <c r="AB10" s="179">
        <v>0</v>
      </c>
      <c r="AC10" s="177">
        <v>5182</v>
      </c>
      <c r="AD10" s="177">
        <v>5121</v>
      </c>
      <c r="AE10" s="177">
        <v>2845</v>
      </c>
      <c r="AF10" s="177">
        <v>3638</v>
      </c>
      <c r="AG10" s="177">
        <v>3253</v>
      </c>
      <c r="AH10" s="182">
        <v>20039</v>
      </c>
      <c r="AI10" s="181">
        <v>20395</v>
      </c>
      <c r="AJ10" s="176">
        <v>22</v>
      </c>
      <c r="AK10" s="177">
        <v>152</v>
      </c>
      <c r="AL10" s="182">
        <v>174</v>
      </c>
      <c r="AM10" s="179">
        <v>0</v>
      </c>
      <c r="AN10" s="177">
        <v>762</v>
      </c>
      <c r="AO10" s="177">
        <v>870</v>
      </c>
      <c r="AP10" s="177">
        <v>491</v>
      </c>
      <c r="AQ10" s="177">
        <v>497</v>
      </c>
      <c r="AR10" s="177">
        <v>293</v>
      </c>
      <c r="AS10" s="182">
        <v>2913</v>
      </c>
      <c r="AT10" s="181">
        <v>3087</v>
      </c>
      <c r="AU10" s="176">
        <v>1</v>
      </c>
      <c r="AV10" s="177">
        <v>0</v>
      </c>
      <c r="AW10" s="182">
        <v>1</v>
      </c>
      <c r="AX10" s="179">
        <v>0</v>
      </c>
      <c r="AY10" s="177">
        <v>14923</v>
      </c>
      <c r="AZ10" s="177">
        <v>9699</v>
      </c>
      <c r="BA10" s="177">
        <v>5284</v>
      </c>
      <c r="BB10" s="177">
        <v>3137</v>
      </c>
      <c r="BC10" s="177">
        <v>1528</v>
      </c>
      <c r="BD10" s="180">
        <v>34571</v>
      </c>
      <c r="BE10" s="181">
        <v>34572</v>
      </c>
      <c r="BF10" s="176">
        <v>0</v>
      </c>
      <c r="BG10" s="177">
        <v>0</v>
      </c>
      <c r="BH10" s="182">
        <v>0</v>
      </c>
      <c r="BI10" s="179">
        <v>0</v>
      </c>
      <c r="BJ10" s="177">
        <v>2197</v>
      </c>
      <c r="BK10" s="177">
        <v>1719</v>
      </c>
      <c r="BL10" s="177">
        <v>969</v>
      </c>
      <c r="BM10" s="177">
        <v>728</v>
      </c>
      <c r="BN10" s="177">
        <v>281</v>
      </c>
      <c r="BO10" s="182">
        <v>5894</v>
      </c>
      <c r="BP10" s="181">
        <v>5894</v>
      </c>
      <c r="BQ10" s="176">
        <v>24</v>
      </c>
      <c r="BR10" s="177">
        <v>60</v>
      </c>
      <c r="BS10" s="182">
        <v>84</v>
      </c>
      <c r="BT10" s="179">
        <v>0</v>
      </c>
      <c r="BU10" s="177">
        <v>2126</v>
      </c>
      <c r="BV10" s="177">
        <v>2198</v>
      </c>
      <c r="BW10" s="177">
        <v>3024</v>
      </c>
      <c r="BX10" s="177">
        <v>2114</v>
      </c>
      <c r="BY10" s="177">
        <v>1419</v>
      </c>
      <c r="BZ10" s="182">
        <v>10881</v>
      </c>
      <c r="CA10" s="181">
        <v>10965</v>
      </c>
      <c r="CB10" s="176">
        <v>0</v>
      </c>
      <c r="CC10" s="177">
        <v>0</v>
      </c>
      <c r="CD10" s="182">
        <v>0</v>
      </c>
      <c r="CE10" s="179">
        <v>0</v>
      </c>
      <c r="CF10" s="177">
        <v>63</v>
      </c>
      <c r="CG10" s="177">
        <v>94</v>
      </c>
      <c r="CH10" s="177">
        <v>138</v>
      </c>
      <c r="CI10" s="177">
        <v>98</v>
      </c>
      <c r="CJ10" s="177">
        <v>62</v>
      </c>
      <c r="CK10" s="182">
        <v>455</v>
      </c>
      <c r="CL10" s="181">
        <v>455</v>
      </c>
      <c r="CM10" s="176">
        <v>0</v>
      </c>
      <c r="CN10" s="177">
        <v>0</v>
      </c>
      <c r="CO10" s="182">
        <v>0</v>
      </c>
      <c r="CP10" s="179">
        <v>0</v>
      </c>
      <c r="CQ10" s="177">
        <v>0</v>
      </c>
      <c r="CR10" s="177">
        <v>0</v>
      </c>
      <c r="CS10" s="177">
        <v>0</v>
      </c>
      <c r="CT10" s="177">
        <v>0</v>
      </c>
      <c r="CU10" s="177">
        <v>0</v>
      </c>
      <c r="CV10" s="182">
        <v>0</v>
      </c>
      <c r="CW10" s="181">
        <v>0</v>
      </c>
      <c r="CX10" s="176">
        <v>0</v>
      </c>
      <c r="CY10" s="177">
        <v>0</v>
      </c>
      <c r="CZ10" s="182">
        <v>0</v>
      </c>
      <c r="DA10" s="179">
        <v>0</v>
      </c>
      <c r="DB10" s="177">
        <v>0</v>
      </c>
      <c r="DC10" s="177">
        <v>0</v>
      </c>
      <c r="DD10" s="177">
        <v>0</v>
      </c>
      <c r="DE10" s="177">
        <v>0</v>
      </c>
      <c r="DF10" s="177">
        <v>0</v>
      </c>
      <c r="DG10" s="182">
        <v>0</v>
      </c>
      <c r="DH10" s="181">
        <v>0</v>
      </c>
    </row>
    <row r="11" spans="2:112" ht="21" customHeight="1" x14ac:dyDescent="0.2">
      <c r="B11" s="92" t="s">
        <v>8</v>
      </c>
      <c r="C11" s="176">
        <v>0</v>
      </c>
      <c r="D11" s="177">
        <v>0</v>
      </c>
      <c r="E11" s="178">
        <v>0</v>
      </c>
      <c r="F11" s="179">
        <v>0</v>
      </c>
      <c r="G11" s="177">
        <v>6617</v>
      </c>
      <c r="H11" s="177">
        <v>12444</v>
      </c>
      <c r="I11" s="177">
        <v>14910</v>
      </c>
      <c r="J11" s="177">
        <v>16982</v>
      </c>
      <c r="K11" s="177">
        <v>17241</v>
      </c>
      <c r="L11" s="180">
        <v>68194</v>
      </c>
      <c r="M11" s="181">
        <v>68194</v>
      </c>
      <c r="N11" s="176">
        <v>0</v>
      </c>
      <c r="O11" s="177">
        <v>0</v>
      </c>
      <c r="P11" s="182">
        <v>0</v>
      </c>
      <c r="Q11" s="179">
        <v>0</v>
      </c>
      <c r="R11" s="177">
        <v>29</v>
      </c>
      <c r="S11" s="177">
        <v>77</v>
      </c>
      <c r="T11" s="177">
        <v>132</v>
      </c>
      <c r="U11" s="177">
        <v>339</v>
      </c>
      <c r="V11" s="177">
        <v>632</v>
      </c>
      <c r="W11" s="182">
        <v>1209</v>
      </c>
      <c r="X11" s="181">
        <v>1209</v>
      </c>
      <c r="Y11" s="176">
        <v>254</v>
      </c>
      <c r="Z11" s="177">
        <v>483</v>
      </c>
      <c r="AA11" s="182">
        <v>737</v>
      </c>
      <c r="AB11" s="179">
        <v>0</v>
      </c>
      <c r="AC11" s="177">
        <v>2286</v>
      </c>
      <c r="AD11" s="177">
        <v>3174</v>
      </c>
      <c r="AE11" s="177">
        <v>2177</v>
      </c>
      <c r="AF11" s="177">
        <v>2162</v>
      </c>
      <c r="AG11" s="177">
        <v>1922</v>
      </c>
      <c r="AH11" s="182">
        <v>11721</v>
      </c>
      <c r="AI11" s="181">
        <v>12458</v>
      </c>
      <c r="AJ11" s="176">
        <v>131</v>
      </c>
      <c r="AK11" s="177">
        <v>270</v>
      </c>
      <c r="AL11" s="182">
        <v>401</v>
      </c>
      <c r="AM11" s="179">
        <v>0</v>
      </c>
      <c r="AN11" s="177">
        <v>940</v>
      </c>
      <c r="AO11" s="177">
        <v>1242</v>
      </c>
      <c r="AP11" s="177">
        <v>490</v>
      </c>
      <c r="AQ11" s="177">
        <v>521</v>
      </c>
      <c r="AR11" s="177">
        <v>314</v>
      </c>
      <c r="AS11" s="182">
        <v>3507</v>
      </c>
      <c r="AT11" s="181">
        <v>3908</v>
      </c>
      <c r="AU11" s="176">
        <v>0</v>
      </c>
      <c r="AV11" s="177">
        <v>0</v>
      </c>
      <c r="AW11" s="182">
        <v>0</v>
      </c>
      <c r="AX11" s="179">
        <v>0</v>
      </c>
      <c r="AY11" s="177">
        <v>5882</v>
      </c>
      <c r="AZ11" s="177">
        <v>6292</v>
      </c>
      <c r="BA11" s="177">
        <v>3977</v>
      </c>
      <c r="BB11" s="177">
        <v>2697</v>
      </c>
      <c r="BC11" s="177">
        <v>1434</v>
      </c>
      <c r="BD11" s="180">
        <v>20282</v>
      </c>
      <c r="BE11" s="181">
        <v>20282</v>
      </c>
      <c r="BF11" s="176">
        <v>0</v>
      </c>
      <c r="BG11" s="177">
        <v>0</v>
      </c>
      <c r="BH11" s="182">
        <v>0</v>
      </c>
      <c r="BI11" s="179">
        <v>0</v>
      </c>
      <c r="BJ11" s="177">
        <v>1074</v>
      </c>
      <c r="BK11" s="177">
        <v>1351</v>
      </c>
      <c r="BL11" s="177">
        <v>913</v>
      </c>
      <c r="BM11" s="177">
        <v>459</v>
      </c>
      <c r="BN11" s="177">
        <v>127</v>
      </c>
      <c r="BO11" s="182">
        <v>3924</v>
      </c>
      <c r="BP11" s="181">
        <v>3924</v>
      </c>
      <c r="BQ11" s="176">
        <v>27</v>
      </c>
      <c r="BR11" s="177">
        <v>44</v>
      </c>
      <c r="BS11" s="182">
        <v>71</v>
      </c>
      <c r="BT11" s="179">
        <v>0</v>
      </c>
      <c r="BU11" s="177">
        <v>679</v>
      </c>
      <c r="BV11" s="177">
        <v>1313</v>
      </c>
      <c r="BW11" s="177">
        <v>2577</v>
      </c>
      <c r="BX11" s="177">
        <v>1820</v>
      </c>
      <c r="BY11" s="177">
        <v>864</v>
      </c>
      <c r="BZ11" s="182">
        <v>7253</v>
      </c>
      <c r="CA11" s="181">
        <v>7324</v>
      </c>
      <c r="CB11" s="176">
        <v>5</v>
      </c>
      <c r="CC11" s="177">
        <v>0</v>
      </c>
      <c r="CD11" s="182">
        <v>5</v>
      </c>
      <c r="CE11" s="179">
        <v>0</v>
      </c>
      <c r="CF11" s="177">
        <v>23</v>
      </c>
      <c r="CG11" s="177">
        <v>53</v>
      </c>
      <c r="CH11" s="177">
        <v>38</v>
      </c>
      <c r="CI11" s="177">
        <v>69</v>
      </c>
      <c r="CJ11" s="177">
        <v>43</v>
      </c>
      <c r="CK11" s="182">
        <v>226</v>
      </c>
      <c r="CL11" s="181">
        <v>231</v>
      </c>
      <c r="CM11" s="176">
        <v>0</v>
      </c>
      <c r="CN11" s="177">
        <v>0</v>
      </c>
      <c r="CO11" s="182">
        <v>0</v>
      </c>
      <c r="CP11" s="179">
        <v>0</v>
      </c>
      <c r="CQ11" s="177">
        <v>0</v>
      </c>
      <c r="CR11" s="177">
        <v>0</v>
      </c>
      <c r="CS11" s="177">
        <v>0</v>
      </c>
      <c r="CT11" s="177">
        <v>0</v>
      </c>
      <c r="CU11" s="177">
        <v>0</v>
      </c>
      <c r="CV11" s="182">
        <v>0</v>
      </c>
      <c r="CW11" s="181">
        <v>0</v>
      </c>
      <c r="CX11" s="176">
        <v>0</v>
      </c>
      <c r="CY11" s="177">
        <v>0</v>
      </c>
      <c r="CZ11" s="182">
        <v>0</v>
      </c>
      <c r="DA11" s="179">
        <v>0</v>
      </c>
      <c r="DB11" s="177">
        <v>0</v>
      </c>
      <c r="DC11" s="177">
        <v>0</v>
      </c>
      <c r="DD11" s="177">
        <v>0</v>
      </c>
      <c r="DE11" s="177">
        <v>0</v>
      </c>
      <c r="DF11" s="177">
        <v>0</v>
      </c>
      <c r="DG11" s="182">
        <v>0</v>
      </c>
      <c r="DH11" s="181">
        <v>0</v>
      </c>
    </row>
    <row r="12" spans="2:112" ht="21" customHeight="1" x14ac:dyDescent="0.2">
      <c r="B12" s="92" t="s">
        <v>9</v>
      </c>
      <c r="C12" s="176">
        <v>0</v>
      </c>
      <c r="D12" s="177">
        <v>0</v>
      </c>
      <c r="E12" s="178">
        <v>0</v>
      </c>
      <c r="F12" s="179">
        <v>0</v>
      </c>
      <c r="G12" s="177">
        <v>6081</v>
      </c>
      <c r="H12" s="177">
        <v>8261</v>
      </c>
      <c r="I12" s="177">
        <v>12357</v>
      </c>
      <c r="J12" s="177">
        <v>16400</v>
      </c>
      <c r="K12" s="177">
        <v>13834</v>
      </c>
      <c r="L12" s="180">
        <v>56933</v>
      </c>
      <c r="M12" s="181">
        <v>56933</v>
      </c>
      <c r="N12" s="176">
        <v>0</v>
      </c>
      <c r="O12" s="177">
        <v>0</v>
      </c>
      <c r="P12" s="182">
        <v>0</v>
      </c>
      <c r="Q12" s="179">
        <v>0</v>
      </c>
      <c r="R12" s="177">
        <v>5</v>
      </c>
      <c r="S12" s="177">
        <v>21</v>
      </c>
      <c r="T12" s="177">
        <v>111</v>
      </c>
      <c r="U12" s="177">
        <v>214</v>
      </c>
      <c r="V12" s="177">
        <v>486</v>
      </c>
      <c r="W12" s="182">
        <v>837</v>
      </c>
      <c r="X12" s="181">
        <v>837</v>
      </c>
      <c r="Y12" s="176">
        <v>434</v>
      </c>
      <c r="Z12" s="177">
        <v>744</v>
      </c>
      <c r="AA12" s="182">
        <v>1178</v>
      </c>
      <c r="AB12" s="179">
        <v>0</v>
      </c>
      <c r="AC12" s="177">
        <v>3620</v>
      </c>
      <c r="AD12" s="177">
        <v>3597</v>
      </c>
      <c r="AE12" s="177">
        <v>2830</v>
      </c>
      <c r="AF12" s="177">
        <v>2967</v>
      </c>
      <c r="AG12" s="177">
        <v>2648</v>
      </c>
      <c r="AH12" s="182">
        <v>15662</v>
      </c>
      <c r="AI12" s="181">
        <v>16840</v>
      </c>
      <c r="AJ12" s="176">
        <v>27</v>
      </c>
      <c r="AK12" s="177">
        <v>76</v>
      </c>
      <c r="AL12" s="182">
        <v>103</v>
      </c>
      <c r="AM12" s="179">
        <v>0</v>
      </c>
      <c r="AN12" s="177">
        <v>401</v>
      </c>
      <c r="AO12" s="177">
        <v>515</v>
      </c>
      <c r="AP12" s="177">
        <v>380</v>
      </c>
      <c r="AQ12" s="177">
        <v>311</v>
      </c>
      <c r="AR12" s="177">
        <v>285</v>
      </c>
      <c r="AS12" s="182">
        <v>1892</v>
      </c>
      <c r="AT12" s="181">
        <v>1995</v>
      </c>
      <c r="AU12" s="176">
        <v>0</v>
      </c>
      <c r="AV12" s="177">
        <v>0</v>
      </c>
      <c r="AW12" s="182">
        <v>0</v>
      </c>
      <c r="AX12" s="179">
        <v>0</v>
      </c>
      <c r="AY12" s="177">
        <v>4511</v>
      </c>
      <c r="AZ12" s="177">
        <v>3691</v>
      </c>
      <c r="BA12" s="177">
        <v>2953</v>
      </c>
      <c r="BB12" s="177">
        <v>1664</v>
      </c>
      <c r="BC12" s="177">
        <v>647</v>
      </c>
      <c r="BD12" s="180">
        <v>13466</v>
      </c>
      <c r="BE12" s="181">
        <v>13466</v>
      </c>
      <c r="BF12" s="176">
        <v>0</v>
      </c>
      <c r="BG12" s="177">
        <v>0</v>
      </c>
      <c r="BH12" s="182">
        <v>0</v>
      </c>
      <c r="BI12" s="179">
        <v>0</v>
      </c>
      <c r="BJ12" s="177">
        <v>952</v>
      </c>
      <c r="BK12" s="177">
        <v>832</v>
      </c>
      <c r="BL12" s="177">
        <v>581</v>
      </c>
      <c r="BM12" s="177">
        <v>577</v>
      </c>
      <c r="BN12" s="177">
        <v>101</v>
      </c>
      <c r="BO12" s="182">
        <v>3043</v>
      </c>
      <c r="BP12" s="181">
        <v>3043</v>
      </c>
      <c r="BQ12" s="176">
        <v>32</v>
      </c>
      <c r="BR12" s="177">
        <v>11</v>
      </c>
      <c r="BS12" s="182">
        <v>43</v>
      </c>
      <c r="BT12" s="179">
        <v>0</v>
      </c>
      <c r="BU12" s="177">
        <v>348</v>
      </c>
      <c r="BV12" s="177">
        <v>858</v>
      </c>
      <c r="BW12" s="177">
        <v>1211</v>
      </c>
      <c r="BX12" s="177">
        <v>1324</v>
      </c>
      <c r="BY12" s="177">
        <v>633</v>
      </c>
      <c r="BZ12" s="182">
        <v>4374</v>
      </c>
      <c r="CA12" s="181">
        <v>4417</v>
      </c>
      <c r="CB12" s="176">
        <v>0</v>
      </c>
      <c r="CC12" s="177">
        <v>0</v>
      </c>
      <c r="CD12" s="182">
        <v>0</v>
      </c>
      <c r="CE12" s="179">
        <v>0</v>
      </c>
      <c r="CF12" s="177">
        <v>71</v>
      </c>
      <c r="CG12" s="177">
        <v>63</v>
      </c>
      <c r="CH12" s="177">
        <v>138</v>
      </c>
      <c r="CI12" s="177">
        <v>138</v>
      </c>
      <c r="CJ12" s="177">
        <v>146</v>
      </c>
      <c r="CK12" s="182">
        <v>556</v>
      </c>
      <c r="CL12" s="181">
        <v>556</v>
      </c>
      <c r="CM12" s="176">
        <v>0</v>
      </c>
      <c r="CN12" s="177">
        <v>0</v>
      </c>
      <c r="CO12" s="182">
        <v>0</v>
      </c>
      <c r="CP12" s="179">
        <v>0</v>
      </c>
      <c r="CQ12" s="177">
        <v>0</v>
      </c>
      <c r="CR12" s="177">
        <v>0</v>
      </c>
      <c r="CS12" s="177">
        <v>0</v>
      </c>
      <c r="CT12" s="177">
        <v>0</v>
      </c>
      <c r="CU12" s="177">
        <v>0</v>
      </c>
      <c r="CV12" s="182">
        <v>0</v>
      </c>
      <c r="CW12" s="181">
        <v>0</v>
      </c>
      <c r="CX12" s="176">
        <v>0</v>
      </c>
      <c r="CY12" s="177">
        <v>0</v>
      </c>
      <c r="CZ12" s="182">
        <v>0</v>
      </c>
      <c r="DA12" s="179">
        <v>0</v>
      </c>
      <c r="DB12" s="177">
        <v>0</v>
      </c>
      <c r="DC12" s="177">
        <v>0</v>
      </c>
      <c r="DD12" s="177">
        <v>0</v>
      </c>
      <c r="DE12" s="177">
        <v>0</v>
      </c>
      <c r="DF12" s="177">
        <v>0</v>
      </c>
      <c r="DG12" s="182">
        <v>0</v>
      </c>
      <c r="DH12" s="181">
        <v>0</v>
      </c>
    </row>
    <row r="13" spans="2:112" ht="21" customHeight="1" x14ac:dyDescent="0.2">
      <c r="B13" s="92" t="s">
        <v>10</v>
      </c>
      <c r="C13" s="176">
        <v>0</v>
      </c>
      <c r="D13" s="177">
        <v>0</v>
      </c>
      <c r="E13" s="178">
        <v>0</v>
      </c>
      <c r="F13" s="179">
        <v>0</v>
      </c>
      <c r="G13" s="177">
        <v>16179</v>
      </c>
      <c r="H13" s="177">
        <v>16733</v>
      </c>
      <c r="I13" s="177">
        <v>24148</v>
      </c>
      <c r="J13" s="177">
        <v>32081</v>
      </c>
      <c r="K13" s="177">
        <v>25503</v>
      </c>
      <c r="L13" s="180">
        <v>114644</v>
      </c>
      <c r="M13" s="181">
        <v>114644</v>
      </c>
      <c r="N13" s="176">
        <v>0</v>
      </c>
      <c r="O13" s="177">
        <v>0</v>
      </c>
      <c r="P13" s="182">
        <v>0</v>
      </c>
      <c r="Q13" s="179">
        <v>0</v>
      </c>
      <c r="R13" s="177">
        <v>23</v>
      </c>
      <c r="S13" s="177">
        <v>86</v>
      </c>
      <c r="T13" s="177">
        <v>154</v>
      </c>
      <c r="U13" s="177">
        <v>376</v>
      </c>
      <c r="V13" s="177">
        <v>845</v>
      </c>
      <c r="W13" s="182">
        <v>1484</v>
      </c>
      <c r="X13" s="181">
        <v>1484</v>
      </c>
      <c r="Y13" s="176">
        <v>965</v>
      </c>
      <c r="Z13" s="177">
        <v>2240</v>
      </c>
      <c r="AA13" s="182">
        <v>3205</v>
      </c>
      <c r="AB13" s="179">
        <v>0</v>
      </c>
      <c r="AC13" s="177">
        <v>8895</v>
      </c>
      <c r="AD13" s="177">
        <v>6003</v>
      </c>
      <c r="AE13" s="177">
        <v>3808</v>
      </c>
      <c r="AF13" s="177">
        <v>4084</v>
      </c>
      <c r="AG13" s="177">
        <v>3352</v>
      </c>
      <c r="AH13" s="182">
        <v>26142</v>
      </c>
      <c r="AI13" s="181">
        <v>29347</v>
      </c>
      <c r="AJ13" s="176">
        <v>199</v>
      </c>
      <c r="AK13" s="177">
        <v>532</v>
      </c>
      <c r="AL13" s="182">
        <v>731</v>
      </c>
      <c r="AM13" s="179">
        <v>0</v>
      </c>
      <c r="AN13" s="177">
        <v>1204</v>
      </c>
      <c r="AO13" s="177">
        <v>1102</v>
      </c>
      <c r="AP13" s="177">
        <v>831</v>
      </c>
      <c r="AQ13" s="177">
        <v>405</v>
      </c>
      <c r="AR13" s="177">
        <v>670</v>
      </c>
      <c r="AS13" s="182">
        <v>4212</v>
      </c>
      <c r="AT13" s="181">
        <v>4943</v>
      </c>
      <c r="AU13" s="176">
        <v>0</v>
      </c>
      <c r="AV13" s="177">
        <v>0</v>
      </c>
      <c r="AW13" s="182">
        <v>0</v>
      </c>
      <c r="AX13" s="179">
        <v>0</v>
      </c>
      <c r="AY13" s="177">
        <v>15248</v>
      </c>
      <c r="AZ13" s="177">
        <v>8687</v>
      </c>
      <c r="BA13" s="177">
        <v>5240</v>
      </c>
      <c r="BB13" s="177">
        <v>3088</v>
      </c>
      <c r="BC13" s="177">
        <v>1559</v>
      </c>
      <c r="BD13" s="180">
        <v>33822</v>
      </c>
      <c r="BE13" s="181">
        <v>33822</v>
      </c>
      <c r="BF13" s="176">
        <v>0</v>
      </c>
      <c r="BG13" s="177">
        <v>0</v>
      </c>
      <c r="BH13" s="182">
        <v>0</v>
      </c>
      <c r="BI13" s="179">
        <v>0</v>
      </c>
      <c r="BJ13" s="177">
        <v>1608</v>
      </c>
      <c r="BK13" s="177">
        <v>1490</v>
      </c>
      <c r="BL13" s="177">
        <v>910</v>
      </c>
      <c r="BM13" s="177">
        <v>448</v>
      </c>
      <c r="BN13" s="177">
        <v>214</v>
      </c>
      <c r="BO13" s="182">
        <v>4670</v>
      </c>
      <c r="BP13" s="181">
        <v>4670</v>
      </c>
      <c r="BQ13" s="176">
        <v>22</v>
      </c>
      <c r="BR13" s="177">
        <v>123</v>
      </c>
      <c r="BS13" s="182">
        <v>145</v>
      </c>
      <c r="BT13" s="179">
        <v>0</v>
      </c>
      <c r="BU13" s="177">
        <v>1341</v>
      </c>
      <c r="BV13" s="177">
        <v>1464</v>
      </c>
      <c r="BW13" s="177">
        <v>1956</v>
      </c>
      <c r="BX13" s="177">
        <v>1881</v>
      </c>
      <c r="BY13" s="177">
        <v>895</v>
      </c>
      <c r="BZ13" s="182">
        <v>7537</v>
      </c>
      <c r="CA13" s="181">
        <v>7682</v>
      </c>
      <c r="CB13" s="176">
        <v>0</v>
      </c>
      <c r="CC13" s="177">
        <v>0</v>
      </c>
      <c r="CD13" s="182">
        <v>0</v>
      </c>
      <c r="CE13" s="179">
        <v>0</v>
      </c>
      <c r="CF13" s="177">
        <v>36</v>
      </c>
      <c r="CG13" s="177">
        <v>69</v>
      </c>
      <c r="CH13" s="177">
        <v>136</v>
      </c>
      <c r="CI13" s="177">
        <v>76</v>
      </c>
      <c r="CJ13" s="177">
        <v>56</v>
      </c>
      <c r="CK13" s="182">
        <v>373</v>
      </c>
      <c r="CL13" s="181">
        <v>373</v>
      </c>
      <c r="CM13" s="176">
        <v>0</v>
      </c>
      <c r="CN13" s="177">
        <v>0</v>
      </c>
      <c r="CO13" s="182">
        <v>0</v>
      </c>
      <c r="CP13" s="179">
        <v>0</v>
      </c>
      <c r="CQ13" s="177">
        <v>0</v>
      </c>
      <c r="CR13" s="177">
        <v>0</v>
      </c>
      <c r="CS13" s="177">
        <v>0</v>
      </c>
      <c r="CT13" s="177">
        <v>0</v>
      </c>
      <c r="CU13" s="177">
        <v>0</v>
      </c>
      <c r="CV13" s="182">
        <v>0</v>
      </c>
      <c r="CW13" s="181">
        <v>0</v>
      </c>
      <c r="CX13" s="176">
        <v>0</v>
      </c>
      <c r="CY13" s="177">
        <v>0</v>
      </c>
      <c r="CZ13" s="182">
        <v>0</v>
      </c>
      <c r="DA13" s="179">
        <v>0</v>
      </c>
      <c r="DB13" s="177">
        <v>0</v>
      </c>
      <c r="DC13" s="177">
        <v>0</v>
      </c>
      <c r="DD13" s="177">
        <v>0</v>
      </c>
      <c r="DE13" s="177">
        <v>0</v>
      </c>
      <c r="DF13" s="177">
        <v>0</v>
      </c>
      <c r="DG13" s="182">
        <v>0</v>
      </c>
      <c r="DH13" s="181">
        <v>0</v>
      </c>
    </row>
    <row r="14" spans="2:112" ht="21" customHeight="1" x14ac:dyDescent="0.2">
      <c r="B14" s="92" t="s">
        <v>11</v>
      </c>
      <c r="C14" s="176">
        <v>0</v>
      </c>
      <c r="D14" s="177">
        <v>0</v>
      </c>
      <c r="E14" s="178">
        <v>0</v>
      </c>
      <c r="F14" s="179">
        <v>0</v>
      </c>
      <c r="G14" s="177">
        <v>5861</v>
      </c>
      <c r="H14" s="177">
        <v>6864</v>
      </c>
      <c r="I14" s="177">
        <v>9515</v>
      </c>
      <c r="J14" s="177">
        <v>10401</v>
      </c>
      <c r="K14" s="177">
        <v>10347</v>
      </c>
      <c r="L14" s="180">
        <v>42988</v>
      </c>
      <c r="M14" s="181">
        <v>42988</v>
      </c>
      <c r="N14" s="176">
        <v>0</v>
      </c>
      <c r="O14" s="177">
        <v>0</v>
      </c>
      <c r="P14" s="182">
        <v>0</v>
      </c>
      <c r="Q14" s="179">
        <v>0</v>
      </c>
      <c r="R14" s="177">
        <v>16</v>
      </c>
      <c r="S14" s="177">
        <v>45</v>
      </c>
      <c r="T14" s="177">
        <v>153</v>
      </c>
      <c r="U14" s="177">
        <v>364</v>
      </c>
      <c r="V14" s="177">
        <v>526</v>
      </c>
      <c r="W14" s="182">
        <v>1104</v>
      </c>
      <c r="X14" s="181">
        <v>1104</v>
      </c>
      <c r="Y14" s="176">
        <v>215</v>
      </c>
      <c r="Z14" s="177">
        <v>683</v>
      </c>
      <c r="AA14" s="182">
        <v>898</v>
      </c>
      <c r="AB14" s="179">
        <v>0</v>
      </c>
      <c r="AC14" s="177">
        <v>3004</v>
      </c>
      <c r="AD14" s="177">
        <v>2363</v>
      </c>
      <c r="AE14" s="177">
        <v>1989</v>
      </c>
      <c r="AF14" s="177">
        <v>1946</v>
      </c>
      <c r="AG14" s="177">
        <v>1713</v>
      </c>
      <c r="AH14" s="182">
        <v>11015</v>
      </c>
      <c r="AI14" s="181">
        <v>11913</v>
      </c>
      <c r="AJ14" s="176">
        <v>32</v>
      </c>
      <c r="AK14" s="177">
        <v>50</v>
      </c>
      <c r="AL14" s="182">
        <v>82</v>
      </c>
      <c r="AM14" s="179">
        <v>0</v>
      </c>
      <c r="AN14" s="177">
        <v>301</v>
      </c>
      <c r="AO14" s="177">
        <v>235</v>
      </c>
      <c r="AP14" s="177">
        <v>424</v>
      </c>
      <c r="AQ14" s="177">
        <v>197</v>
      </c>
      <c r="AR14" s="177">
        <v>177</v>
      </c>
      <c r="AS14" s="182">
        <v>1334</v>
      </c>
      <c r="AT14" s="181">
        <v>1416</v>
      </c>
      <c r="AU14" s="176">
        <v>0</v>
      </c>
      <c r="AV14" s="177">
        <v>0</v>
      </c>
      <c r="AW14" s="182">
        <v>0</v>
      </c>
      <c r="AX14" s="179">
        <v>0</v>
      </c>
      <c r="AY14" s="177">
        <v>5700</v>
      </c>
      <c r="AZ14" s="177">
        <v>4519</v>
      </c>
      <c r="BA14" s="177">
        <v>3442</v>
      </c>
      <c r="BB14" s="177">
        <v>2199</v>
      </c>
      <c r="BC14" s="177">
        <v>943</v>
      </c>
      <c r="BD14" s="180">
        <v>16803</v>
      </c>
      <c r="BE14" s="181">
        <v>16803</v>
      </c>
      <c r="BF14" s="176">
        <v>0</v>
      </c>
      <c r="BG14" s="177">
        <v>0</v>
      </c>
      <c r="BH14" s="182">
        <v>0</v>
      </c>
      <c r="BI14" s="179">
        <v>0</v>
      </c>
      <c r="BJ14" s="177">
        <v>1521</v>
      </c>
      <c r="BK14" s="177">
        <v>1018</v>
      </c>
      <c r="BL14" s="177">
        <v>669</v>
      </c>
      <c r="BM14" s="177">
        <v>567</v>
      </c>
      <c r="BN14" s="177">
        <v>189</v>
      </c>
      <c r="BO14" s="182">
        <v>3964</v>
      </c>
      <c r="BP14" s="181">
        <v>3964</v>
      </c>
      <c r="BQ14" s="176">
        <v>43</v>
      </c>
      <c r="BR14" s="177">
        <v>65</v>
      </c>
      <c r="BS14" s="182">
        <v>108</v>
      </c>
      <c r="BT14" s="179">
        <v>0</v>
      </c>
      <c r="BU14" s="177">
        <v>477</v>
      </c>
      <c r="BV14" s="177">
        <v>814</v>
      </c>
      <c r="BW14" s="177">
        <v>1328</v>
      </c>
      <c r="BX14" s="177">
        <v>1057</v>
      </c>
      <c r="BY14" s="177">
        <v>534</v>
      </c>
      <c r="BZ14" s="182">
        <v>4210</v>
      </c>
      <c r="CA14" s="181">
        <v>4318</v>
      </c>
      <c r="CB14" s="176">
        <v>0</v>
      </c>
      <c r="CC14" s="177">
        <v>0</v>
      </c>
      <c r="CD14" s="182">
        <v>0</v>
      </c>
      <c r="CE14" s="179">
        <v>0</v>
      </c>
      <c r="CF14" s="177">
        <v>40</v>
      </c>
      <c r="CG14" s="177">
        <v>43</v>
      </c>
      <c r="CH14" s="177">
        <v>54</v>
      </c>
      <c r="CI14" s="177">
        <v>74</v>
      </c>
      <c r="CJ14" s="177">
        <v>66</v>
      </c>
      <c r="CK14" s="182">
        <v>277</v>
      </c>
      <c r="CL14" s="181">
        <v>277</v>
      </c>
      <c r="CM14" s="176">
        <v>0</v>
      </c>
      <c r="CN14" s="177">
        <v>0</v>
      </c>
      <c r="CO14" s="182">
        <v>0</v>
      </c>
      <c r="CP14" s="179">
        <v>0</v>
      </c>
      <c r="CQ14" s="177">
        <v>0</v>
      </c>
      <c r="CR14" s="177">
        <v>0</v>
      </c>
      <c r="CS14" s="177">
        <v>0</v>
      </c>
      <c r="CT14" s="177">
        <v>0</v>
      </c>
      <c r="CU14" s="177">
        <v>0</v>
      </c>
      <c r="CV14" s="182">
        <v>0</v>
      </c>
      <c r="CW14" s="181">
        <v>0</v>
      </c>
      <c r="CX14" s="176">
        <v>0</v>
      </c>
      <c r="CY14" s="177">
        <v>0</v>
      </c>
      <c r="CZ14" s="182">
        <v>0</v>
      </c>
      <c r="DA14" s="179">
        <v>0</v>
      </c>
      <c r="DB14" s="177">
        <v>0</v>
      </c>
      <c r="DC14" s="177">
        <v>0</v>
      </c>
      <c r="DD14" s="177">
        <v>0</v>
      </c>
      <c r="DE14" s="177">
        <v>0</v>
      </c>
      <c r="DF14" s="177">
        <v>0</v>
      </c>
      <c r="DG14" s="182">
        <v>0</v>
      </c>
      <c r="DH14" s="181">
        <v>0</v>
      </c>
    </row>
    <row r="15" spans="2:112" ht="21" customHeight="1" x14ac:dyDescent="0.2">
      <c r="B15" s="92" t="s">
        <v>12</v>
      </c>
      <c r="C15" s="176">
        <v>0</v>
      </c>
      <c r="D15" s="177">
        <v>0</v>
      </c>
      <c r="E15" s="178">
        <v>0</v>
      </c>
      <c r="F15" s="179">
        <v>0</v>
      </c>
      <c r="G15" s="177">
        <v>7479</v>
      </c>
      <c r="H15" s="177">
        <v>10208</v>
      </c>
      <c r="I15" s="177">
        <v>11664</v>
      </c>
      <c r="J15" s="177">
        <v>16839</v>
      </c>
      <c r="K15" s="177">
        <v>11545</v>
      </c>
      <c r="L15" s="180">
        <v>57735</v>
      </c>
      <c r="M15" s="181">
        <v>57735</v>
      </c>
      <c r="N15" s="176">
        <v>0</v>
      </c>
      <c r="O15" s="177">
        <v>10</v>
      </c>
      <c r="P15" s="182">
        <v>10</v>
      </c>
      <c r="Q15" s="179">
        <v>0</v>
      </c>
      <c r="R15" s="177">
        <v>12</v>
      </c>
      <c r="S15" s="177">
        <v>89</v>
      </c>
      <c r="T15" s="177">
        <v>91</v>
      </c>
      <c r="U15" s="177">
        <v>284</v>
      </c>
      <c r="V15" s="177">
        <v>330</v>
      </c>
      <c r="W15" s="182">
        <v>806</v>
      </c>
      <c r="X15" s="181">
        <v>816</v>
      </c>
      <c r="Y15" s="176">
        <v>648</v>
      </c>
      <c r="Z15" s="177">
        <v>2346</v>
      </c>
      <c r="AA15" s="182">
        <v>2994</v>
      </c>
      <c r="AB15" s="179">
        <v>0</v>
      </c>
      <c r="AC15" s="177">
        <v>2358</v>
      </c>
      <c r="AD15" s="177">
        <v>3833</v>
      </c>
      <c r="AE15" s="177">
        <v>2288</v>
      </c>
      <c r="AF15" s="177">
        <v>2433</v>
      </c>
      <c r="AG15" s="177">
        <v>1512</v>
      </c>
      <c r="AH15" s="182">
        <v>12424</v>
      </c>
      <c r="AI15" s="181">
        <v>15418</v>
      </c>
      <c r="AJ15" s="176">
        <v>77</v>
      </c>
      <c r="AK15" s="177">
        <v>248</v>
      </c>
      <c r="AL15" s="182">
        <v>325</v>
      </c>
      <c r="AM15" s="179">
        <v>0</v>
      </c>
      <c r="AN15" s="177">
        <v>171</v>
      </c>
      <c r="AO15" s="177">
        <v>597</v>
      </c>
      <c r="AP15" s="177">
        <v>266</v>
      </c>
      <c r="AQ15" s="177">
        <v>247</v>
      </c>
      <c r="AR15" s="177">
        <v>121</v>
      </c>
      <c r="AS15" s="182">
        <v>1402</v>
      </c>
      <c r="AT15" s="181">
        <v>1727</v>
      </c>
      <c r="AU15" s="176">
        <v>0</v>
      </c>
      <c r="AV15" s="177">
        <v>0</v>
      </c>
      <c r="AW15" s="182">
        <v>0</v>
      </c>
      <c r="AX15" s="179">
        <v>0</v>
      </c>
      <c r="AY15" s="177">
        <v>6244</v>
      </c>
      <c r="AZ15" s="177">
        <v>4852</v>
      </c>
      <c r="BA15" s="177">
        <v>3149</v>
      </c>
      <c r="BB15" s="177">
        <v>2172</v>
      </c>
      <c r="BC15" s="177">
        <v>878</v>
      </c>
      <c r="BD15" s="180">
        <v>17295</v>
      </c>
      <c r="BE15" s="181">
        <v>17295</v>
      </c>
      <c r="BF15" s="176">
        <v>0</v>
      </c>
      <c r="BG15" s="177">
        <v>0</v>
      </c>
      <c r="BH15" s="182">
        <v>0</v>
      </c>
      <c r="BI15" s="179">
        <v>0</v>
      </c>
      <c r="BJ15" s="177">
        <v>877</v>
      </c>
      <c r="BK15" s="177">
        <v>1567</v>
      </c>
      <c r="BL15" s="177">
        <v>862</v>
      </c>
      <c r="BM15" s="177">
        <v>493</v>
      </c>
      <c r="BN15" s="177">
        <v>178</v>
      </c>
      <c r="BO15" s="182">
        <v>3977</v>
      </c>
      <c r="BP15" s="181">
        <v>3977</v>
      </c>
      <c r="BQ15" s="176">
        <v>30</v>
      </c>
      <c r="BR15" s="177">
        <v>33</v>
      </c>
      <c r="BS15" s="182">
        <v>63</v>
      </c>
      <c r="BT15" s="179">
        <v>0</v>
      </c>
      <c r="BU15" s="177">
        <v>740</v>
      </c>
      <c r="BV15" s="177">
        <v>889</v>
      </c>
      <c r="BW15" s="177">
        <v>1304</v>
      </c>
      <c r="BX15" s="177">
        <v>1052</v>
      </c>
      <c r="BY15" s="177">
        <v>435</v>
      </c>
      <c r="BZ15" s="182">
        <v>4420</v>
      </c>
      <c r="CA15" s="181">
        <v>4483</v>
      </c>
      <c r="CB15" s="176">
        <v>0</v>
      </c>
      <c r="CC15" s="177">
        <v>0</v>
      </c>
      <c r="CD15" s="182">
        <v>0</v>
      </c>
      <c r="CE15" s="179">
        <v>0</v>
      </c>
      <c r="CF15" s="177">
        <v>32</v>
      </c>
      <c r="CG15" s="177">
        <v>15</v>
      </c>
      <c r="CH15" s="177">
        <v>26</v>
      </c>
      <c r="CI15" s="177">
        <v>29</v>
      </c>
      <c r="CJ15" s="177">
        <v>33</v>
      </c>
      <c r="CK15" s="182">
        <v>135</v>
      </c>
      <c r="CL15" s="181">
        <v>135</v>
      </c>
      <c r="CM15" s="176">
        <v>0</v>
      </c>
      <c r="CN15" s="177">
        <v>0</v>
      </c>
      <c r="CO15" s="182">
        <v>0</v>
      </c>
      <c r="CP15" s="179">
        <v>0</v>
      </c>
      <c r="CQ15" s="177">
        <v>0</v>
      </c>
      <c r="CR15" s="177">
        <v>0</v>
      </c>
      <c r="CS15" s="177">
        <v>0</v>
      </c>
      <c r="CT15" s="177">
        <v>0</v>
      </c>
      <c r="CU15" s="177">
        <v>0</v>
      </c>
      <c r="CV15" s="182">
        <v>0</v>
      </c>
      <c r="CW15" s="181">
        <v>0</v>
      </c>
      <c r="CX15" s="176">
        <v>0</v>
      </c>
      <c r="CY15" s="177">
        <v>0</v>
      </c>
      <c r="CZ15" s="182">
        <v>0</v>
      </c>
      <c r="DA15" s="179">
        <v>0</v>
      </c>
      <c r="DB15" s="177">
        <v>0</v>
      </c>
      <c r="DC15" s="177">
        <v>0</v>
      </c>
      <c r="DD15" s="177">
        <v>0</v>
      </c>
      <c r="DE15" s="177">
        <v>0</v>
      </c>
      <c r="DF15" s="177">
        <v>0</v>
      </c>
      <c r="DG15" s="182">
        <v>0</v>
      </c>
      <c r="DH15" s="181">
        <v>0</v>
      </c>
    </row>
    <row r="16" spans="2:112" ht="21" customHeight="1" x14ac:dyDescent="0.2">
      <c r="B16" s="92" t="s">
        <v>13</v>
      </c>
      <c r="C16" s="176">
        <v>0</v>
      </c>
      <c r="D16" s="177">
        <v>0</v>
      </c>
      <c r="E16" s="178">
        <v>0</v>
      </c>
      <c r="F16" s="179">
        <v>0</v>
      </c>
      <c r="G16" s="177">
        <v>2203</v>
      </c>
      <c r="H16" s="177">
        <v>3966</v>
      </c>
      <c r="I16" s="177">
        <v>4297</v>
      </c>
      <c r="J16" s="177">
        <v>5575</v>
      </c>
      <c r="K16" s="177">
        <v>6663</v>
      </c>
      <c r="L16" s="180">
        <v>22704</v>
      </c>
      <c r="M16" s="181">
        <v>22704</v>
      </c>
      <c r="N16" s="176">
        <v>0</v>
      </c>
      <c r="O16" s="177">
        <v>0</v>
      </c>
      <c r="P16" s="182">
        <v>0</v>
      </c>
      <c r="Q16" s="179">
        <v>0</v>
      </c>
      <c r="R16" s="177">
        <v>3</v>
      </c>
      <c r="S16" s="177">
        <v>11</v>
      </c>
      <c r="T16" s="177">
        <v>22</v>
      </c>
      <c r="U16" s="177">
        <v>60</v>
      </c>
      <c r="V16" s="177">
        <v>249</v>
      </c>
      <c r="W16" s="182">
        <v>345</v>
      </c>
      <c r="X16" s="181">
        <v>345</v>
      </c>
      <c r="Y16" s="176">
        <v>97</v>
      </c>
      <c r="Z16" s="177">
        <v>219</v>
      </c>
      <c r="AA16" s="182">
        <v>316</v>
      </c>
      <c r="AB16" s="179">
        <v>0</v>
      </c>
      <c r="AC16" s="177">
        <v>993</v>
      </c>
      <c r="AD16" s="177">
        <v>2247</v>
      </c>
      <c r="AE16" s="177">
        <v>1068</v>
      </c>
      <c r="AF16" s="177">
        <v>827</v>
      </c>
      <c r="AG16" s="177">
        <v>865</v>
      </c>
      <c r="AH16" s="182">
        <v>6000</v>
      </c>
      <c r="AI16" s="181">
        <v>6316</v>
      </c>
      <c r="AJ16" s="176">
        <v>11</v>
      </c>
      <c r="AK16" s="177">
        <v>28</v>
      </c>
      <c r="AL16" s="182">
        <v>39</v>
      </c>
      <c r="AM16" s="179">
        <v>0</v>
      </c>
      <c r="AN16" s="177">
        <v>125</v>
      </c>
      <c r="AO16" s="177">
        <v>158</v>
      </c>
      <c r="AP16" s="177">
        <v>143</v>
      </c>
      <c r="AQ16" s="177">
        <v>64</v>
      </c>
      <c r="AR16" s="177">
        <v>117</v>
      </c>
      <c r="AS16" s="182">
        <v>607</v>
      </c>
      <c r="AT16" s="181">
        <v>646</v>
      </c>
      <c r="AU16" s="176">
        <v>0</v>
      </c>
      <c r="AV16" s="177">
        <v>0</v>
      </c>
      <c r="AW16" s="182">
        <v>0</v>
      </c>
      <c r="AX16" s="179">
        <v>0</v>
      </c>
      <c r="AY16" s="177">
        <v>1658</v>
      </c>
      <c r="AZ16" s="177">
        <v>2012</v>
      </c>
      <c r="BA16" s="177">
        <v>1048</v>
      </c>
      <c r="BB16" s="177">
        <v>998</v>
      </c>
      <c r="BC16" s="177">
        <v>442</v>
      </c>
      <c r="BD16" s="180">
        <v>6158</v>
      </c>
      <c r="BE16" s="181">
        <v>6158</v>
      </c>
      <c r="BF16" s="176">
        <v>0</v>
      </c>
      <c r="BG16" s="177">
        <v>0</v>
      </c>
      <c r="BH16" s="182">
        <v>0</v>
      </c>
      <c r="BI16" s="179">
        <v>0</v>
      </c>
      <c r="BJ16" s="177">
        <v>232</v>
      </c>
      <c r="BK16" s="177">
        <v>326</v>
      </c>
      <c r="BL16" s="177">
        <v>176</v>
      </c>
      <c r="BM16" s="177">
        <v>206</v>
      </c>
      <c r="BN16" s="177">
        <v>86</v>
      </c>
      <c r="BO16" s="182">
        <v>1026</v>
      </c>
      <c r="BP16" s="181">
        <v>1026</v>
      </c>
      <c r="BQ16" s="176">
        <v>2</v>
      </c>
      <c r="BR16" s="177">
        <v>0</v>
      </c>
      <c r="BS16" s="182">
        <v>2</v>
      </c>
      <c r="BT16" s="179">
        <v>0</v>
      </c>
      <c r="BU16" s="177">
        <v>74</v>
      </c>
      <c r="BV16" s="177">
        <v>295</v>
      </c>
      <c r="BW16" s="177">
        <v>546</v>
      </c>
      <c r="BX16" s="177">
        <v>418</v>
      </c>
      <c r="BY16" s="177">
        <v>390</v>
      </c>
      <c r="BZ16" s="182">
        <v>1723</v>
      </c>
      <c r="CA16" s="181">
        <v>1725</v>
      </c>
      <c r="CB16" s="176">
        <v>0</v>
      </c>
      <c r="CC16" s="177">
        <v>0</v>
      </c>
      <c r="CD16" s="182">
        <v>0</v>
      </c>
      <c r="CE16" s="179">
        <v>0</v>
      </c>
      <c r="CF16" s="177">
        <v>3</v>
      </c>
      <c r="CG16" s="177">
        <v>15</v>
      </c>
      <c r="CH16" s="177">
        <v>70</v>
      </c>
      <c r="CI16" s="177">
        <v>38</v>
      </c>
      <c r="CJ16" s="177">
        <v>8</v>
      </c>
      <c r="CK16" s="182">
        <v>134</v>
      </c>
      <c r="CL16" s="181">
        <v>134</v>
      </c>
      <c r="CM16" s="176">
        <v>0</v>
      </c>
      <c r="CN16" s="177">
        <v>0</v>
      </c>
      <c r="CO16" s="182">
        <v>0</v>
      </c>
      <c r="CP16" s="179">
        <v>0</v>
      </c>
      <c r="CQ16" s="177">
        <v>0</v>
      </c>
      <c r="CR16" s="177">
        <v>0</v>
      </c>
      <c r="CS16" s="177">
        <v>0</v>
      </c>
      <c r="CT16" s="177">
        <v>0</v>
      </c>
      <c r="CU16" s="177">
        <v>0</v>
      </c>
      <c r="CV16" s="182">
        <v>0</v>
      </c>
      <c r="CW16" s="181">
        <v>0</v>
      </c>
      <c r="CX16" s="176">
        <v>0</v>
      </c>
      <c r="CY16" s="177">
        <v>0</v>
      </c>
      <c r="CZ16" s="182">
        <v>0</v>
      </c>
      <c r="DA16" s="179">
        <v>0</v>
      </c>
      <c r="DB16" s="177">
        <v>0</v>
      </c>
      <c r="DC16" s="177">
        <v>0</v>
      </c>
      <c r="DD16" s="177">
        <v>0</v>
      </c>
      <c r="DE16" s="177">
        <v>0</v>
      </c>
      <c r="DF16" s="177">
        <v>0</v>
      </c>
      <c r="DG16" s="182">
        <v>0</v>
      </c>
      <c r="DH16" s="181">
        <v>0</v>
      </c>
    </row>
    <row r="17" spans="2:112" ht="21" customHeight="1" x14ac:dyDescent="0.2">
      <c r="B17" s="92" t="s">
        <v>15</v>
      </c>
      <c r="C17" s="176">
        <v>0</v>
      </c>
      <c r="D17" s="177">
        <v>0</v>
      </c>
      <c r="E17" s="178">
        <v>0</v>
      </c>
      <c r="F17" s="179">
        <v>0</v>
      </c>
      <c r="G17" s="177">
        <v>1072</v>
      </c>
      <c r="H17" s="177">
        <v>2313</v>
      </c>
      <c r="I17" s="177">
        <v>2002</v>
      </c>
      <c r="J17" s="177">
        <v>3120</v>
      </c>
      <c r="K17" s="177">
        <v>1935</v>
      </c>
      <c r="L17" s="180">
        <v>10442</v>
      </c>
      <c r="M17" s="181">
        <v>10442</v>
      </c>
      <c r="N17" s="176">
        <v>0</v>
      </c>
      <c r="O17" s="177">
        <v>0</v>
      </c>
      <c r="P17" s="182">
        <v>0</v>
      </c>
      <c r="Q17" s="179">
        <v>0</v>
      </c>
      <c r="R17" s="177">
        <v>3</v>
      </c>
      <c r="S17" s="177">
        <v>8</v>
      </c>
      <c r="T17" s="177">
        <v>18</v>
      </c>
      <c r="U17" s="177">
        <v>74</v>
      </c>
      <c r="V17" s="177">
        <v>97</v>
      </c>
      <c r="W17" s="182">
        <v>200</v>
      </c>
      <c r="X17" s="181">
        <v>200</v>
      </c>
      <c r="Y17" s="176">
        <v>20</v>
      </c>
      <c r="Z17" s="177">
        <v>98</v>
      </c>
      <c r="AA17" s="182">
        <v>118</v>
      </c>
      <c r="AB17" s="179">
        <v>0</v>
      </c>
      <c r="AC17" s="177">
        <v>404</v>
      </c>
      <c r="AD17" s="177">
        <v>588</v>
      </c>
      <c r="AE17" s="177">
        <v>362</v>
      </c>
      <c r="AF17" s="177">
        <v>418</v>
      </c>
      <c r="AG17" s="177">
        <v>405</v>
      </c>
      <c r="AH17" s="182">
        <v>2177</v>
      </c>
      <c r="AI17" s="181">
        <v>2295</v>
      </c>
      <c r="AJ17" s="176">
        <v>0</v>
      </c>
      <c r="AK17" s="177">
        <v>11</v>
      </c>
      <c r="AL17" s="182">
        <v>11</v>
      </c>
      <c r="AM17" s="179">
        <v>0</v>
      </c>
      <c r="AN17" s="177">
        <v>135</v>
      </c>
      <c r="AO17" s="177">
        <v>156</v>
      </c>
      <c r="AP17" s="177">
        <v>51</v>
      </c>
      <c r="AQ17" s="177">
        <v>40</v>
      </c>
      <c r="AR17" s="177">
        <v>59</v>
      </c>
      <c r="AS17" s="182">
        <v>441</v>
      </c>
      <c r="AT17" s="181">
        <v>452</v>
      </c>
      <c r="AU17" s="176">
        <v>0</v>
      </c>
      <c r="AV17" s="177">
        <v>0</v>
      </c>
      <c r="AW17" s="182">
        <v>0</v>
      </c>
      <c r="AX17" s="179">
        <v>0</v>
      </c>
      <c r="AY17" s="177">
        <v>759</v>
      </c>
      <c r="AZ17" s="177">
        <v>1006</v>
      </c>
      <c r="BA17" s="177">
        <v>621</v>
      </c>
      <c r="BB17" s="177">
        <v>326</v>
      </c>
      <c r="BC17" s="177">
        <v>167</v>
      </c>
      <c r="BD17" s="180">
        <v>2879</v>
      </c>
      <c r="BE17" s="181">
        <v>2879</v>
      </c>
      <c r="BF17" s="176">
        <v>0</v>
      </c>
      <c r="BG17" s="177">
        <v>0</v>
      </c>
      <c r="BH17" s="182">
        <v>0</v>
      </c>
      <c r="BI17" s="179">
        <v>0</v>
      </c>
      <c r="BJ17" s="177">
        <v>212</v>
      </c>
      <c r="BK17" s="177">
        <v>265</v>
      </c>
      <c r="BL17" s="177">
        <v>254</v>
      </c>
      <c r="BM17" s="177">
        <v>72</v>
      </c>
      <c r="BN17" s="177">
        <v>49</v>
      </c>
      <c r="BO17" s="182">
        <v>852</v>
      </c>
      <c r="BP17" s="181">
        <v>852</v>
      </c>
      <c r="BQ17" s="176">
        <v>0</v>
      </c>
      <c r="BR17" s="177">
        <v>0</v>
      </c>
      <c r="BS17" s="182">
        <v>0</v>
      </c>
      <c r="BT17" s="179">
        <v>0</v>
      </c>
      <c r="BU17" s="177">
        <v>33</v>
      </c>
      <c r="BV17" s="177">
        <v>315</v>
      </c>
      <c r="BW17" s="177">
        <v>606</v>
      </c>
      <c r="BX17" s="177">
        <v>805</v>
      </c>
      <c r="BY17" s="177">
        <v>293</v>
      </c>
      <c r="BZ17" s="182">
        <v>2052</v>
      </c>
      <c r="CA17" s="181">
        <v>2052</v>
      </c>
      <c r="CB17" s="176">
        <v>0</v>
      </c>
      <c r="CC17" s="177">
        <v>0</v>
      </c>
      <c r="CD17" s="182">
        <v>0</v>
      </c>
      <c r="CE17" s="179">
        <v>0</v>
      </c>
      <c r="CF17" s="177">
        <v>49</v>
      </c>
      <c r="CG17" s="177">
        <v>29</v>
      </c>
      <c r="CH17" s="177">
        <v>3</v>
      </c>
      <c r="CI17" s="177">
        <v>34</v>
      </c>
      <c r="CJ17" s="177">
        <v>0</v>
      </c>
      <c r="CK17" s="182">
        <v>115</v>
      </c>
      <c r="CL17" s="181">
        <v>115</v>
      </c>
      <c r="CM17" s="176">
        <v>0</v>
      </c>
      <c r="CN17" s="177">
        <v>0</v>
      </c>
      <c r="CO17" s="182">
        <v>0</v>
      </c>
      <c r="CP17" s="179">
        <v>0</v>
      </c>
      <c r="CQ17" s="177">
        <v>0</v>
      </c>
      <c r="CR17" s="177">
        <v>0</v>
      </c>
      <c r="CS17" s="177">
        <v>0</v>
      </c>
      <c r="CT17" s="177">
        <v>0</v>
      </c>
      <c r="CU17" s="177">
        <v>0</v>
      </c>
      <c r="CV17" s="182">
        <v>0</v>
      </c>
      <c r="CW17" s="181">
        <v>0</v>
      </c>
      <c r="CX17" s="176">
        <v>0</v>
      </c>
      <c r="CY17" s="177">
        <v>0</v>
      </c>
      <c r="CZ17" s="182">
        <v>0</v>
      </c>
      <c r="DA17" s="179">
        <v>0</v>
      </c>
      <c r="DB17" s="177">
        <v>0</v>
      </c>
      <c r="DC17" s="177">
        <v>0</v>
      </c>
      <c r="DD17" s="177">
        <v>0</v>
      </c>
      <c r="DE17" s="177">
        <v>0</v>
      </c>
      <c r="DF17" s="177">
        <v>0</v>
      </c>
      <c r="DG17" s="182">
        <v>0</v>
      </c>
      <c r="DH17" s="181">
        <v>0</v>
      </c>
    </row>
    <row r="18" spans="2:112" ht="21" customHeight="1" x14ac:dyDescent="0.2">
      <c r="B18" s="92" t="s">
        <v>16</v>
      </c>
      <c r="C18" s="176">
        <v>0</v>
      </c>
      <c r="D18" s="177">
        <v>0</v>
      </c>
      <c r="E18" s="178">
        <v>0</v>
      </c>
      <c r="F18" s="179">
        <v>0</v>
      </c>
      <c r="G18" s="177">
        <v>2219</v>
      </c>
      <c r="H18" s="177">
        <v>3804</v>
      </c>
      <c r="I18" s="177">
        <v>5077</v>
      </c>
      <c r="J18" s="177">
        <v>6036</v>
      </c>
      <c r="K18" s="177">
        <v>4296</v>
      </c>
      <c r="L18" s="180">
        <v>21432</v>
      </c>
      <c r="M18" s="181">
        <v>21432</v>
      </c>
      <c r="N18" s="176">
        <v>0</v>
      </c>
      <c r="O18" s="177">
        <v>0</v>
      </c>
      <c r="P18" s="182">
        <v>0</v>
      </c>
      <c r="Q18" s="179">
        <v>0</v>
      </c>
      <c r="R18" s="177">
        <v>17</v>
      </c>
      <c r="S18" s="177">
        <v>22</v>
      </c>
      <c r="T18" s="177">
        <v>62</v>
      </c>
      <c r="U18" s="177">
        <v>108</v>
      </c>
      <c r="V18" s="177">
        <v>257</v>
      </c>
      <c r="W18" s="182">
        <v>466</v>
      </c>
      <c r="X18" s="181">
        <v>466</v>
      </c>
      <c r="Y18" s="176">
        <v>125</v>
      </c>
      <c r="Z18" s="177">
        <v>327</v>
      </c>
      <c r="AA18" s="182">
        <v>452</v>
      </c>
      <c r="AB18" s="179">
        <v>0</v>
      </c>
      <c r="AC18" s="177">
        <v>1152</v>
      </c>
      <c r="AD18" s="177">
        <v>2895</v>
      </c>
      <c r="AE18" s="177">
        <v>1670</v>
      </c>
      <c r="AF18" s="177">
        <v>1433</v>
      </c>
      <c r="AG18" s="177">
        <v>1176</v>
      </c>
      <c r="AH18" s="182">
        <v>8326</v>
      </c>
      <c r="AI18" s="181">
        <v>8778</v>
      </c>
      <c r="AJ18" s="176">
        <v>56</v>
      </c>
      <c r="AK18" s="177">
        <v>154</v>
      </c>
      <c r="AL18" s="182">
        <v>210</v>
      </c>
      <c r="AM18" s="179">
        <v>0</v>
      </c>
      <c r="AN18" s="177">
        <v>87</v>
      </c>
      <c r="AO18" s="177">
        <v>432</v>
      </c>
      <c r="AP18" s="177">
        <v>228</v>
      </c>
      <c r="AQ18" s="177">
        <v>122</v>
      </c>
      <c r="AR18" s="177">
        <v>197</v>
      </c>
      <c r="AS18" s="182">
        <v>1066</v>
      </c>
      <c r="AT18" s="181">
        <v>1276</v>
      </c>
      <c r="AU18" s="176">
        <v>0</v>
      </c>
      <c r="AV18" s="177">
        <v>0</v>
      </c>
      <c r="AW18" s="182">
        <v>0</v>
      </c>
      <c r="AX18" s="179">
        <v>0</v>
      </c>
      <c r="AY18" s="177">
        <v>3278</v>
      </c>
      <c r="AZ18" s="177">
        <v>4470</v>
      </c>
      <c r="BA18" s="177">
        <v>2850</v>
      </c>
      <c r="BB18" s="177">
        <v>2098</v>
      </c>
      <c r="BC18" s="177">
        <v>1276</v>
      </c>
      <c r="BD18" s="180">
        <v>13972</v>
      </c>
      <c r="BE18" s="181">
        <v>13972</v>
      </c>
      <c r="BF18" s="176">
        <v>0</v>
      </c>
      <c r="BG18" s="177">
        <v>0</v>
      </c>
      <c r="BH18" s="182">
        <v>0</v>
      </c>
      <c r="BI18" s="179">
        <v>0</v>
      </c>
      <c r="BJ18" s="177">
        <v>1349</v>
      </c>
      <c r="BK18" s="177">
        <v>2044</v>
      </c>
      <c r="BL18" s="177">
        <v>825</v>
      </c>
      <c r="BM18" s="177">
        <v>615</v>
      </c>
      <c r="BN18" s="177">
        <v>211</v>
      </c>
      <c r="BO18" s="182">
        <v>5044</v>
      </c>
      <c r="BP18" s="181">
        <v>5044</v>
      </c>
      <c r="BQ18" s="176">
        <v>9</v>
      </c>
      <c r="BR18" s="177">
        <v>13</v>
      </c>
      <c r="BS18" s="182">
        <v>22</v>
      </c>
      <c r="BT18" s="179">
        <v>0</v>
      </c>
      <c r="BU18" s="177">
        <v>200</v>
      </c>
      <c r="BV18" s="177">
        <v>444</v>
      </c>
      <c r="BW18" s="177">
        <v>816</v>
      </c>
      <c r="BX18" s="177">
        <v>475</v>
      </c>
      <c r="BY18" s="177">
        <v>202</v>
      </c>
      <c r="BZ18" s="182">
        <v>2137</v>
      </c>
      <c r="CA18" s="181">
        <v>2159</v>
      </c>
      <c r="CB18" s="176">
        <v>0</v>
      </c>
      <c r="CC18" s="177">
        <v>0</v>
      </c>
      <c r="CD18" s="182">
        <v>0</v>
      </c>
      <c r="CE18" s="179">
        <v>0</v>
      </c>
      <c r="CF18" s="177">
        <v>19</v>
      </c>
      <c r="CG18" s="177">
        <v>47</v>
      </c>
      <c r="CH18" s="177">
        <v>44</v>
      </c>
      <c r="CI18" s="177">
        <v>49</v>
      </c>
      <c r="CJ18" s="177">
        <v>15</v>
      </c>
      <c r="CK18" s="182">
        <v>174</v>
      </c>
      <c r="CL18" s="181">
        <v>174</v>
      </c>
      <c r="CM18" s="176">
        <v>0</v>
      </c>
      <c r="CN18" s="177">
        <v>0</v>
      </c>
      <c r="CO18" s="182">
        <v>0</v>
      </c>
      <c r="CP18" s="179">
        <v>0</v>
      </c>
      <c r="CQ18" s="177">
        <v>0</v>
      </c>
      <c r="CR18" s="177">
        <v>0</v>
      </c>
      <c r="CS18" s="177">
        <v>0</v>
      </c>
      <c r="CT18" s="177">
        <v>0</v>
      </c>
      <c r="CU18" s="177">
        <v>0</v>
      </c>
      <c r="CV18" s="182">
        <v>0</v>
      </c>
      <c r="CW18" s="181">
        <v>0</v>
      </c>
      <c r="CX18" s="176">
        <v>0</v>
      </c>
      <c r="CY18" s="177">
        <v>0</v>
      </c>
      <c r="CZ18" s="182">
        <v>0</v>
      </c>
      <c r="DA18" s="179">
        <v>0</v>
      </c>
      <c r="DB18" s="177">
        <v>0</v>
      </c>
      <c r="DC18" s="177">
        <v>0</v>
      </c>
      <c r="DD18" s="177">
        <v>0</v>
      </c>
      <c r="DE18" s="177">
        <v>0</v>
      </c>
      <c r="DF18" s="177">
        <v>0</v>
      </c>
      <c r="DG18" s="182">
        <v>0</v>
      </c>
      <c r="DH18" s="181">
        <v>0</v>
      </c>
    </row>
    <row r="19" spans="2:112" ht="21" customHeight="1" x14ac:dyDescent="0.2">
      <c r="B19" s="92" t="s">
        <v>17</v>
      </c>
      <c r="C19" s="176">
        <v>0</v>
      </c>
      <c r="D19" s="177">
        <v>0</v>
      </c>
      <c r="E19" s="178">
        <v>0</v>
      </c>
      <c r="F19" s="179">
        <v>0</v>
      </c>
      <c r="G19" s="177">
        <v>2377</v>
      </c>
      <c r="H19" s="177">
        <v>7484</v>
      </c>
      <c r="I19" s="177">
        <v>10013</v>
      </c>
      <c r="J19" s="177">
        <v>16131</v>
      </c>
      <c r="K19" s="177">
        <v>9912</v>
      </c>
      <c r="L19" s="180">
        <v>45917</v>
      </c>
      <c r="M19" s="181">
        <v>45917</v>
      </c>
      <c r="N19" s="176">
        <v>0</v>
      </c>
      <c r="O19" s="177">
        <v>4</v>
      </c>
      <c r="P19" s="182">
        <v>4</v>
      </c>
      <c r="Q19" s="179">
        <v>0</v>
      </c>
      <c r="R19" s="177">
        <v>0</v>
      </c>
      <c r="S19" s="177">
        <v>26</v>
      </c>
      <c r="T19" s="177">
        <v>88</v>
      </c>
      <c r="U19" s="177">
        <v>225</v>
      </c>
      <c r="V19" s="177">
        <v>353</v>
      </c>
      <c r="W19" s="182">
        <v>692</v>
      </c>
      <c r="X19" s="181">
        <v>696</v>
      </c>
      <c r="Y19" s="176">
        <v>161</v>
      </c>
      <c r="Z19" s="177">
        <v>780</v>
      </c>
      <c r="AA19" s="182">
        <v>941</v>
      </c>
      <c r="AB19" s="179">
        <v>0</v>
      </c>
      <c r="AC19" s="177">
        <v>1306</v>
      </c>
      <c r="AD19" s="177">
        <v>3690</v>
      </c>
      <c r="AE19" s="177">
        <v>2216</v>
      </c>
      <c r="AF19" s="177">
        <v>1945</v>
      </c>
      <c r="AG19" s="177">
        <v>1276</v>
      </c>
      <c r="AH19" s="182">
        <v>10433</v>
      </c>
      <c r="AI19" s="181">
        <v>11374</v>
      </c>
      <c r="AJ19" s="176">
        <v>92</v>
      </c>
      <c r="AK19" s="177">
        <v>112</v>
      </c>
      <c r="AL19" s="182">
        <v>204</v>
      </c>
      <c r="AM19" s="179">
        <v>0</v>
      </c>
      <c r="AN19" s="177">
        <v>109</v>
      </c>
      <c r="AO19" s="177">
        <v>549</v>
      </c>
      <c r="AP19" s="177">
        <v>349</v>
      </c>
      <c r="AQ19" s="177">
        <v>239</v>
      </c>
      <c r="AR19" s="177">
        <v>236</v>
      </c>
      <c r="AS19" s="182">
        <v>1482</v>
      </c>
      <c r="AT19" s="181">
        <v>1686</v>
      </c>
      <c r="AU19" s="176">
        <v>0</v>
      </c>
      <c r="AV19" s="177">
        <v>0</v>
      </c>
      <c r="AW19" s="182">
        <v>0</v>
      </c>
      <c r="AX19" s="179">
        <v>0</v>
      </c>
      <c r="AY19" s="177">
        <v>2856</v>
      </c>
      <c r="AZ19" s="177">
        <v>4764</v>
      </c>
      <c r="BA19" s="177">
        <v>3593</v>
      </c>
      <c r="BB19" s="177">
        <v>2235</v>
      </c>
      <c r="BC19" s="177">
        <v>1088</v>
      </c>
      <c r="BD19" s="180">
        <v>14536</v>
      </c>
      <c r="BE19" s="181">
        <v>14536</v>
      </c>
      <c r="BF19" s="176">
        <v>0</v>
      </c>
      <c r="BG19" s="177">
        <v>0</v>
      </c>
      <c r="BH19" s="182">
        <v>0</v>
      </c>
      <c r="BI19" s="179">
        <v>0</v>
      </c>
      <c r="BJ19" s="177">
        <v>516</v>
      </c>
      <c r="BK19" s="177">
        <v>1696</v>
      </c>
      <c r="BL19" s="177">
        <v>924</v>
      </c>
      <c r="BM19" s="177">
        <v>376</v>
      </c>
      <c r="BN19" s="177">
        <v>131</v>
      </c>
      <c r="BO19" s="182">
        <v>3643</v>
      </c>
      <c r="BP19" s="181">
        <v>3643</v>
      </c>
      <c r="BQ19" s="176">
        <v>5</v>
      </c>
      <c r="BR19" s="177">
        <v>20</v>
      </c>
      <c r="BS19" s="182">
        <v>25</v>
      </c>
      <c r="BT19" s="179">
        <v>0</v>
      </c>
      <c r="BU19" s="177">
        <v>271</v>
      </c>
      <c r="BV19" s="177">
        <v>805</v>
      </c>
      <c r="BW19" s="177">
        <v>1414</v>
      </c>
      <c r="BX19" s="177">
        <v>1086</v>
      </c>
      <c r="BY19" s="177">
        <v>449</v>
      </c>
      <c r="BZ19" s="182">
        <v>4025</v>
      </c>
      <c r="CA19" s="181">
        <v>4050</v>
      </c>
      <c r="CB19" s="176">
        <v>0</v>
      </c>
      <c r="CC19" s="177">
        <v>2</v>
      </c>
      <c r="CD19" s="182">
        <v>2</v>
      </c>
      <c r="CE19" s="179">
        <v>0</v>
      </c>
      <c r="CF19" s="177">
        <v>24</v>
      </c>
      <c r="CG19" s="177">
        <v>123</v>
      </c>
      <c r="CH19" s="177">
        <v>121</v>
      </c>
      <c r="CI19" s="177">
        <v>148</v>
      </c>
      <c r="CJ19" s="177">
        <v>43</v>
      </c>
      <c r="CK19" s="182">
        <v>459</v>
      </c>
      <c r="CL19" s="181">
        <v>461</v>
      </c>
      <c r="CM19" s="176">
        <v>0</v>
      </c>
      <c r="CN19" s="177">
        <v>0</v>
      </c>
      <c r="CO19" s="182">
        <v>0</v>
      </c>
      <c r="CP19" s="179">
        <v>0</v>
      </c>
      <c r="CQ19" s="177">
        <v>0</v>
      </c>
      <c r="CR19" s="177">
        <v>0</v>
      </c>
      <c r="CS19" s="177">
        <v>0</v>
      </c>
      <c r="CT19" s="177">
        <v>0</v>
      </c>
      <c r="CU19" s="177">
        <v>0</v>
      </c>
      <c r="CV19" s="182">
        <v>0</v>
      </c>
      <c r="CW19" s="181">
        <v>0</v>
      </c>
      <c r="CX19" s="176">
        <v>0</v>
      </c>
      <c r="CY19" s="177">
        <v>0</v>
      </c>
      <c r="CZ19" s="182">
        <v>0</v>
      </c>
      <c r="DA19" s="179">
        <v>0</v>
      </c>
      <c r="DB19" s="177">
        <v>0</v>
      </c>
      <c r="DC19" s="177">
        <v>0</v>
      </c>
      <c r="DD19" s="177">
        <v>0</v>
      </c>
      <c r="DE19" s="177">
        <v>0</v>
      </c>
      <c r="DF19" s="177">
        <v>0</v>
      </c>
      <c r="DG19" s="182">
        <v>0</v>
      </c>
      <c r="DH19" s="181">
        <v>0</v>
      </c>
    </row>
    <row r="20" spans="2:112" ht="21" customHeight="1" x14ac:dyDescent="0.2">
      <c r="B20" s="92" t="s">
        <v>18</v>
      </c>
      <c r="C20" s="176">
        <v>0</v>
      </c>
      <c r="D20" s="177">
        <v>0</v>
      </c>
      <c r="E20" s="178">
        <v>0</v>
      </c>
      <c r="F20" s="179">
        <v>0</v>
      </c>
      <c r="G20" s="177">
        <v>5651</v>
      </c>
      <c r="H20" s="177">
        <v>9419</v>
      </c>
      <c r="I20" s="177">
        <v>11797</v>
      </c>
      <c r="J20" s="177">
        <v>13085</v>
      </c>
      <c r="K20" s="177">
        <v>13515</v>
      </c>
      <c r="L20" s="180">
        <v>53467</v>
      </c>
      <c r="M20" s="181">
        <v>53467</v>
      </c>
      <c r="N20" s="176">
        <v>0</v>
      </c>
      <c r="O20" s="177">
        <v>0</v>
      </c>
      <c r="P20" s="182">
        <v>0</v>
      </c>
      <c r="Q20" s="179">
        <v>0</v>
      </c>
      <c r="R20" s="177">
        <v>13</v>
      </c>
      <c r="S20" s="177">
        <v>43</v>
      </c>
      <c r="T20" s="177">
        <v>60</v>
      </c>
      <c r="U20" s="177">
        <v>227</v>
      </c>
      <c r="V20" s="177">
        <v>417</v>
      </c>
      <c r="W20" s="182">
        <v>760</v>
      </c>
      <c r="X20" s="181">
        <v>760</v>
      </c>
      <c r="Y20" s="176">
        <v>416</v>
      </c>
      <c r="Z20" s="177">
        <v>946</v>
      </c>
      <c r="AA20" s="182">
        <v>1362</v>
      </c>
      <c r="AB20" s="179">
        <v>0</v>
      </c>
      <c r="AC20" s="177">
        <v>3146</v>
      </c>
      <c r="AD20" s="177">
        <v>4141</v>
      </c>
      <c r="AE20" s="177">
        <v>2657</v>
      </c>
      <c r="AF20" s="177">
        <v>2096</v>
      </c>
      <c r="AG20" s="177">
        <v>1689</v>
      </c>
      <c r="AH20" s="182">
        <v>13729</v>
      </c>
      <c r="AI20" s="181">
        <v>15091</v>
      </c>
      <c r="AJ20" s="176">
        <v>66</v>
      </c>
      <c r="AK20" s="177">
        <v>162</v>
      </c>
      <c r="AL20" s="182">
        <v>228</v>
      </c>
      <c r="AM20" s="179">
        <v>0</v>
      </c>
      <c r="AN20" s="177">
        <v>632</v>
      </c>
      <c r="AO20" s="177">
        <v>724</v>
      </c>
      <c r="AP20" s="177">
        <v>633</v>
      </c>
      <c r="AQ20" s="177">
        <v>370</v>
      </c>
      <c r="AR20" s="177">
        <v>246</v>
      </c>
      <c r="AS20" s="182">
        <v>2605</v>
      </c>
      <c r="AT20" s="181">
        <v>2833</v>
      </c>
      <c r="AU20" s="176">
        <v>0</v>
      </c>
      <c r="AV20" s="177">
        <v>0</v>
      </c>
      <c r="AW20" s="182">
        <v>0</v>
      </c>
      <c r="AX20" s="179">
        <v>0</v>
      </c>
      <c r="AY20" s="177">
        <v>6693</v>
      </c>
      <c r="AZ20" s="177">
        <v>6450</v>
      </c>
      <c r="BA20" s="177">
        <v>4798</v>
      </c>
      <c r="BB20" s="177">
        <v>2361</v>
      </c>
      <c r="BC20" s="177">
        <v>1154</v>
      </c>
      <c r="BD20" s="180">
        <v>21456</v>
      </c>
      <c r="BE20" s="181">
        <v>21456</v>
      </c>
      <c r="BF20" s="176">
        <v>0</v>
      </c>
      <c r="BG20" s="177">
        <v>0</v>
      </c>
      <c r="BH20" s="182">
        <v>0</v>
      </c>
      <c r="BI20" s="179">
        <v>0</v>
      </c>
      <c r="BJ20" s="177">
        <v>1379</v>
      </c>
      <c r="BK20" s="177">
        <v>1513</v>
      </c>
      <c r="BL20" s="177">
        <v>985</v>
      </c>
      <c r="BM20" s="177">
        <v>553</v>
      </c>
      <c r="BN20" s="177">
        <v>189</v>
      </c>
      <c r="BO20" s="182">
        <v>4619</v>
      </c>
      <c r="BP20" s="181">
        <v>4619</v>
      </c>
      <c r="BQ20" s="176">
        <v>10</v>
      </c>
      <c r="BR20" s="177">
        <v>50</v>
      </c>
      <c r="BS20" s="182">
        <v>60</v>
      </c>
      <c r="BT20" s="179">
        <v>0</v>
      </c>
      <c r="BU20" s="177">
        <v>603</v>
      </c>
      <c r="BV20" s="177">
        <v>863</v>
      </c>
      <c r="BW20" s="177">
        <v>1859</v>
      </c>
      <c r="BX20" s="177">
        <v>1458</v>
      </c>
      <c r="BY20" s="177">
        <v>581</v>
      </c>
      <c r="BZ20" s="182">
        <v>5364</v>
      </c>
      <c r="CA20" s="181">
        <v>5424</v>
      </c>
      <c r="CB20" s="176">
        <v>0</v>
      </c>
      <c r="CC20" s="177">
        <v>0</v>
      </c>
      <c r="CD20" s="182">
        <v>0</v>
      </c>
      <c r="CE20" s="179">
        <v>0</v>
      </c>
      <c r="CF20" s="177">
        <v>12</v>
      </c>
      <c r="CG20" s="177">
        <v>19</v>
      </c>
      <c r="CH20" s="177">
        <v>39</v>
      </c>
      <c r="CI20" s="177">
        <v>17</v>
      </c>
      <c r="CJ20" s="177">
        <v>4</v>
      </c>
      <c r="CK20" s="182">
        <v>91</v>
      </c>
      <c r="CL20" s="181">
        <v>91</v>
      </c>
      <c r="CM20" s="176">
        <v>0</v>
      </c>
      <c r="CN20" s="177">
        <v>0</v>
      </c>
      <c r="CO20" s="182">
        <v>0</v>
      </c>
      <c r="CP20" s="179">
        <v>0</v>
      </c>
      <c r="CQ20" s="177">
        <v>0</v>
      </c>
      <c r="CR20" s="177">
        <v>0</v>
      </c>
      <c r="CS20" s="177">
        <v>0</v>
      </c>
      <c r="CT20" s="177">
        <v>0</v>
      </c>
      <c r="CU20" s="177">
        <v>0</v>
      </c>
      <c r="CV20" s="182">
        <v>0</v>
      </c>
      <c r="CW20" s="181">
        <v>0</v>
      </c>
      <c r="CX20" s="176">
        <v>0</v>
      </c>
      <c r="CY20" s="177">
        <v>0</v>
      </c>
      <c r="CZ20" s="182">
        <v>0</v>
      </c>
      <c r="DA20" s="179">
        <v>0</v>
      </c>
      <c r="DB20" s="177">
        <v>0</v>
      </c>
      <c r="DC20" s="177">
        <v>0</v>
      </c>
      <c r="DD20" s="177">
        <v>0</v>
      </c>
      <c r="DE20" s="177">
        <v>0</v>
      </c>
      <c r="DF20" s="177">
        <v>0</v>
      </c>
      <c r="DG20" s="182">
        <v>0</v>
      </c>
      <c r="DH20" s="181">
        <v>0</v>
      </c>
    </row>
    <row r="21" spans="2:112" ht="21" customHeight="1" x14ac:dyDescent="0.2">
      <c r="B21" s="92" t="s">
        <v>19</v>
      </c>
      <c r="C21" s="176">
        <v>0</v>
      </c>
      <c r="D21" s="177">
        <v>0</v>
      </c>
      <c r="E21" s="178">
        <v>0</v>
      </c>
      <c r="F21" s="179">
        <v>0</v>
      </c>
      <c r="G21" s="177">
        <v>2315</v>
      </c>
      <c r="H21" s="177">
        <v>2858</v>
      </c>
      <c r="I21" s="177">
        <v>3312</v>
      </c>
      <c r="J21" s="177">
        <v>3992</v>
      </c>
      <c r="K21" s="177">
        <v>3338</v>
      </c>
      <c r="L21" s="180">
        <v>15815</v>
      </c>
      <c r="M21" s="181">
        <v>15815</v>
      </c>
      <c r="N21" s="176">
        <v>0</v>
      </c>
      <c r="O21" s="177">
        <v>0</v>
      </c>
      <c r="P21" s="182">
        <v>0</v>
      </c>
      <c r="Q21" s="179">
        <v>0</v>
      </c>
      <c r="R21" s="177">
        <v>28</v>
      </c>
      <c r="S21" s="177">
        <v>25</v>
      </c>
      <c r="T21" s="177">
        <v>106</v>
      </c>
      <c r="U21" s="177">
        <v>113</v>
      </c>
      <c r="V21" s="177">
        <v>180</v>
      </c>
      <c r="W21" s="182">
        <v>452</v>
      </c>
      <c r="X21" s="181">
        <v>452</v>
      </c>
      <c r="Y21" s="176">
        <v>234</v>
      </c>
      <c r="Z21" s="177">
        <v>363</v>
      </c>
      <c r="AA21" s="182">
        <v>597</v>
      </c>
      <c r="AB21" s="179">
        <v>0</v>
      </c>
      <c r="AC21" s="177">
        <v>1743</v>
      </c>
      <c r="AD21" s="177">
        <v>1314</v>
      </c>
      <c r="AE21" s="177">
        <v>1192</v>
      </c>
      <c r="AF21" s="177">
        <v>731</v>
      </c>
      <c r="AG21" s="177">
        <v>663</v>
      </c>
      <c r="AH21" s="182">
        <v>5643</v>
      </c>
      <c r="AI21" s="181">
        <v>6240</v>
      </c>
      <c r="AJ21" s="176">
        <v>44</v>
      </c>
      <c r="AK21" s="177">
        <v>92</v>
      </c>
      <c r="AL21" s="182">
        <v>136</v>
      </c>
      <c r="AM21" s="179">
        <v>0</v>
      </c>
      <c r="AN21" s="177">
        <v>234</v>
      </c>
      <c r="AO21" s="177">
        <v>135</v>
      </c>
      <c r="AP21" s="177">
        <v>196</v>
      </c>
      <c r="AQ21" s="177">
        <v>122</v>
      </c>
      <c r="AR21" s="177">
        <v>28</v>
      </c>
      <c r="AS21" s="182">
        <v>715</v>
      </c>
      <c r="AT21" s="181">
        <v>851</v>
      </c>
      <c r="AU21" s="176">
        <v>0</v>
      </c>
      <c r="AV21" s="177">
        <v>0</v>
      </c>
      <c r="AW21" s="182">
        <v>0</v>
      </c>
      <c r="AX21" s="179">
        <v>0</v>
      </c>
      <c r="AY21" s="177">
        <v>2250</v>
      </c>
      <c r="AZ21" s="177">
        <v>2229</v>
      </c>
      <c r="BA21" s="177">
        <v>1556</v>
      </c>
      <c r="BB21" s="177">
        <v>683</v>
      </c>
      <c r="BC21" s="177">
        <v>725</v>
      </c>
      <c r="BD21" s="180">
        <v>7443</v>
      </c>
      <c r="BE21" s="181">
        <v>7443</v>
      </c>
      <c r="BF21" s="176">
        <v>0</v>
      </c>
      <c r="BG21" s="177">
        <v>0</v>
      </c>
      <c r="BH21" s="182">
        <v>0</v>
      </c>
      <c r="BI21" s="179">
        <v>0</v>
      </c>
      <c r="BJ21" s="177">
        <v>984</v>
      </c>
      <c r="BK21" s="177">
        <v>843</v>
      </c>
      <c r="BL21" s="177">
        <v>508</v>
      </c>
      <c r="BM21" s="177">
        <v>282</v>
      </c>
      <c r="BN21" s="177">
        <v>59</v>
      </c>
      <c r="BO21" s="182">
        <v>2676</v>
      </c>
      <c r="BP21" s="181">
        <v>2676</v>
      </c>
      <c r="BQ21" s="176">
        <v>0</v>
      </c>
      <c r="BR21" s="177">
        <v>29</v>
      </c>
      <c r="BS21" s="182">
        <v>29</v>
      </c>
      <c r="BT21" s="179">
        <v>0</v>
      </c>
      <c r="BU21" s="177">
        <v>214</v>
      </c>
      <c r="BV21" s="177">
        <v>249</v>
      </c>
      <c r="BW21" s="177">
        <v>588</v>
      </c>
      <c r="BX21" s="177">
        <v>166</v>
      </c>
      <c r="BY21" s="177">
        <v>139</v>
      </c>
      <c r="BZ21" s="182">
        <v>1356</v>
      </c>
      <c r="CA21" s="181">
        <v>1385</v>
      </c>
      <c r="CB21" s="176">
        <v>0</v>
      </c>
      <c r="CC21" s="177">
        <v>0</v>
      </c>
      <c r="CD21" s="182">
        <v>0</v>
      </c>
      <c r="CE21" s="179">
        <v>0</v>
      </c>
      <c r="CF21" s="177">
        <v>35</v>
      </c>
      <c r="CG21" s="177">
        <v>36</v>
      </c>
      <c r="CH21" s="177">
        <v>86</v>
      </c>
      <c r="CI21" s="177">
        <v>50</v>
      </c>
      <c r="CJ21" s="177">
        <v>6</v>
      </c>
      <c r="CK21" s="182">
        <v>213</v>
      </c>
      <c r="CL21" s="181">
        <v>213</v>
      </c>
      <c r="CM21" s="176">
        <v>0</v>
      </c>
      <c r="CN21" s="177">
        <v>0</v>
      </c>
      <c r="CO21" s="182">
        <v>0</v>
      </c>
      <c r="CP21" s="179">
        <v>0</v>
      </c>
      <c r="CQ21" s="177">
        <v>0</v>
      </c>
      <c r="CR21" s="177">
        <v>0</v>
      </c>
      <c r="CS21" s="177">
        <v>0</v>
      </c>
      <c r="CT21" s="177">
        <v>0</v>
      </c>
      <c r="CU21" s="177">
        <v>0</v>
      </c>
      <c r="CV21" s="182">
        <v>0</v>
      </c>
      <c r="CW21" s="181">
        <v>0</v>
      </c>
      <c r="CX21" s="176">
        <v>0</v>
      </c>
      <c r="CY21" s="177">
        <v>0</v>
      </c>
      <c r="CZ21" s="182">
        <v>0</v>
      </c>
      <c r="DA21" s="179">
        <v>0</v>
      </c>
      <c r="DB21" s="177">
        <v>0</v>
      </c>
      <c r="DC21" s="177">
        <v>0</v>
      </c>
      <c r="DD21" s="177">
        <v>0</v>
      </c>
      <c r="DE21" s="177">
        <v>0</v>
      </c>
      <c r="DF21" s="177">
        <v>0</v>
      </c>
      <c r="DG21" s="182">
        <v>0</v>
      </c>
      <c r="DH21" s="181">
        <v>0</v>
      </c>
    </row>
    <row r="22" spans="2:112" ht="21" customHeight="1" x14ac:dyDescent="0.2">
      <c r="B22" s="92" t="s">
        <v>20</v>
      </c>
      <c r="C22" s="176">
        <v>0</v>
      </c>
      <c r="D22" s="177">
        <v>0</v>
      </c>
      <c r="E22" s="178">
        <v>0</v>
      </c>
      <c r="F22" s="179">
        <v>0</v>
      </c>
      <c r="G22" s="177">
        <v>3583</v>
      </c>
      <c r="H22" s="177">
        <v>4582</v>
      </c>
      <c r="I22" s="177">
        <v>5880</v>
      </c>
      <c r="J22" s="177">
        <v>6481</v>
      </c>
      <c r="K22" s="177">
        <v>7085</v>
      </c>
      <c r="L22" s="180">
        <v>27611</v>
      </c>
      <c r="M22" s="181">
        <v>27611</v>
      </c>
      <c r="N22" s="176">
        <v>0</v>
      </c>
      <c r="O22" s="177">
        <v>0</v>
      </c>
      <c r="P22" s="182">
        <v>0</v>
      </c>
      <c r="Q22" s="179">
        <v>0</v>
      </c>
      <c r="R22" s="177">
        <v>10</v>
      </c>
      <c r="S22" s="177">
        <v>22</v>
      </c>
      <c r="T22" s="177">
        <v>40</v>
      </c>
      <c r="U22" s="177">
        <v>132</v>
      </c>
      <c r="V22" s="177">
        <v>193</v>
      </c>
      <c r="W22" s="182">
        <v>397</v>
      </c>
      <c r="X22" s="181">
        <v>397</v>
      </c>
      <c r="Y22" s="176">
        <v>324</v>
      </c>
      <c r="Z22" s="177">
        <v>829</v>
      </c>
      <c r="AA22" s="182">
        <v>1153</v>
      </c>
      <c r="AB22" s="179">
        <v>0</v>
      </c>
      <c r="AC22" s="177">
        <v>2587</v>
      </c>
      <c r="AD22" s="177">
        <v>2225</v>
      </c>
      <c r="AE22" s="177">
        <v>1394</v>
      </c>
      <c r="AF22" s="177">
        <v>1235</v>
      </c>
      <c r="AG22" s="177">
        <v>741</v>
      </c>
      <c r="AH22" s="182">
        <v>8182</v>
      </c>
      <c r="AI22" s="181">
        <v>9335</v>
      </c>
      <c r="AJ22" s="176">
        <v>127</v>
      </c>
      <c r="AK22" s="177">
        <v>521</v>
      </c>
      <c r="AL22" s="182">
        <v>648</v>
      </c>
      <c r="AM22" s="179">
        <v>0</v>
      </c>
      <c r="AN22" s="177">
        <v>968</v>
      </c>
      <c r="AO22" s="177">
        <v>719</v>
      </c>
      <c r="AP22" s="177">
        <v>551</v>
      </c>
      <c r="AQ22" s="177">
        <v>465</v>
      </c>
      <c r="AR22" s="177">
        <v>134</v>
      </c>
      <c r="AS22" s="182">
        <v>2837</v>
      </c>
      <c r="AT22" s="181">
        <v>3485</v>
      </c>
      <c r="AU22" s="176">
        <v>0</v>
      </c>
      <c r="AV22" s="177">
        <v>0</v>
      </c>
      <c r="AW22" s="182">
        <v>0</v>
      </c>
      <c r="AX22" s="179">
        <v>0</v>
      </c>
      <c r="AY22" s="177">
        <v>3481</v>
      </c>
      <c r="AZ22" s="177">
        <v>2362</v>
      </c>
      <c r="BA22" s="177">
        <v>1992</v>
      </c>
      <c r="BB22" s="177">
        <v>1059</v>
      </c>
      <c r="BC22" s="177">
        <v>317</v>
      </c>
      <c r="BD22" s="180">
        <v>9211</v>
      </c>
      <c r="BE22" s="181">
        <v>9211</v>
      </c>
      <c r="BF22" s="176">
        <v>0</v>
      </c>
      <c r="BG22" s="177">
        <v>0</v>
      </c>
      <c r="BH22" s="182">
        <v>0</v>
      </c>
      <c r="BI22" s="179">
        <v>0</v>
      </c>
      <c r="BJ22" s="177">
        <v>1035</v>
      </c>
      <c r="BK22" s="177">
        <v>734</v>
      </c>
      <c r="BL22" s="177">
        <v>398</v>
      </c>
      <c r="BM22" s="177">
        <v>341</v>
      </c>
      <c r="BN22" s="177">
        <v>106</v>
      </c>
      <c r="BO22" s="182">
        <v>2614</v>
      </c>
      <c r="BP22" s="181">
        <v>2614</v>
      </c>
      <c r="BQ22" s="176">
        <v>2</v>
      </c>
      <c r="BR22" s="177">
        <v>7</v>
      </c>
      <c r="BS22" s="182">
        <v>9</v>
      </c>
      <c r="BT22" s="179">
        <v>0</v>
      </c>
      <c r="BU22" s="177">
        <v>401</v>
      </c>
      <c r="BV22" s="177">
        <v>452</v>
      </c>
      <c r="BW22" s="177">
        <v>1060</v>
      </c>
      <c r="BX22" s="177">
        <v>604</v>
      </c>
      <c r="BY22" s="177">
        <v>397</v>
      </c>
      <c r="BZ22" s="182">
        <v>2914</v>
      </c>
      <c r="CA22" s="181">
        <v>2923</v>
      </c>
      <c r="CB22" s="176">
        <v>0</v>
      </c>
      <c r="CC22" s="177">
        <v>0</v>
      </c>
      <c r="CD22" s="182">
        <v>0</v>
      </c>
      <c r="CE22" s="179">
        <v>0</v>
      </c>
      <c r="CF22" s="177">
        <v>30</v>
      </c>
      <c r="CG22" s="177">
        <v>20</v>
      </c>
      <c r="CH22" s="177">
        <v>23</v>
      </c>
      <c r="CI22" s="177">
        <v>60</v>
      </c>
      <c r="CJ22" s="177">
        <v>46</v>
      </c>
      <c r="CK22" s="182">
        <v>179</v>
      </c>
      <c r="CL22" s="181">
        <v>179</v>
      </c>
      <c r="CM22" s="176">
        <v>0</v>
      </c>
      <c r="CN22" s="177">
        <v>0</v>
      </c>
      <c r="CO22" s="182">
        <v>0</v>
      </c>
      <c r="CP22" s="179">
        <v>0</v>
      </c>
      <c r="CQ22" s="177">
        <v>0</v>
      </c>
      <c r="CR22" s="177">
        <v>0</v>
      </c>
      <c r="CS22" s="177">
        <v>0</v>
      </c>
      <c r="CT22" s="177">
        <v>0</v>
      </c>
      <c r="CU22" s="177">
        <v>0</v>
      </c>
      <c r="CV22" s="182">
        <v>0</v>
      </c>
      <c r="CW22" s="181">
        <v>0</v>
      </c>
      <c r="CX22" s="176">
        <v>0</v>
      </c>
      <c r="CY22" s="177">
        <v>0</v>
      </c>
      <c r="CZ22" s="182">
        <v>0</v>
      </c>
      <c r="DA22" s="179">
        <v>0</v>
      </c>
      <c r="DB22" s="177">
        <v>0</v>
      </c>
      <c r="DC22" s="177">
        <v>0</v>
      </c>
      <c r="DD22" s="177">
        <v>0</v>
      </c>
      <c r="DE22" s="177">
        <v>0</v>
      </c>
      <c r="DF22" s="177">
        <v>0</v>
      </c>
      <c r="DG22" s="182">
        <v>0</v>
      </c>
      <c r="DH22" s="181">
        <v>0</v>
      </c>
    </row>
    <row r="23" spans="2:112" ht="21" customHeight="1" x14ac:dyDescent="0.2">
      <c r="B23" s="92" t="s">
        <v>21</v>
      </c>
      <c r="C23" s="176">
        <v>0</v>
      </c>
      <c r="D23" s="177">
        <v>0</v>
      </c>
      <c r="E23" s="178">
        <v>0</v>
      </c>
      <c r="F23" s="179">
        <v>0</v>
      </c>
      <c r="G23" s="177">
        <v>3524</v>
      </c>
      <c r="H23" s="177">
        <v>6346</v>
      </c>
      <c r="I23" s="177">
        <v>7609</v>
      </c>
      <c r="J23" s="177">
        <v>7385</v>
      </c>
      <c r="K23" s="177">
        <v>6860</v>
      </c>
      <c r="L23" s="180">
        <v>31724</v>
      </c>
      <c r="M23" s="181">
        <v>31724</v>
      </c>
      <c r="N23" s="176">
        <v>0</v>
      </c>
      <c r="O23" s="177">
        <v>0</v>
      </c>
      <c r="P23" s="182">
        <v>0</v>
      </c>
      <c r="Q23" s="179">
        <v>0</v>
      </c>
      <c r="R23" s="177">
        <v>0</v>
      </c>
      <c r="S23" s="177">
        <v>10</v>
      </c>
      <c r="T23" s="177">
        <v>54</v>
      </c>
      <c r="U23" s="177">
        <v>141</v>
      </c>
      <c r="V23" s="177">
        <v>219</v>
      </c>
      <c r="W23" s="182">
        <v>424</v>
      </c>
      <c r="X23" s="181">
        <v>424</v>
      </c>
      <c r="Y23" s="176">
        <v>345</v>
      </c>
      <c r="Z23" s="177">
        <v>629</v>
      </c>
      <c r="AA23" s="182">
        <v>974</v>
      </c>
      <c r="AB23" s="179">
        <v>0</v>
      </c>
      <c r="AC23" s="177">
        <v>2017</v>
      </c>
      <c r="AD23" s="177">
        <v>2780</v>
      </c>
      <c r="AE23" s="177">
        <v>2053</v>
      </c>
      <c r="AF23" s="177">
        <v>1545</v>
      </c>
      <c r="AG23" s="177">
        <v>997</v>
      </c>
      <c r="AH23" s="182">
        <v>9392</v>
      </c>
      <c r="AI23" s="181">
        <v>10366</v>
      </c>
      <c r="AJ23" s="176">
        <v>121</v>
      </c>
      <c r="AK23" s="177">
        <v>310</v>
      </c>
      <c r="AL23" s="182">
        <v>431</v>
      </c>
      <c r="AM23" s="179">
        <v>0</v>
      </c>
      <c r="AN23" s="177">
        <v>278</v>
      </c>
      <c r="AO23" s="177">
        <v>543</v>
      </c>
      <c r="AP23" s="177">
        <v>325</v>
      </c>
      <c r="AQ23" s="177">
        <v>93</v>
      </c>
      <c r="AR23" s="177">
        <v>62</v>
      </c>
      <c r="AS23" s="182">
        <v>1301</v>
      </c>
      <c r="AT23" s="181">
        <v>1732</v>
      </c>
      <c r="AU23" s="176">
        <v>0</v>
      </c>
      <c r="AV23" s="177">
        <v>0</v>
      </c>
      <c r="AW23" s="182">
        <v>0</v>
      </c>
      <c r="AX23" s="179">
        <v>0</v>
      </c>
      <c r="AY23" s="177">
        <v>3217</v>
      </c>
      <c r="AZ23" s="177">
        <v>3434</v>
      </c>
      <c r="BA23" s="177">
        <v>2413</v>
      </c>
      <c r="BB23" s="177">
        <v>1088</v>
      </c>
      <c r="BC23" s="177">
        <v>458</v>
      </c>
      <c r="BD23" s="180">
        <v>10610</v>
      </c>
      <c r="BE23" s="181">
        <v>10610</v>
      </c>
      <c r="BF23" s="176">
        <v>0</v>
      </c>
      <c r="BG23" s="177">
        <v>0</v>
      </c>
      <c r="BH23" s="182">
        <v>0</v>
      </c>
      <c r="BI23" s="179">
        <v>0</v>
      </c>
      <c r="BJ23" s="177">
        <v>462</v>
      </c>
      <c r="BK23" s="177">
        <v>488</v>
      </c>
      <c r="BL23" s="177">
        <v>273</v>
      </c>
      <c r="BM23" s="177">
        <v>138</v>
      </c>
      <c r="BN23" s="177">
        <v>63</v>
      </c>
      <c r="BO23" s="182">
        <v>1424</v>
      </c>
      <c r="BP23" s="181">
        <v>1424</v>
      </c>
      <c r="BQ23" s="176">
        <v>8</v>
      </c>
      <c r="BR23" s="177">
        <v>11</v>
      </c>
      <c r="BS23" s="182">
        <v>19</v>
      </c>
      <c r="BT23" s="179">
        <v>0</v>
      </c>
      <c r="BU23" s="177">
        <v>91</v>
      </c>
      <c r="BV23" s="177">
        <v>492</v>
      </c>
      <c r="BW23" s="177">
        <v>975</v>
      </c>
      <c r="BX23" s="177">
        <v>627</v>
      </c>
      <c r="BY23" s="177">
        <v>411</v>
      </c>
      <c r="BZ23" s="182">
        <v>2596</v>
      </c>
      <c r="CA23" s="181">
        <v>2615</v>
      </c>
      <c r="CB23" s="176">
        <v>0</v>
      </c>
      <c r="CC23" s="177">
        <v>12</v>
      </c>
      <c r="CD23" s="182">
        <v>12</v>
      </c>
      <c r="CE23" s="179">
        <v>0</v>
      </c>
      <c r="CF23" s="177">
        <v>3</v>
      </c>
      <c r="CG23" s="177">
        <v>10</v>
      </c>
      <c r="CH23" s="177">
        <v>52</v>
      </c>
      <c r="CI23" s="177">
        <v>18</v>
      </c>
      <c r="CJ23" s="177">
        <v>64</v>
      </c>
      <c r="CK23" s="182">
        <v>147</v>
      </c>
      <c r="CL23" s="181">
        <v>159</v>
      </c>
      <c r="CM23" s="176">
        <v>0</v>
      </c>
      <c r="CN23" s="177">
        <v>0</v>
      </c>
      <c r="CO23" s="182">
        <v>0</v>
      </c>
      <c r="CP23" s="179">
        <v>0</v>
      </c>
      <c r="CQ23" s="177">
        <v>0</v>
      </c>
      <c r="CR23" s="177">
        <v>0</v>
      </c>
      <c r="CS23" s="177">
        <v>0</v>
      </c>
      <c r="CT23" s="177">
        <v>0</v>
      </c>
      <c r="CU23" s="177">
        <v>0</v>
      </c>
      <c r="CV23" s="182">
        <v>0</v>
      </c>
      <c r="CW23" s="181">
        <v>0</v>
      </c>
      <c r="CX23" s="176">
        <v>0</v>
      </c>
      <c r="CY23" s="177">
        <v>0</v>
      </c>
      <c r="CZ23" s="182">
        <v>0</v>
      </c>
      <c r="DA23" s="179">
        <v>0</v>
      </c>
      <c r="DB23" s="177">
        <v>0</v>
      </c>
      <c r="DC23" s="177">
        <v>0</v>
      </c>
      <c r="DD23" s="177">
        <v>0</v>
      </c>
      <c r="DE23" s="177">
        <v>0</v>
      </c>
      <c r="DF23" s="177">
        <v>0</v>
      </c>
      <c r="DG23" s="182">
        <v>0</v>
      </c>
      <c r="DH23" s="181">
        <v>0</v>
      </c>
    </row>
    <row r="24" spans="2:112" ht="21" customHeight="1" x14ac:dyDescent="0.2">
      <c r="B24" s="92" t="s">
        <v>22</v>
      </c>
      <c r="C24" s="176">
        <v>0</v>
      </c>
      <c r="D24" s="177">
        <v>0</v>
      </c>
      <c r="E24" s="178">
        <v>0</v>
      </c>
      <c r="F24" s="179">
        <v>0</v>
      </c>
      <c r="G24" s="177">
        <v>703</v>
      </c>
      <c r="H24" s="177">
        <v>1655</v>
      </c>
      <c r="I24" s="177">
        <v>1014</v>
      </c>
      <c r="J24" s="177">
        <v>2228</v>
      </c>
      <c r="K24" s="177">
        <v>1749</v>
      </c>
      <c r="L24" s="180">
        <v>7349</v>
      </c>
      <c r="M24" s="181">
        <v>7349</v>
      </c>
      <c r="N24" s="176">
        <v>0</v>
      </c>
      <c r="O24" s="177">
        <v>0</v>
      </c>
      <c r="P24" s="182">
        <v>0</v>
      </c>
      <c r="Q24" s="179">
        <v>0</v>
      </c>
      <c r="R24" s="177">
        <v>12</v>
      </c>
      <c r="S24" s="177">
        <v>10</v>
      </c>
      <c r="T24" s="177">
        <v>32</v>
      </c>
      <c r="U24" s="177">
        <v>60</v>
      </c>
      <c r="V24" s="177">
        <v>166</v>
      </c>
      <c r="W24" s="182">
        <v>280</v>
      </c>
      <c r="X24" s="181">
        <v>280</v>
      </c>
      <c r="Y24" s="176">
        <v>36</v>
      </c>
      <c r="Z24" s="177">
        <v>85</v>
      </c>
      <c r="AA24" s="182">
        <v>121</v>
      </c>
      <c r="AB24" s="179">
        <v>0</v>
      </c>
      <c r="AC24" s="177">
        <v>416</v>
      </c>
      <c r="AD24" s="177">
        <v>748</v>
      </c>
      <c r="AE24" s="177">
        <v>203</v>
      </c>
      <c r="AF24" s="177">
        <v>388</v>
      </c>
      <c r="AG24" s="177">
        <v>335</v>
      </c>
      <c r="AH24" s="182">
        <v>2090</v>
      </c>
      <c r="AI24" s="181">
        <v>2211</v>
      </c>
      <c r="AJ24" s="176">
        <v>9</v>
      </c>
      <c r="AK24" s="177">
        <v>14</v>
      </c>
      <c r="AL24" s="182">
        <v>23</v>
      </c>
      <c r="AM24" s="179">
        <v>0</v>
      </c>
      <c r="AN24" s="177">
        <v>153</v>
      </c>
      <c r="AO24" s="177">
        <v>105</v>
      </c>
      <c r="AP24" s="177">
        <v>27</v>
      </c>
      <c r="AQ24" s="177">
        <v>59</v>
      </c>
      <c r="AR24" s="177">
        <v>0</v>
      </c>
      <c r="AS24" s="182">
        <v>344</v>
      </c>
      <c r="AT24" s="181">
        <v>367</v>
      </c>
      <c r="AU24" s="176">
        <v>0</v>
      </c>
      <c r="AV24" s="177">
        <v>0</v>
      </c>
      <c r="AW24" s="182">
        <v>0</v>
      </c>
      <c r="AX24" s="179">
        <v>0</v>
      </c>
      <c r="AY24" s="177">
        <v>891</v>
      </c>
      <c r="AZ24" s="177">
        <v>1256</v>
      </c>
      <c r="BA24" s="177">
        <v>813</v>
      </c>
      <c r="BB24" s="177">
        <v>396</v>
      </c>
      <c r="BC24" s="177">
        <v>144</v>
      </c>
      <c r="BD24" s="180">
        <v>3500</v>
      </c>
      <c r="BE24" s="181">
        <v>3500</v>
      </c>
      <c r="BF24" s="176">
        <v>0</v>
      </c>
      <c r="BG24" s="177">
        <v>0</v>
      </c>
      <c r="BH24" s="182">
        <v>0</v>
      </c>
      <c r="BI24" s="179">
        <v>0</v>
      </c>
      <c r="BJ24" s="177">
        <v>245</v>
      </c>
      <c r="BK24" s="177">
        <v>260</v>
      </c>
      <c r="BL24" s="177">
        <v>68</v>
      </c>
      <c r="BM24" s="177">
        <v>96</v>
      </c>
      <c r="BN24" s="177">
        <v>42</v>
      </c>
      <c r="BO24" s="182">
        <v>711</v>
      </c>
      <c r="BP24" s="181">
        <v>711</v>
      </c>
      <c r="BQ24" s="176">
        <v>0</v>
      </c>
      <c r="BR24" s="177">
        <v>12</v>
      </c>
      <c r="BS24" s="182">
        <v>12</v>
      </c>
      <c r="BT24" s="179">
        <v>0</v>
      </c>
      <c r="BU24" s="177">
        <v>26</v>
      </c>
      <c r="BV24" s="177">
        <v>171</v>
      </c>
      <c r="BW24" s="177">
        <v>336</v>
      </c>
      <c r="BX24" s="177">
        <v>273</v>
      </c>
      <c r="BY24" s="177">
        <v>29</v>
      </c>
      <c r="BZ24" s="182">
        <v>835</v>
      </c>
      <c r="CA24" s="181">
        <v>847</v>
      </c>
      <c r="CB24" s="176">
        <v>0</v>
      </c>
      <c r="CC24" s="177">
        <v>0</v>
      </c>
      <c r="CD24" s="182">
        <v>0</v>
      </c>
      <c r="CE24" s="179">
        <v>0</v>
      </c>
      <c r="CF24" s="177">
        <v>20</v>
      </c>
      <c r="CG24" s="177">
        <v>12</v>
      </c>
      <c r="CH24" s="177">
        <v>2</v>
      </c>
      <c r="CI24" s="177">
        <v>43</v>
      </c>
      <c r="CJ24" s="177">
        <v>8</v>
      </c>
      <c r="CK24" s="182">
        <v>85</v>
      </c>
      <c r="CL24" s="181">
        <v>85</v>
      </c>
      <c r="CM24" s="176">
        <v>0</v>
      </c>
      <c r="CN24" s="177">
        <v>0</v>
      </c>
      <c r="CO24" s="182">
        <v>0</v>
      </c>
      <c r="CP24" s="179">
        <v>0</v>
      </c>
      <c r="CQ24" s="177">
        <v>0</v>
      </c>
      <c r="CR24" s="177">
        <v>0</v>
      </c>
      <c r="CS24" s="177">
        <v>0</v>
      </c>
      <c r="CT24" s="177">
        <v>0</v>
      </c>
      <c r="CU24" s="177">
        <v>0</v>
      </c>
      <c r="CV24" s="182">
        <v>0</v>
      </c>
      <c r="CW24" s="181">
        <v>0</v>
      </c>
      <c r="CX24" s="176">
        <v>0</v>
      </c>
      <c r="CY24" s="177">
        <v>0</v>
      </c>
      <c r="CZ24" s="182">
        <v>0</v>
      </c>
      <c r="DA24" s="179">
        <v>0</v>
      </c>
      <c r="DB24" s="177">
        <v>0</v>
      </c>
      <c r="DC24" s="177">
        <v>0</v>
      </c>
      <c r="DD24" s="177">
        <v>0</v>
      </c>
      <c r="DE24" s="177">
        <v>0</v>
      </c>
      <c r="DF24" s="177">
        <v>0</v>
      </c>
      <c r="DG24" s="182">
        <v>0</v>
      </c>
      <c r="DH24" s="181">
        <v>0</v>
      </c>
    </row>
    <row r="25" spans="2:112" ht="21" customHeight="1" x14ac:dyDescent="0.2">
      <c r="B25" s="92" t="s">
        <v>23</v>
      </c>
      <c r="C25" s="176">
        <v>0</v>
      </c>
      <c r="D25" s="177">
        <v>0</v>
      </c>
      <c r="E25" s="178">
        <v>0</v>
      </c>
      <c r="F25" s="179">
        <v>0</v>
      </c>
      <c r="G25" s="177">
        <v>1851</v>
      </c>
      <c r="H25" s="177">
        <v>2438</v>
      </c>
      <c r="I25" s="177">
        <v>2677</v>
      </c>
      <c r="J25" s="177">
        <v>3989</v>
      </c>
      <c r="K25" s="177">
        <v>3071</v>
      </c>
      <c r="L25" s="180">
        <v>14026</v>
      </c>
      <c r="M25" s="181">
        <v>14026</v>
      </c>
      <c r="N25" s="176">
        <v>0</v>
      </c>
      <c r="O25" s="177">
        <v>0</v>
      </c>
      <c r="P25" s="182">
        <v>0</v>
      </c>
      <c r="Q25" s="179">
        <v>0</v>
      </c>
      <c r="R25" s="177">
        <v>0</v>
      </c>
      <c r="S25" s="177">
        <v>28</v>
      </c>
      <c r="T25" s="177">
        <v>36</v>
      </c>
      <c r="U25" s="177">
        <v>90</v>
      </c>
      <c r="V25" s="177">
        <v>123</v>
      </c>
      <c r="W25" s="182">
        <v>277</v>
      </c>
      <c r="X25" s="181">
        <v>277</v>
      </c>
      <c r="Y25" s="176">
        <v>269</v>
      </c>
      <c r="Z25" s="177">
        <v>714</v>
      </c>
      <c r="AA25" s="182">
        <v>983</v>
      </c>
      <c r="AB25" s="179">
        <v>0</v>
      </c>
      <c r="AC25" s="177">
        <v>1007</v>
      </c>
      <c r="AD25" s="177">
        <v>2064</v>
      </c>
      <c r="AE25" s="177">
        <v>1090</v>
      </c>
      <c r="AF25" s="177">
        <v>1029</v>
      </c>
      <c r="AG25" s="177">
        <v>700</v>
      </c>
      <c r="AH25" s="182">
        <v>5890</v>
      </c>
      <c r="AI25" s="181">
        <v>6873</v>
      </c>
      <c r="AJ25" s="176">
        <v>30</v>
      </c>
      <c r="AK25" s="177">
        <v>162</v>
      </c>
      <c r="AL25" s="182">
        <v>192</v>
      </c>
      <c r="AM25" s="179">
        <v>0</v>
      </c>
      <c r="AN25" s="177">
        <v>106</v>
      </c>
      <c r="AO25" s="177">
        <v>242</v>
      </c>
      <c r="AP25" s="177">
        <v>166</v>
      </c>
      <c r="AQ25" s="177">
        <v>136</v>
      </c>
      <c r="AR25" s="177">
        <v>29</v>
      </c>
      <c r="AS25" s="182">
        <v>679</v>
      </c>
      <c r="AT25" s="181">
        <v>871</v>
      </c>
      <c r="AU25" s="176">
        <v>0</v>
      </c>
      <c r="AV25" s="177">
        <v>0</v>
      </c>
      <c r="AW25" s="182">
        <v>0</v>
      </c>
      <c r="AX25" s="179">
        <v>0</v>
      </c>
      <c r="AY25" s="177">
        <v>2420</v>
      </c>
      <c r="AZ25" s="177">
        <v>2517</v>
      </c>
      <c r="BA25" s="177">
        <v>1538</v>
      </c>
      <c r="BB25" s="177">
        <v>898</v>
      </c>
      <c r="BC25" s="177">
        <v>304</v>
      </c>
      <c r="BD25" s="180">
        <v>7677</v>
      </c>
      <c r="BE25" s="181">
        <v>7677</v>
      </c>
      <c r="BF25" s="176">
        <v>0</v>
      </c>
      <c r="BG25" s="177">
        <v>0</v>
      </c>
      <c r="BH25" s="182">
        <v>0</v>
      </c>
      <c r="BI25" s="179">
        <v>0</v>
      </c>
      <c r="BJ25" s="177">
        <v>211</v>
      </c>
      <c r="BK25" s="177">
        <v>331</v>
      </c>
      <c r="BL25" s="177">
        <v>215</v>
      </c>
      <c r="BM25" s="177">
        <v>132</v>
      </c>
      <c r="BN25" s="177">
        <v>24</v>
      </c>
      <c r="BO25" s="182">
        <v>913</v>
      </c>
      <c r="BP25" s="181">
        <v>913</v>
      </c>
      <c r="BQ25" s="176">
        <v>0</v>
      </c>
      <c r="BR25" s="177">
        <v>2</v>
      </c>
      <c r="BS25" s="182">
        <v>2</v>
      </c>
      <c r="BT25" s="179">
        <v>0</v>
      </c>
      <c r="BU25" s="177">
        <v>268</v>
      </c>
      <c r="BV25" s="177">
        <v>308</v>
      </c>
      <c r="BW25" s="177">
        <v>664</v>
      </c>
      <c r="BX25" s="177">
        <v>586</v>
      </c>
      <c r="BY25" s="177">
        <v>161</v>
      </c>
      <c r="BZ25" s="182">
        <v>1987</v>
      </c>
      <c r="CA25" s="181">
        <v>1989</v>
      </c>
      <c r="CB25" s="176">
        <v>0</v>
      </c>
      <c r="CC25" s="177">
        <v>0</v>
      </c>
      <c r="CD25" s="182">
        <v>0</v>
      </c>
      <c r="CE25" s="179">
        <v>0</v>
      </c>
      <c r="CF25" s="177">
        <v>3</v>
      </c>
      <c r="CG25" s="177">
        <v>40</v>
      </c>
      <c r="CH25" s="177">
        <v>8</v>
      </c>
      <c r="CI25" s="177">
        <v>15</v>
      </c>
      <c r="CJ25" s="177">
        <v>23</v>
      </c>
      <c r="CK25" s="182">
        <v>89</v>
      </c>
      <c r="CL25" s="181">
        <v>89</v>
      </c>
      <c r="CM25" s="176">
        <v>0</v>
      </c>
      <c r="CN25" s="177">
        <v>0</v>
      </c>
      <c r="CO25" s="182">
        <v>0</v>
      </c>
      <c r="CP25" s="179">
        <v>0</v>
      </c>
      <c r="CQ25" s="177">
        <v>0</v>
      </c>
      <c r="CR25" s="177">
        <v>0</v>
      </c>
      <c r="CS25" s="177">
        <v>0</v>
      </c>
      <c r="CT25" s="177">
        <v>0</v>
      </c>
      <c r="CU25" s="177">
        <v>0</v>
      </c>
      <c r="CV25" s="182">
        <v>0</v>
      </c>
      <c r="CW25" s="181">
        <v>0</v>
      </c>
      <c r="CX25" s="176">
        <v>0</v>
      </c>
      <c r="CY25" s="177">
        <v>0</v>
      </c>
      <c r="CZ25" s="182">
        <v>0</v>
      </c>
      <c r="DA25" s="179">
        <v>0</v>
      </c>
      <c r="DB25" s="177">
        <v>0</v>
      </c>
      <c r="DC25" s="177">
        <v>0</v>
      </c>
      <c r="DD25" s="177">
        <v>0</v>
      </c>
      <c r="DE25" s="177">
        <v>0</v>
      </c>
      <c r="DF25" s="177">
        <v>0</v>
      </c>
      <c r="DG25" s="182">
        <v>0</v>
      </c>
      <c r="DH25" s="181">
        <v>0</v>
      </c>
    </row>
    <row r="26" spans="2:112" ht="21" customHeight="1" x14ac:dyDescent="0.2">
      <c r="B26" s="92" t="s">
        <v>24</v>
      </c>
      <c r="C26" s="176">
        <v>0</v>
      </c>
      <c r="D26" s="177">
        <v>0</v>
      </c>
      <c r="E26" s="178">
        <v>0</v>
      </c>
      <c r="F26" s="179">
        <v>0</v>
      </c>
      <c r="G26" s="177">
        <v>896</v>
      </c>
      <c r="H26" s="177">
        <v>1079</v>
      </c>
      <c r="I26" s="177">
        <v>1257</v>
      </c>
      <c r="J26" s="177">
        <v>2258</v>
      </c>
      <c r="K26" s="177">
        <v>1943</v>
      </c>
      <c r="L26" s="180">
        <v>7433</v>
      </c>
      <c r="M26" s="181">
        <v>7433</v>
      </c>
      <c r="N26" s="176">
        <v>0</v>
      </c>
      <c r="O26" s="177">
        <v>0</v>
      </c>
      <c r="P26" s="182">
        <v>0</v>
      </c>
      <c r="Q26" s="179">
        <v>0</v>
      </c>
      <c r="R26" s="177">
        <v>1</v>
      </c>
      <c r="S26" s="177">
        <v>7</v>
      </c>
      <c r="T26" s="177">
        <v>17</v>
      </c>
      <c r="U26" s="177">
        <v>30</v>
      </c>
      <c r="V26" s="177">
        <v>108</v>
      </c>
      <c r="W26" s="182">
        <v>163</v>
      </c>
      <c r="X26" s="181">
        <v>163</v>
      </c>
      <c r="Y26" s="176">
        <v>85</v>
      </c>
      <c r="Z26" s="177">
        <v>180</v>
      </c>
      <c r="AA26" s="182">
        <v>265</v>
      </c>
      <c r="AB26" s="179">
        <v>0</v>
      </c>
      <c r="AC26" s="177">
        <v>553</v>
      </c>
      <c r="AD26" s="177">
        <v>676</v>
      </c>
      <c r="AE26" s="177">
        <v>420</v>
      </c>
      <c r="AF26" s="177">
        <v>463</v>
      </c>
      <c r="AG26" s="177">
        <v>357</v>
      </c>
      <c r="AH26" s="182">
        <v>2469</v>
      </c>
      <c r="AI26" s="181">
        <v>2734</v>
      </c>
      <c r="AJ26" s="176">
        <v>6</v>
      </c>
      <c r="AK26" s="177">
        <v>8</v>
      </c>
      <c r="AL26" s="182">
        <v>14</v>
      </c>
      <c r="AM26" s="179">
        <v>0</v>
      </c>
      <c r="AN26" s="177">
        <v>69</v>
      </c>
      <c r="AO26" s="177">
        <v>66</v>
      </c>
      <c r="AP26" s="177">
        <v>40</v>
      </c>
      <c r="AQ26" s="177">
        <v>30</v>
      </c>
      <c r="AR26" s="177">
        <v>45</v>
      </c>
      <c r="AS26" s="182">
        <v>250</v>
      </c>
      <c r="AT26" s="181">
        <v>264</v>
      </c>
      <c r="AU26" s="176">
        <v>0</v>
      </c>
      <c r="AV26" s="177">
        <v>0</v>
      </c>
      <c r="AW26" s="182">
        <v>0</v>
      </c>
      <c r="AX26" s="179">
        <v>0</v>
      </c>
      <c r="AY26" s="177">
        <v>1042</v>
      </c>
      <c r="AZ26" s="177">
        <v>874</v>
      </c>
      <c r="BA26" s="177">
        <v>456</v>
      </c>
      <c r="BB26" s="177">
        <v>244</v>
      </c>
      <c r="BC26" s="177">
        <v>120</v>
      </c>
      <c r="BD26" s="180">
        <v>2736</v>
      </c>
      <c r="BE26" s="181">
        <v>2736</v>
      </c>
      <c r="BF26" s="176">
        <v>0</v>
      </c>
      <c r="BG26" s="177">
        <v>0</v>
      </c>
      <c r="BH26" s="182">
        <v>0</v>
      </c>
      <c r="BI26" s="179">
        <v>0</v>
      </c>
      <c r="BJ26" s="177">
        <v>356</v>
      </c>
      <c r="BK26" s="177">
        <v>259</v>
      </c>
      <c r="BL26" s="177">
        <v>195</v>
      </c>
      <c r="BM26" s="177">
        <v>110</v>
      </c>
      <c r="BN26" s="177">
        <v>83</v>
      </c>
      <c r="BO26" s="182">
        <v>1003</v>
      </c>
      <c r="BP26" s="181">
        <v>1003</v>
      </c>
      <c r="BQ26" s="176">
        <v>5</v>
      </c>
      <c r="BR26" s="177">
        <v>0</v>
      </c>
      <c r="BS26" s="182">
        <v>5</v>
      </c>
      <c r="BT26" s="179">
        <v>0</v>
      </c>
      <c r="BU26" s="177">
        <v>112</v>
      </c>
      <c r="BV26" s="177">
        <v>209</v>
      </c>
      <c r="BW26" s="177">
        <v>321</v>
      </c>
      <c r="BX26" s="177">
        <v>274</v>
      </c>
      <c r="BY26" s="177">
        <v>95</v>
      </c>
      <c r="BZ26" s="182">
        <v>1011</v>
      </c>
      <c r="CA26" s="181">
        <v>1016</v>
      </c>
      <c r="CB26" s="176">
        <v>0</v>
      </c>
      <c r="CC26" s="177">
        <v>0</v>
      </c>
      <c r="CD26" s="182">
        <v>0</v>
      </c>
      <c r="CE26" s="179">
        <v>0</v>
      </c>
      <c r="CF26" s="177">
        <v>0</v>
      </c>
      <c r="CG26" s="177">
        <v>18</v>
      </c>
      <c r="CH26" s="177">
        <v>4</v>
      </c>
      <c r="CI26" s="177">
        <v>6</v>
      </c>
      <c r="CJ26" s="177">
        <v>0</v>
      </c>
      <c r="CK26" s="182">
        <v>28</v>
      </c>
      <c r="CL26" s="181">
        <v>28</v>
      </c>
      <c r="CM26" s="176">
        <v>0</v>
      </c>
      <c r="CN26" s="177">
        <v>0</v>
      </c>
      <c r="CO26" s="182">
        <v>0</v>
      </c>
      <c r="CP26" s="179">
        <v>0</v>
      </c>
      <c r="CQ26" s="177">
        <v>0</v>
      </c>
      <c r="CR26" s="177">
        <v>0</v>
      </c>
      <c r="CS26" s="177">
        <v>0</v>
      </c>
      <c r="CT26" s="177">
        <v>0</v>
      </c>
      <c r="CU26" s="177">
        <v>0</v>
      </c>
      <c r="CV26" s="182">
        <v>0</v>
      </c>
      <c r="CW26" s="181">
        <v>0</v>
      </c>
      <c r="CX26" s="176">
        <v>0</v>
      </c>
      <c r="CY26" s="177">
        <v>0</v>
      </c>
      <c r="CZ26" s="182">
        <v>0</v>
      </c>
      <c r="DA26" s="179">
        <v>0</v>
      </c>
      <c r="DB26" s="177">
        <v>0</v>
      </c>
      <c r="DC26" s="177">
        <v>0</v>
      </c>
      <c r="DD26" s="177">
        <v>0</v>
      </c>
      <c r="DE26" s="177">
        <v>0</v>
      </c>
      <c r="DF26" s="177">
        <v>0</v>
      </c>
      <c r="DG26" s="182">
        <v>0</v>
      </c>
      <c r="DH26" s="181">
        <v>0</v>
      </c>
    </row>
    <row r="27" spans="2:112" ht="21" customHeight="1" x14ac:dyDescent="0.2">
      <c r="B27" s="92" t="s">
        <v>25</v>
      </c>
      <c r="C27" s="176">
        <v>0</v>
      </c>
      <c r="D27" s="177">
        <v>0</v>
      </c>
      <c r="E27" s="178">
        <v>0</v>
      </c>
      <c r="F27" s="179">
        <v>0</v>
      </c>
      <c r="G27" s="177">
        <v>1329</v>
      </c>
      <c r="H27" s="177">
        <v>1953</v>
      </c>
      <c r="I27" s="177">
        <v>2216</v>
      </c>
      <c r="J27" s="177">
        <v>3245</v>
      </c>
      <c r="K27" s="177">
        <v>2929</v>
      </c>
      <c r="L27" s="180">
        <v>11672</v>
      </c>
      <c r="M27" s="181">
        <v>11672</v>
      </c>
      <c r="N27" s="176">
        <v>0</v>
      </c>
      <c r="O27" s="177">
        <v>0</v>
      </c>
      <c r="P27" s="182">
        <v>0</v>
      </c>
      <c r="Q27" s="179">
        <v>0</v>
      </c>
      <c r="R27" s="177">
        <v>13</v>
      </c>
      <c r="S27" s="177">
        <v>42</v>
      </c>
      <c r="T27" s="177">
        <v>51</v>
      </c>
      <c r="U27" s="177">
        <v>60</v>
      </c>
      <c r="V27" s="177">
        <v>138</v>
      </c>
      <c r="W27" s="182">
        <v>304</v>
      </c>
      <c r="X27" s="181">
        <v>304</v>
      </c>
      <c r="Y27" s="176">
        <v>146</v>
      </c>
      <c r="Z27" s="177">
        <v>389</v>
      </c>
      <c r="AA27" s="182">
        <v>535</v>
      </c>
      <c r="AB27" s="179">
        <v>0</v>
      </c>
      <c r="AC27" s="177">
        <v>547</v>
      </c>
      <c r="AD27" s="177">
        <v>853</v>
      </c>
      <c r="AE27" s="177">
        <v>409</v>
      </c>
      <c r="AF27" s="177">
        <v>470</v>
      </c>
      <c r="AG27" s="177">
        <v>344</v>
      </c>
      <c r="AH27" s="182">
        <v>2623</v>
      </c>
      <c r="AI27" s="181">
        <v>3158</v>
      </c>
      <c r="AJ27" s="176">
        <v>8</v>
      </c>
      <c r="AK27" s="177">
        <v>32</v>
      </c>
      <c r="AL27" s="182">
        <v>40</v>
      </c>
      <c r="AM27" s="179">
        <v>0</v>
      </c>
      <c r="AN27" s="177">
        <v>0</v>
      </c>
      <c r="AO27" s="177">
        <v>181</v>
      </c>
      <c r="AP27" s="177">
        <v>36</v>
      </c>
      <c r="AQ27" s="177">
        <v>27</v>
      </c>
      <c r="AR27" s="177">
        <v>24</v>
      </c>
      <c r="AS27" s="182">
        <v>268</v>
      </c>
      <c r="AT27" s="181">
        <v>308</v>
      </c>
      <c r="AU27" s="176">
        <v>0</v>
      </c>
      <c r="AV27" s="177">
        <v>0</v>
      </c>
      <c r="AW27" s="182">
        <v>0</v>
      </c>
      <c r="AX27" s="179">
        <v>0</v>
      </c>
      <c r="AY27" s="177">
        <v>1382</v>
      </c>
      <c r="AZ27" s="177">
        <v>909</v>
      </c>
      <c r="BA27" s="177">
        <v>652</v>
      </c>
      <c r="BB27" s="177">
        <v>415</v>
      </c>
      <c r="BC27" s="177">
        <v>175</v>
      </c>
      <c r="BD27" s="180">
        <v>3533</v>
      </c>
      <c r="BE27" s="181">
        <v>3533</v>
      </c>
      <c r="BF27" s="176">
        <v>0</v>
      </c>
      <c r="BG27" s="177">
        <v>0</v>
      </c>
      <c r="BH27" s="182">
        <v>0</v>
      </c>
      <c r="BI27" s="179">
        <v>0</v>
      </c>
      <c r="BJ27" s="177">
        <v>218</v>
      </c>
      <c r="BK27" s="177">
        <v>451</v>
      </c>
      <c r="BL27" s="177">
        <v>211</v>
      </c>
      <c r="BM27" s="177">
        <v>88</v>
      </c>
      <c r="BN27" s="177">
        <v>16</v>
      </c>
      <c r="BO27" s="182">
        <v>984</v>
      </c>
      <c r="BP27" s="181">
        <v>984</v>
      </c>
      <c r="BQ27" s="176">
        <v>23</v>
      </c>
      <c r="BR27" s="177">
        <v>12</v>
      </c>
      <c r="BS27" s="182">
        <v>35</v>
      </c>
      <c r="BT27" s="179">
        <v>0</v>
      </c>
      <c r="BU27" s="177">
        <v>197</v>
      </c>
      <c r="BV27" s="177">
        <v>113</v>
      </c>
      <c r="BW27" s="177">
        <v>245</v>
      </c>
      <c r="BX27" s="177">
        <v>177</v>
      </c>
      <c r="BY27" s="177">
        <v>25</v>
      </c>
      <c r="BZ27" s="182">
        <v>757</v>
      </c>
      <c r="CA27" s="181">
        <v>792</v>
      </c>
      <c r="CB27" s="176">
        <v>0</v>
      </c>
      <c r="CC27" s="177">
        <v>0</v>
      </c>
      <c r="CD27" s="182">
        <v>0</v>
      </c>
      <c r="CE27" s="179">
        <v>0</v>
      </c>
      <c r="CF27" s="177">
        <v>6</v>
      </c>
      <c r="CG27" s="177">
        <v>31</v>
      </c>
      <c r="CH27" s="177">
        <v>14</v>
      </c>
      <c r="CI27" s="177">
        <v>21</v>
      </c>
      <c r="CJ27" s="177">
        <v>0</v>
      </c>
      <c r="CK27" s="182">
        <v>72</v>
      </c>
      <c r="CL27" s="181">
        <v>72</v>
      </c>
      <c r="CM27" s="176">
        <v>0</v>
      </c>
      <c r="CN27" s="177">
        <v>0</v>
      </c>
      <c r="CO27" s="182">
        <v>0</v>
      </c>
      <c r="CP27" s="179">
        <v>0</v>
      </c>
      <c r="CQ27" s="177">
        <v>0</v>
      </c>
      <c r="CR27" s="177">
        <v>0</v>
      </c>
      <c r="CS27" s="177">
        <v>0</v>
      </c>
      <c r="CT27" s="177">
        <v>0</v>
      </c>
      <c r="CU27" s="177">
        <v>0</v>
      </c>
      <c r="CV27" s="182">
        <v>0</v>
      </c>
      <c r="CW27" s="181">
        <v>0</v>
      </c>
      <c r="CX27" s="176">
        <v>0</v>
      </c>
      <c r="CY27" s="177">
        <v>0</v>
      </c>
      <c r="CZ27" s="182">
        <v>0</v>
      </c>
      <c r="DA27" s="179">
        <v>0</v>
      </c>
      <c r="DB27" s="177">
        <v>0</v>
      </c>
      <c r="DC27" s="177">
        <v>0</v>
      </c>
      <c r="DD27" s="177">
        <v>0</v>
      </c>
      <c r="DE27" s="177">
        <v>0</v>
      </c>
      <c r="DF27" s="177">
        <v>0</v>
      </c>
      <c r="DG27" s="182">
        <v>0</v>
      </c>
      <c r="DH27" s="181">
        <v>0</v>
      </c>
    </row>
    <row r="28" spans="2:112" ht="21" customHeight="1" x14ac:dyDescent="0.2">
      <c r="B28" s="92" t="s">
        <v>26</v>
      </c>
      <c r="C28" s="176">
        <v>0</v>
      </c>
      <c r="D28" s="177">
        <v>0</v>
      </c>
      <c r="E28" s="178">
        <v>0</v>
      </c>
      <c r="F28" s="179">
        <v>0</v>
      </c>
      <c r="G28" s="177">
        <v>594</v>
      </c>
      <c r="H28" s="177">
        <v>2191</v>
      </c>
      <c r="I28" s="177">
        <v>1643</v>
      </c>
      <c r="J28" s="177">
        <v>1442</v>
      </c>
      <c r="K28" s="177">
        <v>2196</v>
      </c>
      <c r="L28" s="180">
        <v>8066</v>
      </c>
      <c r="M28" s="181">
        <v>8066</v>
      </c>
      <c r="N28" s="176">
        <v>0</v>
      </c>
      <c r="O28" s="177">
        <v>0</v>
      </c>
      <c r="P28" s="182">
        <v>0</v>
      </c>
      <c r="Q28" s="179">
        <v>0</v>
      </c>
      <c r="R28" s="177">
        <v>0</v>
      </c>
      <c r="S28" s="177">
        <v>0</v>
      </c>
      <c r="T28" s="177">
        <v>20</v>
      </c>
      <c r="U28" s="177">
        <v>42</v>
      </c>
      <c r="V28" s="177">
        <v>126</v>
      </c>
      <c r="W28" s="182">
        <v>188</v>
      </c>
      <c r="X28" s="181">
        <v>188</v>
      </c>
      <c r="Y28" s="176">
        <v>97</v>
      </c>
      <c r="Z28" s="177">
        <v>136</v>
      </c>
      <c r="AA28" s="182">
        <v>233</v>
      </c>
      <c r="AB28" s="179">
        <v>0</v>
      </c>
      <c r="AC28" s="177">
        <v>544</v>
      </c>
      <c r="AD28" s="177">
        <v>723</v>
      </c>
      <c r="AE28" s="177">
        <v>423</v>
      </c>
      <c r="AF28" s="177">
        <v>365</v>
      </c>
      <c r="AG28" s="177">
        <v>387</v>
      </c>
      <c r="AH28" s="182">
        <v>2442</v>
      </c>
      <c r="AI28" s="181">
        <v>2675</v>
      </c>
      <c r="AJ28" s="176">
        <v>8</v>
      </c>
      <c r="AK28" s="177">
        <v>28</v>
      </c>
      <c r="AL28" s="182">
        <v>36</v>
      </c>
      <c r="AM28" s="179">
        <v>0</v>
      </c>
      <c r="AN28" s="177">
        <v>46</v>
      </c>
      <c r="AO28" s="177">
        <v>21</v>
      </c>
      <c r="AP28" s="177">
        <v>65</v>
      </c>
      <c r="AQ28" s="177">
        <v>21</v>
      </c>
      <c r="AR28" s="177">
        <v>36</v>
      </c>
      <c r="AS28" s="182">
        <v>189</v>
      </c>
      <c r="AT28" s="181">
        <v>225</v>
      </c>
      <c r="AU28" s="176">
        <v>0</v>
      </c>
      <c r="AV28" s="177">
        <v>0</v>
      </c>
      <c r="AW28" s="182">
        <v>0</v>
      </c>
      <c r="AX28" s="179">
        <v>0</v>
      </c>
      <c r="AY28" s="177">
        <v>837</v>
      </c>
      <c r="AZ28" s="177">
        <v>1079</v>
      </c>
      <c r="BA28" s="177">
        <v>512</v>
      </c>
      <c r="BB28" s="177">
        <v>205</v>
      </c>
      <c r="BC28" s="177">
        <v>247</v>
      </c>
      <c r="BD28" s="180">
        <v>2880</v>
      </c>
      <c r="BE28" s="181">
        <v>2880</v>
      </c>
      <c r="BF28" s="176">
        <v>0</v>
      </c>
      <c r="BG28" s="177">
        <v>0</v>
      </c>
      <c r="BH28" s="182">
        <v>0</v>
      </c>
      <c r="BI28" s="179">
        <v>0</v>
      </c>
      <c r="BJ28" s="177">
        <v>149</v>
      </c>
      <c r="BK28" s="177">
        <v>197</v>
      </c>
      <c r="BL28" s="177">
        <v>118</v>
      </c>
      <c r="BM28" s="177">
        <v>85</v>
      </c>
      <c r="BN28" s="177">
        <v>33</v>
      </c>
      <c r="BO28" s="182">
        <v>582</v>
      </c>
      <c r="BP28" s="181">
        <v>582</v>
      </c>
      <c r="BQ28" s="176">
        <v>0</v>
      </c>
      <c r="BR28" s="177">
        <v>0</v>
      </c>
      <c r="BS28" s="182">
        <v>0</v>
      </c>
      <c r="BT28" s="179">
        <v>0</v>
      </c>
      <c r="BU28" s="177">
        <v>94</v>
      </c>
      <c r="BV28" s="177">
        <v>205</v>
      </c>
      <c r="BW28" s="177">
        <v>239</v>
      </c>
      <c r="BX28" s="177">
        <v>124</v>
      </c>
      <c r="BY28" s="177">
        <v>164</v>
      </c>
      <c r="BZ28" s="182">
        <v>826</v>
      </c>
      <c r="CA28" s="181">
        <v>826</v>
      </c>
      <c r="CB28" s="176">
        <v>0</v>
      </c>
      <c r="CC28" s="177">
        <v>0</v>
      </c>
      <c r="CD28" s="182">
        <v>0</v>
      </c>
      <c r="CE28" s="179">
        <v>0</v>
      </c>
      <c r="CF28" s="177">
        <v>30</v>
      </c>
      <c r="CG28" s="177">
        <v>14</v>
      </c>
      <c r="CH28" s="177">
        <v>16</v>
      </c>
      <c r="CI28" s="177">
        <v>6</v>
      </c>
      <c r="CJ28" s="177">
        <v>22</v>
      </c>
      <c r="CK28" s="182">
        <v>88</v>
      </c>
      <c r="CL28" s="181">
        <v>88</v>
      </c>
      <c r="CM28" s="176">
        <v>0</v>
      </c>
      <c r="CN28" s="177">
        <v>0</v>
      </c>
      <c r="CO28" s="182">
        <v>0</v>
      </c>
      <c r="CP28" s="179">
        <v>0</v>
      </c>
      <c r="CQ28" s="177">
        <v>0</v>
      </c>
      <c r="CR28" s="177">
        <v>0</v>
      </c>
      <c r="CS28" s="177">
        <v>0</v>
      </c>
      <c r="CT28" s="177">
        <v>0</v>
      </c>
      <c r="CU28" s="177">
        <v>0</v>
      </c>
      <c r="CV28" s="182">
        <v>0</v>
      </c>
      <c r="CW28" s="181">
        <v>0</v>
      </c>
      <c r="CX28" s="176">
        <v>0</v>
      </c>
      <c r="CY28" s="177">
        <v>0</v>
      </c>
      <c r="CZ28" s="182">
        <v>0</v>
      </c>
      <c r="DA28" s="179">
        <v>0</v>
      </c>
      <c r="DB28" s="177">
        <v>0</v>
      </c>
      <c r="DC28" s="177">
        <v>0</v>
      </c>
      <c r="DD28" s="177">
        <v>0</v>
      </c>
      <c r="DE28" s="177">
        <v>0</v>
      </c>
      <c r="DF28" s="177">
        <v>0</v>
      </c>
      <c r="DG28" s="182">
        <v>0</v>
      </c>
      <c r="DH28" s="181">
        <v>0</v>
      </c>
    </row>
    <row r="29" spans="2:112" ht="21" customHeight="1" x14ac:dyDescent="0.2">
      <c r="B29" s="92" t="s">
        <v>27</v>
      </c>
      <c r="C29" s="176">
        <v>0</v>
      </c>
      <c r="D29" s="177">
        <v>0</v>
      </c>
      <c r="E29" s="178">
        <v>0</v>
      </c>
      <c r="F29" s="179">
        <v>0</v>
      </c>
      <c r="G29" s="177">
        <v>649</v>
      </c>
      <c r="H29" s="177">
        <v>990</v>
      </c>
      <c r="I29" s="177">
        <v>1088</v>
      </c>
      <c r="J29" s="177">
        <v>1551</v>
      </c>
      <c r="K29" s="177">
        <v>1361</v>
      </c>
      <c r="L29" s="180">
        <v>5639</v>
      </c>
      <c r="M29" s="181">
        <v>5639</v>
      </c>
      <c r="N29" s="176">
        <v>0</v>
      </c>
      <c r="O29" s="177">
        <v>0</v>
      </c>
      <c r="P29" s="182">
        <v>0</v>
      </c>
      <c r="Q29" s="179">
        <v>0</v>
      </c>
      <c r="R29" s="177">
        <v>4</v>
      </c>
      <c r="S29" s="177">
        <v>35</v>
      </c>
      <c r="T29" s="177">
        <v>12</v>
      </c>
      <c r="U29" s="177">
        <v>57</v>
      </c>
      <c r="V29" s="177">
        <v>115</v>
      </c>
      <c r="W29" s="182">
        <v>223</v>
      </c>
      <c r="X29" s="181">
        <v>223</v>
      </c>
      <c r="Y29" s="176">
        <v>158</v>
      </c>
      <c r="Z29" s="177">
        <v>422</v>
      </c>
      <c r="AA29" s="182">
        <v>580</v>
      </c>
      <c r="AB29" s="179">
        <v>0</v>
      </c>
      <c r="AC29" s="177">
        <v>239</v>
      </c>
      <c r="AD29" s="177">
        <v>484</v>
      </c>
      <c r="AE29" s="177">
        <v>291</v>
      </c>
      <c r="AF29" s="177">
        <v>353</v>
      </c>
      <c r="AG29" s="177">
        <v>248</v>
      </c>
      <c r="AH29" s="182">
        <v>1615</v>
      </c>
      <c r="AI29" s="181">
        <v>2195</v>
      </c>
      <c r="AJ29" s="176">
        <v>9</v>
      </c>
      <c r="AK29" s="177">
        <v>35</v>
      </c>
      <c r="AL29" s="182">
        <v>44</v>
      </c>
      <c r="AM29" s="179">
        <v>0</v>
      </c>
      <c r="AN29" s="177">
        <v>6</v>
      </c>
      <c r="AO29" s="177">
        <v>0</v>
      </c>
      <c r="AP29" s="177">
        <v>24</v>
      </c>
      <c r="AQ29" s="177">
        <v>0</v>
      </c>
      <c r="AR29" s="177">
        <v>13</v>
      </c>
      <c r="AS29" s="182">
        <v>43</v>
      </c>
      <c r="AT29" s="181">
        <v>87</v>
      </c>
      <c r="AU29" s="176">
        <v>0</v>
      </c>
      <c r="AV29" s="177">
        <v>0</v>
      </c>
      <c r="AW29" s="182">
        <v>0</v>
      </c>
      <c r="AX29" s="179">
        <v>0</v>
      </c>
      <c r="AY29" s="177">
        <v>1009</v>
      </c>
      <c r="AZ29" s="177">
        <v>563</v>
      </c>
      <c r="BA29" s="177">
        <v>459</v>
      </c>
      <c r="BB29" s="177">
        <v>319</v>
      </c>
      <c r="BC29" s="177">
        <v>141</v>
      </c>
      <c r="BD29" s="180">
        <v>2491</v>
      </c>
      <c r="BE29" s="181">
        <v>2491</v>
      </c>
      <c r="BF29" s="176">
        <v>0</v>
      </c>
      <c r="BG29" s="177">
        <v>0</v>
      </c>
      <c r="BH29" s="182">
        <v>0</v>
      </c>
      <c r="BI29" s="179">
        <v>0</v>
      </c>
      <c r="BJ29" s="177">
        <v>205</v>
      </c>
      <c r="BK29" s="177">
        <v>270</v>
      </c>
      <c r="BL29" s="177">
        <v>137</v>
      </c>
      <c r="BM29" s="177">
        <v>44</v>
      </c>
      <c r="BN29" s="177">
        <v>52</v>
      </c>
      <c r="BO29" s="182">
        <v>708</v>
      </c>
      <c r="BP29" s="181">
        <v>708</v>
      </c>
      <c r="BQ29" s="176">
        <v>7</v>
      </c>
      <c r="BR29" s="177">
        <v>0</v>
      </c>
      <c r="BS29" s="182">
        <v>7</v>
      </c>
      <c r="BT29" s="179">
        <v>0</v>
      </c>
      <c r="BU29" s="177">
        <v>76</v>
      </c>
      <c r="BV29" s="177">
        <v>142</v>
      </c>
      <c r="BW29" s="177">
        <v>173</v>
      </c>
      <c r="BX29" s="177">
        <v>224</v>
      </c>
      <c r="BY29" s="177">
        <v>108</v>
      </c>
      <c r="BZ29" s="182">
        <v>723</v>
      </c>
      <c r="CA29" s="181">
        <v>730</v>
      </c>
      <c r="CB29" s="176">
        <v>2</v>
      </c>
      <c r="CC29" s="177">
        <v>1</v>
      </c>
      <c r="CD29" s="182">
        <v>3</v>
      </c>
      <c r="CE29" s="179">
        <v>0</v>
      </c>
      <c r="CF29" s="177">
        <v>6</v>
      </c>
      <c r="CG29" s="177">
        <v>1</v>
      </c>
      <c r="CH29" s="177">
        <v>34</v>
      </c>
      <c r="CI29" s="177">
        <v>28</v>
      </c>
      <c r="CJ29" s="177">
        <v>18</v>
      </c>
      <c r="CK29" s="182">
        <v>87</v>
      </c>
      <c r="CL29" s="181">
        <v>90</v>
      </c>
      <c r="CM29" s="176">
        <v>0</v>
      </c>
      <c r="CN29" s="177">
        <v>0</v>
      </c>
      <c r="CO29" s="182">
        <v>0</v>
      </c>
      <c r="CP29" s="179">
        <v>0</v>
      </c>
      <c r="CQ29" s="177">
        <v>0</v>
      </c>
      <c r="CR29" s="177">
        <v>0</v>
      </c>
      <c r="CS29" s="177">
        <v>0</v>
      </c>
      <c r="CT29" s="177">
        <v>0</v>
      </c>
      <c r="CU29" s="177">
        <v>0</v>
      </c>
      <c r="CV29" s="182">
        <v>0</v>
      </c>
      <c r="CW29" s="181">
        <v>0</v>
      </c>
      <c r="CX29" s="176">
        <v>0</v>
      </c>
      <c r="CY29" s="177">
        <v>0</v>
      </c>
      <c r="CZ29" s="182">
        <v>0</v>
      </c>
      <c r="DA29" s="179">
        <v>0</v>
      </c>
      <c r="DB29" s="177">
        <v>0</v>
      </c>
      <c r="DC29" s="177">
        <v>0</v>
      </c>
      <c r="DD29" s="177">
        <v>0</v>
      </c>
      <c r="DE29" s="177">
        <v>0</v>
      </c>
      <c r="DF29" s="177">
        <v>0</v>
      </c>
      <c r="DG29" s="182">
        <v>0</v>
      </c>
      <c r="DH29" s="181">
        <v>0</v>
      </c>
    </row>
    <row r="30" spans="2:112" ht="21" customHeight="1" x14ac:dyDescent="0.2">
      <c r="B30" s="92" t="s">
        <v>28</v>
      </c>
      <c r="C30" s="176">
        <v>0</v>
      </c>
      <c r="D30" s="177">
        <v>0</v>
      </c>
      <c r="E30" s="178">
        <v>0</v>
      </c>
      <c r="F30" s="179">
        <v>0</v>
      </c>
      <c r="G30" s="177">
        <v>184</v>
      </c>
      <c r="H30" s="177">
        <v>294</v>
      </c>
      <c r="I30" s="177">
        <v>81</v>
      </c>
      <c r="J30" s="177">
        <v>111</v>
      </c>
      <c r="K30" s="177">
        <v>440</v>
      </c>
      <c r="L30" s="180">
        <v>1110</v>
      </c>
      <c r="M30" s="181">
        <v>1110</v>
      </c>
      <c r="N30" s="176">
        <v>0</v>
      </c>
      <c r="O30" s="177">
        <v>0</v>
      </c>
      <c r="P30" s="182">
        <v>0</v>
      </c>
      <c r="Q30" s="179">
        <v>0</v>
      </c>
      <c r="R30" s="177">
        <v>0</v>
      </c>
      <c r="S30" s="177">
        <v>0</v>
      </c>
      <c r="T30" s="177">
        <v>28</v>
      </c>
      <c r="U30" s="177">
        <v>7</v>
      </c>
      <c r="V30" s="177">
        <v>12</v>
      </c>
      <c r="W30" s="182">
        <v>47</v>
      </c>
      <c r="X30" s="181">
        <v>47</v>
      </c>
      <c r="Y30" s="176">
        <v>13</v>
      </c>
      <c r="Z30" s="177">
        <v>22</v>
      </c>
      <c r="AA30" s="182">
        <v>35</v>
      </c>
      <c r="AB30" s="179">
        <v>0</v>
      </c>
      <c r="AC30" s="177">
        <v>67</v>
      </c>
      <c r="AD30" s="177">
        <v>116</v>
      </c>
      <c r="AE30" s="177">
        <v>50</v>
      </c>
      <c r="AF30" s="177">
        <v>110</v>
      </c>
      <c r="AG30" s="177">
        <v>53</v>
      </c>
      <c r="AH30" s="182">
        <v>396</v>
      </c>
      <c r="AI30" s="181">
        <v>431</v>
      </c>
      <c r="AJ30" s="176">
        <v>0</v>
      </c>
      <c r="AK30" s="177">
        <v>0</v>
      </c>
      <c r="AL30" s="182">
        <v>0</v>
      </c>
      <c r="AM30" s="179">
        <v>0</v>
      </c>
      <c r="AN30" s="177">
        <v>6</v>
      </c>
      <c r="AO30" s="177">
        <v>0</v>
      </c>
      <c r="AP30" s="177">
        <v>24</v>
      </c>
      <c r="AQ30" s="177">
        <v>9</v>
      </c>
      <c r="AR30" s="177">
        <v>11</v>
      </c>
      <c r="AS30" s="182">
        <v>50</v>
      </c>
      <c r="AT30" s="181">
        <v>50</v>
      </c>
      <c r="AU30" s="176">
        <v>0</v>
      </c>
      <c r="AV30" s="177">
        <v>0</v>
      </c>
      <c r="AW30" s="182">
        <v>0</v>
      </c>
      <c r="AX30" s="179">
        <v>0</v>
      </c>
      <c r="AY30" s="177">
        <v>265</v>
      </c>
      <c r="AZ30" s="177">
        <v>400</v>
      </c>
      <c r="BA30" s="177">
        <v>262</v>
      </c>
      <c r="BB30" s="177">
        <v>140</v>
      </c>
      <c r="BC30" s="177">
        <v>67</v>
      </c>
      <c r="BD30" s="180">
        <v>1134</v>
      </c>
      <c r="BE30" s="181">
        <v>1134</v>
      </c>
      <c r="BF30" s="176">
        <v>0</v>
      </c>
      <c r="BG30" s="177">
        <v>0</v>
      </c>
      <c r="BH30" s="182">
        <v>0</v>
      </c>
      <c r="BI30" s="179">
        <v>0</v>
      </c>
      <c r="BJ30" s="177">
        <v>99</v>
      </c>
      <c r="BK30" s="177">
        <v>96</v>
      </c>
      <c r="BL30" s="177">
        <v>50</v>
      </c>
      <c r="BM30" s="177">
        <v>78</v>
      </c>
      <c r="BN30" s="177">
        <v>24</v>
      </c>
      <c r="BO30" s="182">
        <v>347</v>
      </c>
      <c r="BP30" s="181">
        <v>347</v>
      </c>
      <c r="BQ30" s="176">
        <v>0</v>
      </c>
      <c r="BR30" s="177">
        <v>0</v>
      </c>
      <c r="BS30" s="182">
        <v>0</v>
      </c>
      <c r="BT30" s="179">
        <v>0</v>
      </c>
      <c r="BU30" s="177">
        <v>14</v>
      </c>
      <c r="BV30" s="177">
        <v>26</v>
      </c>
      <c r="BW30" s="177">
        <v>45</v>
      </c>
      <c r="BX30" s="177">
        <v>52</v>
      </c>
      <c r="BY30" s="177">
        <v>38</v>
      </c>
      <c r="BZ30" s="182">
        <v>175</v>
      </c>
      <c r="CA30" s="181">
        <v>175</v>
      </c>
      <c r="CB30" s="176">
        <v>0</v>
      </c>
      <c r="CC30" s="177">
        <v>0</v>
      </c>
      <c r="CD30" s="182">
        <v>0</v>
      </c>
      <c r="CE30" s="179">
        <v>0</v>
      </c>
      <c r="CF30" s="177">
        <v>8</v>
      </c>
      <c r="CG30" s="177">
        <v>9</v>
      </c>
      <c r="CH30" s="177">
        <v>33</v>
      </c>
      <c r="CI30" s="177">
        <v>10</v>
      </c>
      <c r="CJ30" s="177">
        <v>3</v>
      </c>
      <c r="CK30" s="182">
        <v>63</v>
      </c>
      <c r="CL30" s="181">
        <v>63</v>
      </c>
      <c r="CM30" s="176">
        <v>0</v>
      </c>
      <c r="CN30" s="177">
        <v>0</v>
      </c>
      <c r="CO30" s="182">
        <v>0</v>
      </c>
      <c r="CP30" s="179">
        <v>0</v>
      </c>
      <c r="CQ30" s="177">
        <v>0</v>
      </c>
      <c r="CR30" s="177">
        <v>0</v>
      </c>
      <c r="CS30" s="177">
        <v>0</v>
      </c>
      <c r="CT30" s="177">
        <v>0</v>
      </c>
      <c r="CU30" s="177">
        <v>0</v>
      </c>
      <c r="CV30" s="182">
        <v>0</v>
      </c>
      <c r="CW30" s="181">
        <v>0</v>
      </c>
      <c r="CX30" s="176">
        <v>0</v>
      </c>
      <c r="CY30" s="177">
        <v>0</v>
      </c>
      <c r="CZ30" s="182">
        <v>0</v>
      </c>
      <c r="DA30" s="179">
        <v>0</v>
      </c>
      <c r="DB30" s="177">
        <v>0</v>
      </c>
      <c r="DC30" s="177">
        <v>0</v>
      </c>
      <c r="DD30" s="177">
        <v>0</v>
      </c>
      <c r="DE30" s="177">
        <v>0</v>
      </c>
      <c r="DF30" s="177">
        <v>0</v>
      </c>
      <c r="DG30" s="182">
        <v>0</v>
      </c>
      <c r="DH30" s="181">
        <v>0</v>
      </c>
    </row>
    <row r="31" spans="2:112" ht="21" customHeight="1" x14ac:dyDescent="0.2">
      <c r="B31" s="92" t="s">
        <v>29</v>
      </c>
      <c r="C31" s="176">
        <v>0</v>
      </c>
      <c r="D31" s="177">
        <v>0</v>
      </c>
      <c r="E31" s="178">
        <v>0</v>
      </c>
      <c r="F31" s="179">
        <v>0</v>
      </c>
      <c r="G31" s="177">
        <v>210</v>
      </c>
      <c r="H31" s="177">
        <v>614</v>
      </c>
      <c r="I31" s="177">
        <v>538</v>
      </c>
      <c r="J31" s="177">
        <v>923</v>
      </c>
      <c r="K31" s="177">
        <v>872</v>
      </c>
      <c r="L31" s="180">
        <v>3157</v>
      </c>
      <c r="M31" s="181">
        <v>3157</v>
      </c>
      <c r="N31" s="176">
        <v>0</v>
      </c>
      <c r="O31" s="177">
        <v>0</v>
      </c>
      <c r="P31" s="182">
        <v>0</v>
      </c>
      <c r="Q31" s="179">
        <v>0</v>
      </c>
      <c r="R31" s="177">
        <v>0</v>
      </c>
      <c r="S31" s="177">
        <v>7</v>
      </c>
      <c r="T31" s="177">
        <v>5</v>
      </c>
      <c r="U31" s="177">
        <v>13</v>
      </c>
      <c r="V31" s="177">
        <v>53</v>
      </c>
      <c r="W31" s="182">
        <v>78</v>
      </c>
      <c r="X31" s="181">
        <v>78</v>
      </c>
      <c r="Y31" s="176">
        <v>11</v>
      </c>
      <c r="Z31" s="177">
        <v>40</v>
      </c>
      <c r="AA31" s="182">
        <v>51</v>
      </c>
      <c r="AB31" s="179">
        <v>0</v>
      </c>
      <c r="AC31" s="177">
        <v>181</v>
      </c>
      <c r="AD31" s="177">
        <v>291</v>
      </c>
      <c r="AE31" s="177">
        <v>146</v>
      </c>
      <c r="AF31" s="177">
        <v>105</v>
      </c>
      <c r="AG31" s="177">
        <v>154</v>
      </c>
      <c r="AH31" s="182">
        <v>877</v>
      </c>
      <c r="AI31" s="181">
        <v>928</v>
      </c>
      <c r="AJ31" s="176">
        <v>0</v>
      </c>
      <c r="AK31" s="177">
        <v>9</v>
      </c>
      <c r="AL31" s="182">
        <v>9</v>
      </c>
      <c r="AM31" s="179">
        <v>0</v>
      </c>
      <c r="AN31" s="177">
        <v>38</v>
      </c>
      <c r="AO31" s="177">
        <v>61</v>
      </c>
      <c r="AP31" s="177">
        <v>15</v>
      </c>
      <c r="AQ31" s="177">
        <v>34</v>
      </c>
      <c r="AR31" s="177">
        <v>3</v>
      </c>
      <c r="AS31" s="182">
        <v>151</v>
      </c>
      <c r="AT31" s="181">
        <v>160</v>
      </c>
      <c r="AU31" s="176">
        <v>0</v>
      </c>
      <c r="AV31" s="177">
        <v>0</v>
      </c>
      <c r="AW31" s="182">
        <v>0</v>
      </c>
      <c r="AX31" s="179">
        <v>0</v>
      </c>
      <c r="AY31" s="177">
        <v>326</v>
      </c>
      <c r="AZ31" s="177">
        <v>446</v>
      </c>
      <c r="BA31" s="177">
        <v>294</v>
      </c>
      <c r="BB31" s="177">
        <v>160</v>
      </c>
      <c r="BC31" s="177">
        <v>67</v>
      </c>
      <c r="BD31" s="180">
        <v>1293</v>
      </c>
      <c r="BE31" s="181">
        <v>1293</v>
      </c>
      <c r="BF31" s="176">
        <v>0</v>
      </c>
      <c r="BG31" s="177">
        <v>0</v>
      </c>
      <c r="BH31" s="182">
        <v>0</v>
      </c>
      <c r="BI31" s="179">
        <v>0</v>
      </c>
      <c r="BJ31" s="177">
        <v>95</v>
      </c>
      <c r="BK31" s="177">
        <v>106</v>
      </c>
      <c r="BL31" s="177">
        <v>102</v>
      </c>
      <c r="BM31" s="177">
        <v>37</v>
      </c>
      <c r="BN31" s="177">
        <v>11</v>
      </c>
      <c r="BO31" s="182">
        <v>351</v>
      </c>
      <c r="BP31" s="181">
        <v>351</v>
      </c>
      <c r="BQ31" s="176">
        <v>0</v>
      </c>
      <c r="BR31" s="177">
        <v>0</v>
      </c>
      <c r="BS31" s="182">
        <v>0</v>
      </c>
      <c r="BT31" s="179">
        <v>0</v>
      </c>
      <c r="BU31" s="177">
        <v>8</v>
      </c>
      <c r="BV31" s="177">
        <v>51</v>
      </c>
      <c r="BW31" s="177">
        <v>78</v>
      </c>
      <c r="BX31" s="177">
        <v>44</v>
      </c>
      <c r="BY31" s="177">
        <v>122</v>
      </c>
      <c r="BZ31" s="182">
        <v>303</v>
      </c>
      <c r="CA31" s="181">
        <v>303</v>
      </c>
      <c r="CB31" s="176">
        <v>0</v>
      </c>
      <c r="CC31" s="177">
        <v>0</v>
      </c>
      <c r="CD31" s="182">
        <v>0</v>
      </c>
      <c r="CE31" s="179">
        <v>0</v>
      </c>
      <c r="CF31" s="177">
        <v>13</v>
      </c>
      <c r="CG31" s="177">
        <v>6</v>
      </c>
      <c r="CH31" s="177">
        <v>0</v>
      </c>
      <c r="CI31" s="177">
        <v>62</v>
      </c>
      <c r="CJ31" s="177">
        <v>0</v>
      </c>
      <c r="CK31" s="182">
        <v>81</v>
      </c>
      <c r="CL31" s="181">
        <v>81</v>
      </c>
      <c r="CM31" s="176">
        <v>0</v>
      </c>
      <c r="CN31" s="177">
        <v>0</v>
      </c>
      <c r="CO31" s="182">
        <v>0</v>
      </c>
      <c r="CP31" s="179">
        <v>0</v>
      </c>
      <c r="CQ31" s="177">
        <v>0</v>
      </c>
      <c r="CR31" s="177">
        <v>0</v>
      </c>
      <c r="CS31" s="177">
        <v>0</v>
      </c>
      <c r="CT31" s="177">
        <v>0</v>
      </c>
      <c r="CU31" s="177">
        <v>0</v>
      </c>
      <c r="CV31" s="182">
        <v>0</v>
      </c>
      <c r="CW31" s="181">
        <v>0</v>
      </c>
      <c r="CX31" s="176">
        <v>0</v>
      </c>
      <c r="CY31" s="177">
        <v>0</v>
      </c>
      <c r="CZ31" s="182">
        <v>0</v>
      </c>
      <c r="DA31" s="179">
        <v>0</v>
      </c>
      <c r="DB31" s="177">
        <v>0</v>
      </c>
      <c r="DC31" s="177">
        <v>0</v>
      </c>
      <c r="DD31" s="177">
        <v>0</v>
      </c>
      <c r="DE31" s="177">
        <v>0</v>
      </c>
      <c r="DF31" s="177">
        <v>0</v>
      </c>
      <c r="DG31" s="182">
        <v>0</v>
      </c>
      <c r="DH31" s="181">
        <v>0</v>
      </c>
    </row>
    <row r="32" spans="2:112" ht="21" customHeight="1" x14ac:dyDescent="0.2">
      <c r="B32" s="92" t="s">
        <v>30</v>
      </c>
      <c r="C32" s="176">
        <v>0</v>
      </c>
      <c r="D32" s="177">
        <v>0</v>
      </c>
      <c r="E32" s="178">
        <v>0</v>
      </c>
      <c r="F32" s="179">
        <v>0</v>
      </c>
      <c r="G32" s="177">
        <v>503</v>
      </c>
      <c r="H32" s="177">
        <v>367</v>
      </c>
      <c r="I32" s="177">
        <v>631</v>
      </c>
      <c r="J32" s="177">
        <v>721</v>
      </c>
      <c r="K32" s="177">
        <v>390</v>
      </c>
      <c r="L32" s="180">
        <v>2612</v>
      </c>
      <c r="M32" s="181">
        <v>2612</v>
      </c>
      <c r="N32" s="176">
        <v>0</v>
      </c>
      <c r="O32" s="177">
        <v>0</v>
      </c>
      <c r="P32" s="182">
        <v>0</v>
      </c>
      <c r="Q32" s="179">
        <v>0</v>
      </c>
      <c r="R32" s="177">
        <v>4</v>
      </c>
      <c r="S32" s="177">
        <v>15</v>
      </c>
      <c r="T32" s="177">
        <v>48</v>
      </c>
      <c r="U32" s="177">
        <v>39</v>
      </c>
      <c r="V32" s="177">
        <v>10</v>
      </c>
      <c r="W32" s="182">
        <v>116</v>
      </c>
      <c r="X32" s="181">
        <v>116</v>
      </c>
      <c r="Y32" s="176">
        <v>18</v>
      </c>
      <c r="Z32" s="177">
        <v>52</v>
      </c>
      <c r="AA32" s="182">
        <v>70</v>
      </c>
      <c r="AB32" s="179">
        <v>0</v>
      </c>
      <c r="AC32" s="177">
        <v>236</v>
      </c>
      <c r="AD32" s="177">
        <v>173</v>
      </c>
      <c r="AE32" s="177">
        <v>183</v>
      </c>
      <c r="AF32" s="177">
        <v>102</v>
      </c>
      <c r="AG32" s="177">
        <v>23</v>
      </c>
      <c r="AH32" s="182">
        <v>717</v>
      </c>
      <c r="AI32" s="181">
        <v>787</v>
      </c>
      <c r="AJ32" s="176">
        <v>6</v>
      </c>
      <c r="AK32" s="177">
        <v>0</v>
      </c>
      <c r="AL32" s="182">
        <v>6</v>
      </c>
      <c r="AM32" s="179">
        <v>0</v>
      </c>
      <c r="AN32" s="177">
        <v>48</v>
      </c>
      <c r="AO32" s="177">
        <v>34</v>
      </c>
      <c r="AP32" s="177">
        <v>36</v>
      </c>
      <c r="AQ32" s="177">
        <v>0</v>
      </c>
      <c r="AR32" s="177">
        <v>0</v>
      </c>
      <c r="AS32" s="182">
        <v>118</v>
      </c>
      <c r="AT32" s="181">
        <v>124</v>
      </c>
      <c r="AU32" s="176">
        <v>0</v>
      </c>
      <c r="AV32" s="177">
        <v>0</v>
      </c>
      <c r="AW32" s="182">
        <v>0</v>
      </c>
      <c r="AX32" s="179">
        <v>0</v>
      </c>
      <c r="AY32" s="177">
        <v>351</v>
      </c>
      <c r="AZ32" s="177">
        <v>260</v>
      </c>
      <c r="BA32" s="177">
        <v>150</v>
      </c>
      <c r="BB32" s="177">
        <v>115</v>
      </c>
      <c r="BC32" s="177">
        <v>10</v>
      </c>
      <c r="BD32" s="180">
        <v>886</v>
      </c>
      <c r="BE32" s="181">
        <v>886</v>
      </c>
      <c r="BF32" s="176">
        <v>0</v>
      </c>
      <c r="BG32" s="177">
        <v>0</v>
      </c>
      <c r="BH32" s="182">
        <v>0</v>
      </c>
      <c r="BI32" s="179">
        <v>0</v>
      </c>
      <c r="BJ32" s="177">
        <v>66</v>
      </c>
      <c r="BK32" s="177">
        <v>77</v>
      </c>
      <c r="BL32" s="177">
        <v>34</v>
      </c>
      <c r="BM32" s="177">
        <v>29</v>
      </c>
      <c r="BN32" s="177">
        <v>9</v>
      </c>
      <c r="BO32" s="182">
        <v>215</v>
      </c>
      <c r="BP32" s="181">
        <v>215</v>
      </c>
      <c r="BQ32" s="176">
        <v>0</v>
      </c>
      <c r="BR32" s="177">
        <v>21</v>
      </c>
      <c r="BS32" s="182">
        <v>21</v>
      </c>
      <c r="BT32" s="179">
        <v>0</v>
      </c>
      <c r="BU32" s="177">
        <v>19</v>
      </c>
      <c r="BV32" s="177">
        <v>13</v>
      </c>
      <c r="BW32" s="177">
        <v>133</v>
      </c>
      <c r="BX32" s="177">
        <v>82</v>
      </c>
      <c r="BY32" s="177">
        <v>39</v>
      </c>
      <c r="BZ32" s="182">
        <v>286</v>
      </c>
      <c r="CA32" s="181">
        <v>307</v>
      </c>
      <c r="CB32" s="176">
        <v>0</v>
      </c>
      <c r="CC32" s="177">
        <v>0</v>
      </c>
      <c r="CD32" s="182">
        <v>0</v>
      </c>
      <c r="CE32" s="179">
        <v>0</v>
      </c>
      <c r="CF32" s="177">
        <v>0</v>
      </c>
      <c r="CG32" s="177">
        <v>3</v>
      </c>
      <c r="CH32" s="177">
        <v>0</v>
      </c>
      <c r="CI32" s="177">
        <v>28</v>
      </c>
      <c r="CJ32" s="177">
        <v>6</v>
      </c>
      <c r="CK32" s="182">
        <v>37</v>
      </c>
      <c r="CL32" s="181">
        <v>37</v>
      </c>
      <c r="CM32" s="176">
        <v>0</v>
      </c>
      <c r="CN32" s="177">
        <v>0</v>
      </c>
      <c r="CO32" s="182">
        <v>0</v>
      </c>
      <c r="CP32" s="179">
        <v>0</v>
      </c>
      <c r="CQ32" s="177">
        <v>0</v>
      </c>
      <c r="CR32" s="177">
        <v>0</v>
      </c>
      <c r="CS32" s="177">
        <v>0</v>
      </c>
      <c r="CT32" s="177">
        <v>0</v>
      </c>
      <c r="CU32" s="177">
        <v>0</v>
      </c>
      <c r="CV32" s="182">
        <v>0</v>
      </c>
      <c r="CW32" s="181">
        <v>0</v>
      </c>
      <c r="CX32" s="176">
        <v>0</v>
      </c>
      <c r="CY32" s="177">
        <v>0</v>
      </c>
      <c r="CZ32" s="182">
        <v>0</v>
      </c>
      <c r="DA32" s="179">
        <v>0</v>
      </c>
      <c r="DB32" s="177">
        <v>0</v>
      </c>
      <c r="DC32" s="177">
        <v>0</v>
      </c>
      <c r="DD32" s="177">
        <v>0</v>
      </c>
      <c r="DE32" s="177">
        <v>0</v>
      </c>
      <c r="DF32" s="177">
        <v>0</v>
      </c>
      <c r="DG32" s="182">
        <v>0</v>
      </c>
      <c r="DH32" s="181">
        <v>0</v>
      </c>
    </row>
    <row r="33" spans="2:112" ht="21" customHeight="1" x14ac:dyDescent="0.2">
      <c r="B33" s="92" t="s">
        <v>31</v>
      </c>
      <c r="C33" s="176">
        <v>0</v>
      </c>
      <c r="D33" s="177">
        <v>0</v>
      </c>
      <c r="E33" s="178">
        <v>0</v>
      </c>
      <c r="F33" s="179">
        <v>0</v>
      </c>
      <c r="G33" s="177">
        <v>116</v>
      </c>
      <c r="H33" s="177">
        <v>248</v>
      </c>
      <c r="I33" s="177">
        <v>219</v>
      </c>
      <c r="J33" s="177">
        <v>606</v>
      </c>
      <c r="K33" s="177">
        <v>176</v>
      </c>
      <c r="L33" s="180">
        <v>1365</v>
      </c>
      <c r="M33" s="181">
        <v>1365</v>
      </c>
      <c r="N33" s="176">
        <v>0</v>
      </c>
      <c r="O33" s="177">
        <v>0</v>
      </c>
      <c r="P33" s="182">
        <v>0</v>
      </c>
      <c r="Q33" s="179">
        <v>0</v>
      </c>
      <c r="R33" s="177">
        <v>27</v>
      </c>
      <c r="S33" s="177">
        <v>25</v>
      </c>
      <c r="T33" s="177">
        <v>12</v>
      </c>
      <c r="U33" s="177">
        <v>37</v>
      </c>
      <c r="V33" s="177">
        <v>62</v>
      </c>
      <c r="W33" s="182">
        <v>163</v>
      </c>
      <c r="X33" s="181">
        <v>163</v>
      </c>
      <c r="Y33" s="176">
        <v>14</v>
      </c>
      <c r="Z33" s="177">
        <v>19</v>
      </c>
      <c r="AA33" s="182">
        <v>33</v>
      </c>
      <c r="AB33" s="179">
        <v>0</v>
      </c>
      <c r="AC33" s="177">
        <v>119</v>
      </c>
      <c r="AD33" s="177">
        <v>204</v>
      </c>
      <c r="AE33" s="177">
        <v>209</v>
      </c>
      <c r="AF33" s="177">
        <v>122</v>
      </c>
      <c r="AG33" s="177">
        <v>98</v>
      </c>
      <c r="AH33" s="182">
        <v>752</v>
      </c>
      <c r="AI33" s="181">
        <v>785</v>
      </c>
      <c r="AJ33" s="176">
        <v>0</v>
      </c>
      <c r="AK33" s="177">
        <v>21</v>
      </c>
      <c r="AL33" s="182">
        <v>21</v>
      </c>
      <c r="AM33" s="179">
        <v>0</v>
      </c>
      <c r="AN33" s="177">
        <v>36</v>
      </c>
      <c r="AO33" s="177">
        <v>12</v>
      </c>
      <c r="AP33" s="177">
        <v>21</v>
      </c>
      <c r="AQ33" s="177">
        <v>42</v>
      </c>
      <c r="AR33" s="177">
        <v>0</v>
      </c>
      <c r="AS33" s="182">
        <v>111</v>
      </c>
      <c r="AT33" s="181">
        <v>132</v>
      </c>
      <c r="AU33" s="176">
        <v>0</v>
      </c>
      <c r="AV33" s="177">
        <v>0</v>
      </c>
      <c r="AW33" s="182">
        <v>0</v>
      </c>
      <c r="AX33" s="179">
        <v>0</v>
      </c>
      <c r="AY33" s="177">
        <v>382</v>
      </c>
      <c r="AZ33" s="177">
        <v>421</v>
      </c>
      <c r="BA33" s="177">
        <v>199</v>
      </c>
      <c r="BB33" s="177">
        <v>76</v>
      </c>
      <c r="BC33" s="177">
        <v>63</v>
      </c>
      <c r="BD33" s="180">
        <v>1141</v>
      </c>
      <c r="BE33" s="181">
        <v>1141</v>
      </c>
      <c r="BF33" s="176">
        <v>0</v>
      </c>
      <c r="BG33" s="177">
        <v>0</v>
      </c>
      <c r="BH33" s="182">
        <v>0</v>
      </c>
      <c r="BI33" s="179">
        <v>0</v>
      </c>
      <c r="BJ33" s="177">
        <v>65</v>
      </c>
      <c r="BK33" s="177">
        <v>48</v>
      </c>
      <c r="BL33" s="177">
        <v>75</v>
      </c>
      <c r="BM33" s="177">
        <v>31</v>
      </c>
      <c r="BN33" s="177">
        <v>9</v>
      </c>
      <c r="BO33" s="182">
        <v>228</v>
      </c>
      <c r="BP33" s="181">
        <v>228</v>
      </c>
      <c r="BQ33" s="176">
        <v>0</v>
      </c>
      <c r="BR33" s="177">
        <v>8</v>
      </c>
      <c r="BS33" s="182">
        <v>8</v>
      </c>
      <c r="BT33" s="179">
        <v>0</v>
      </c>
      <c r="BU33" s="177">
        <v>43</v>
      </c>
      <c r="BV33" s="177">
        <v>96</v>
      </c>
      <c r="BW33" s="177">
        <v>156</v>
      </c>
      <c r="BX33" s="177">
        <v>141</v>
      </c>
      <c r="BY33" s="177">
        <v>0</v>
      </c>
      <c r="BZ33" s="182">
        <v>436</v>
      </c>
      <c r="CA33" s="181">
        <v>444</v>
      </c>
      <c r="CB33" s="176">
        <v>0</v>
      </c>
      <c r="CC33" s="177">
        <v>0</v>
      </c>
      <c r="CD33" s="182">
        <v>0</v>
      </c>
      <c r="CE33" s="179">
        <v>0</v>
      </c>
      <c r="CF33" s="177">
        <v>15</v>
      </c>
      <c r="CG33" s="177">
        <v>2</v>
      </c>
      <c r="CH33" s="177">
        <v>35</v>
      </c>
      <c r="CI33" s="177">
        <v>5</v>
      </c>
      <c r="CJ33" s="177">
        <v>7</v>
      </c>
      <c r="CK33" s="182">
        <v>64</v>
      </c>
      <c r="CL33" s="181">
        <v>64</v>
      </c>
      <c r="CM33" s="176">
        <v>0</v>
      </c>
      <c r="CN33" s="177">
        <v>0</v>
      </c>
      <c r="CO33" s="182">
        <v>0</v>
      </c>
      <c r="CP33" s="179">
        <v>0</v>
      </c>
      <c r="CQ33" s="177">
        <v>0</v>
      </c>
      <c r="CR33" s="177">
        <v>0</v>
      </c>
      <c r="CS33" s="177">
        <v>0</v>
      </c>
      <c r="CT33" s="177">
        <v>0</v>
      </c>
      <c r="CU33" s="177">
        <v>0</v>
      </c>
      <c r="CV33" s="182">
        <v>0</v>
      </c>
      <c r="CW33" s="181">
        <v>0</v>
      </c>
      <c r="CX33" s="176">
        <v>0</v>
      </c>
      <c r="CY33" s="177">
        <v>0</v>
      </c>
      <c r="CZ33" s="182">
        <v>0</v>
      </c>
      <c r="DA33" s="179">
        <v>0</v>
      </c>
      <c r="DB33" s="177">
        <v>0</v>
      </c>
      <c r="DC33" s="177">
        <v>0</v>
      </c>
      <c r="DD33" s="177">
        <v>0</v>
      </c>
      <c r="DE33" s="177">
        <v>0</v>
      </c>
      <c r="DF33" s="177">
        <v>0</v>
      </c>
      <c r="DG33" s="182">
        <v>0</v>
      </c>
      <c r="DH33" s="181">
        <v>0</v>
      </c>
    </row>
    <row r="34" spans="2:112" ht="21" customHeight="1" x14ac:dyDescent="0.2">
      <c r="B34" s="92" t="s">
        <v>32</v>
      </c>
      <c r="C34" s="176">
        <v>0</v>
      </c>
      <c r="D34" s="177">
        <v>0</v>
      </c>
      <c r="E34" s="178">
        <v>0</v>
      </c>
      <c r="F34" s="179">
        <v>0</v>
      </c>
      <c r="G34" s="177">
        <v>507</v>
      </c>
      <c r="H34" s="177">
        <v>484</v>
      </c>
      <c r="I34" s="177">
        <v>429</v>
      </c>
      <c r="J34" s="177">
        <v>370</v>
      </c>
      <c r="K34" s="177">
        <v>656</v>
      </c>
      <c r="L34" s="180">
        <v>2446</v>
      </c>
      <c r="M34" s="181">
        <v>2446</v>
      </c>
      <c r="N34" s="176">
        <v>0</v>
      </c>
      <c r="O34" s="177">
        <v>0</v>
      </c>
      <c r="P34" s="182">
        <v>0</v>
      </c>
      <c r="Q34" s="179">
        <v>0</v>
      </c>
      <c r="R34" s="177">
        <v>1</v>
      </c>
      <c r="S34" s="177">
        <v>0</v>
      </c>
      <c r="T34" s="177">
        <v>7</v>
      </c>
      <c r="U34" s="177">
        <v>41</v>
      </c>
      <c r="V34" s="177">
        <v>55</v>
      </c>
      <c r="W34" s="182">
        <v>104</v>
      </c>
      <c r="X34" s="181">
        <v>104</v>
      </c>
      <c r="Y34" s="176">
        <v>49</v>
      </c>
      <c r="Z34" s="177">
        <v>44</v>
      </c>
      <c r="AA34" s="182">
        <v>93</v>
      </c>
      <c r="AB34" s="179">
        <v>0</v>
      </c>
      <c r="AC34" s="177">
        <v>219</v>
      </c>
      <c r="AD34" s="177">
        <v>218</v>
      </c>
      <c r="AE34" s="177">
        <v>120</v>
      </c>
      <c r="AF34" s="177">
        <v>113</v>
      </c>
      <c r="AG34" s="177">
        <v>103</v>
      </c>
      <c r="AH34" s="182">
        <v>773</v>
      </c>
      <c r="AI34" s="181">
        <v>866</v>
      </c>
      <c r="AJ34" s="176">
        <v>0</v>
      </c>
      <c r="AK34" s="177">
        <v>9</v>
      </c>
      <c r="AL34" s="182">
        <v>9</v>
      </c>
      <c r="AM34" s="179">
        <v>0</v>
      </c>
      <c r="AN34" s="177">
        <v>63</v>
      </c>
      <c r="AO34" s="177">
        <v>0</v>
      </c>
      <c r="AP34" s="177">
        <v>0</v>
      </c>
      <c r="AQ34" s="177">
        <v>48</v>
      </c>
      <c r="AR34" s="177">
        <v>18</v>
      </c>
      <c r="AS34" s="182">
        <v>129</v>
      </c>
      <c r="AT34" s="181">
        <v>138</v>
      </c>
      <c r="AU34" s="176">
        <v>0</v>
      </c>
      <c r="AV34" s="177">
        <v>0</v>
      </c>
      <c r="AW34" s="182">
        <v>0</v>
      </c>
      <c r="AX34" s="179">
        <v>0</v>
      </c>
      <c r="AY34" s="177">
        <v>479</v>
      </c>
      <c r="AZ34" s="177">
        <v>546</v>
      </c>
      <c r="BA34" s="177">
        <v>316</v>
      </c>
      <c r="BB34" s="177">
        <v>179</v>
      </c>
      <c r="BC34" s="177">
        <v>78</v>
      </c>
      <c r="BD34" s="180">
        <v>1598</v>
      </c>
      <c r="BE34" s="181">
        <v>1598</v>
      </c>
      <c r="BF34" s="176">
        <v>0</v>
      </c>
      <c r="BG34" s="177">
        <v>0</v>
      </c>
      <c r="BH34" s="182">
        <v>0</v>
      </c>
      <c r="BI34" s="179">
        <v>0</v>
      </c>
      <c r="BJ34" s="177">
        <v>70</v>
      </c>
      <c r="BK34" s="177">
        <v>94</v>
      </c>
      <c r="BL34" s="177">
        <v>25</v>
      </c>
      <c r="BM34" s="177">
        <v>28</v>
      </c>
      <c r="BN34" s="177">
        <v>10</v>
      </c>
      <c r="BO34" s="182">
        <v>227</v>
      </c>
      <c r="BP34" s="181">
        <v>227</v>
      </c>
      <c r="BQ34" s="176">
        <v>0</v>
      </c>
      <c r="BR34" s="177">
        <v>11</v>
      </c>
      <c r="BS34" s="182">
        <v>11</v>
      </c>
      <c r="BT34" s="179">
        <v>0</v>
      </c>
      <c r="BU34" s="177">
        <v>28</v>
      </c>
      <c r="BV34" s="177">
        <v>101</v>
      </c>
      <c r="BW34" s="177">
        <v>78</v>
      </c>
      <c r="BX34" s="177">
        <v>35</v>
      </c>
      <c r="BY34" s="177">
        <v>56</v>
      </c>
      <c r="BZ34" s="182">
        <v>298</v>
      </c>
      <c r="CA34" s="181">
        <v>309</v>
      </c>
      <c r="CB34" s="176">
        <v>0</v>
      </c>
      <c r="CC34" s="177">
        <v>2</v>
      </c>
      <c r="CD34" s="182">
        <v>2</v>
      </c>
      <c r="CE34" s="179">
        <v>0</v>
      </c>
      <c r="CF34" s="177">
        <v>0</v>
      </c>
      <c r="CG34" s="177">
        <v>6</v>
      </c>
      <c r="CH34" s="177">
        <v>0</v>
      </c>
      <c r="CI34" s="177">
        <v>0</v>
      </c>
      <c r="CJ34" s="177">
        <v>9</v>
      </c>
      <c r="CK34" s="182">
        <v>15</v>
      </c>
      <c r="CL34" s="181">
        <v>17</v>
      </c>
      <c r="CM34" s="176">
        <v>0</v>
      </c>
      <c r="CN34" s="177">
        <v>0</v>
      </c>
      <c r="CO34" s="182">
        <v>0</v>
      </c>
      <c r="CP34" s="179">
        <v>0</v>
      </c>
      <c r="CQ34" s="177">
        <v>0</v>
      </c>
      <c r="CR34" s="177">
        <v>0</v>
      </c>
      <c r="CS34" s="177">
        <v>0</v>
      </c>
      <c r="CT34" s="177">
        <v>0</v>
      </c>
      <c r="CU34" s="177">
        <v>0</v>
      </c>
      <c r="CV34" s="182">
        <v>0</v>
      </c>
      <c r="CW34" s="181">
        <v>0</v>
      </c>
      <c r="CX34" s="176">
        <v>0</v>
      </c>
      <c r="CY34" s="177">
        <v>0</v>
      </c>
      <c r="CZ34" s="182">
        <v>0</v>
      </c>
      <c r="DA34" s="179">
        <v>0</v>
      </c>
      <c r="DB34" s="177">
        <v>0</v>
      </c>
      <c r="DC34" s="177">
        <v>0</v>
      </c>
      <c r="DD34" s="177">
        <v>0</v>
      </c>
      <c r="DE34" s="177">
        <v>0</v>
      </c>
      <c r="DF34" s="177">
        <v>0</v>
      </c>
      <c r="DG34" s="182">
        <v>0</v>
      </c>
      <c r="DH34" s="181">
        <v>0</v>
      </c>
    </row>
    <row r="35" spans="2:112" ht="21" customHeight="1" x14ac:dyDescent="0.2">
      <c r="B35" s="92" t="s">
        <v>33</v>
      </c>
      <c r="C35" s="176">
        <v>0</v>
      </c>
      <c r="D35" s="177">
        <v>0</v>
      </c>
      <c r="E35" s="178">
        <v>0</v>
      </c>
      <c r="F35" s="179">
        <v>0</v>
      </c>
      <c r="G35" s="177">
        <v>409</v>
      </c>
      <c r="H35" s="177">
        <v>330</v>
      </c>
      <c r="I35" s="177">
        <v>607</v>
      </c>
      <c r="J35" s="177">
        <v>44</v>
      </c>
      <c r="K35" s="177">
        <v>358</v>
      </c>
      <c r="L35" s="180">
        <v>1748</v>
      </c>
      <c r="M35" s="181">
        <v>1748</v>
      </c>
      <c r="N35" s="176">
        <v>0</v>
      </c>
      <c r="O35" s="177">
        <v>0</v>
      </c>
      <c r="P35" s="182">
        <v>0</v>
      </c>
      <c r="Q35" s="179">
        <v>0</v>
      </c>
      <c r="R35" s="177">
        <v>5</v>
      </c>
      <c r="S35" s="177">
        <v>9</v>
      </c>
      <c r="T35" s="177">
        <v>10</v>
      </c>
      <c r="U35" s="177">
        <v>7</v>
      </c>
      <c r="V35" s="177">
        <v>15</v>
      </c>
      <c r="W35" s="182">
        <v>46</v>
      </c>
      <c r="X35" s="181">
        <v>46</v>
      </c>
      <c r="Y35" s="176">
        <v>4</v>
      </c>
      <c r="Z35" s="177">
        <v>21</v>
      </c>
      <c r="AA35" s="182">
        <v>25</v>
      </c>
      <c r="AB35" s="179">
        <v>0</v>
      </c>
      <c r="AC35" s="177">
        <v>203</v>
      </c>
      <c r="AD35" s="177">
        <v>167</v>
      </c>
      <c r="AE35" s="177">
        <v>60</v>
      </c>
      <c r="AF35" s="177">
        <v>20</v>
      </c>
      <c r="AG35" s="177">
        <v>29</v>
      </c>
      <c r="AH35" s="182">
        <v>479</v>
      </c>
      <c r="AI35" s="181">
        <v>504</v>
      </c>
      <c r="AJ35" s="176">
        <v>101</v>
      </c>
      <c r="AK35" s="177">
        <v>224</v>
      </c>
      <c r="AL35" s="182">
        <v>325</v>
      </c>
      <c r="AM35" s="179">
        <v>0</v>
      </c>
      <c r="AN35" s="177">
        <v>963</v>
      </c>
      <c r="AO35" s="177">
        <v>396</v>
      </c>
      <c r="AP35" s="177">
        <v>223</v>
      </c>
      <c r="AQ35" s="177">
        <v>235</v>
      </c>
      <c r="AR35" s="177">
        <v>36</v>
      </c>
      <c r="AS35" s="182">
        <v>1853</v>
      </c>
      <c r="AT35" s="181">
        <v>2178</v>
      </c>
      <c r="AU35" s="176">
        <v>0</v>
      </c>
      <c r="AV35" s="177">
        <v>0</v>
      </c>
      <c r="AW35" s="182">
        <v>0</v>
      </c>
      <c r="AX35" s="179">
        <v>0</v>
      </c>
      <c r="AY35" s="177">
        <v>34</v>
      </c>
      <c r="AZ35" s="177">
        <v>92</v>
      </c>
      <c r="BA35" s="177">
        <v>74</v>
      </c>
      <c r="BB35" s="177">
        <v>47</v>
      </c>
      <c r="BC35" s="177">
        <v>43</v>
      </c>
      <c r="BD35" s="180">
        <v>290</v>
      </c>
      <c r="BE35" s="181">
        <v>290</v>
      </c>
      <c r="BF35" s="176">
        <v>0</v>
      </c>
      <c r="BG35" s="177">
        <v>0</v>
      </c>
      <c r="BH35" s="182">
        <v>0</v>
      </c>
      <c r="BI35" s="179">
        <v>0</v>
      </c>
      <c r="BJ35" s="177">
        <v>335</v>
      </c>
      <c r="BK35" s="177">
        <v>191</v>
      </c>
      <c r="BL35" s="177">
        <v>87</v>
      </c>
      <c r="BM35" s="177">
        <v>29</v>
      </c>
      <c r="BN35" s="177">
        <v>14</v>
      </c>
      <c r="BO35" s="182">
        <v>656</v>
      </c>
      <c r="BP35" s="181">
        <v>656</v>
      </c>
      <c r="BQ35" s="176">
        <v>0</v>
      </c>
      <c r="BR35" s="177">
        <v>0</v>
      </c>
      <c r="BS35" s="182">
        <v>0</v>
      </c>
      <c r="BT35" s="179">
        <v>0</v>
      </c>
      <c r="BU35" s="177">
        <v>21</v>
      </c>
      <c r="BV35" s="177">
        <v>105</v>
      </c>
      <c r="BW35" s="177">
        <v>120</v>
      </c>
      <c r="BX35" s="177">
        <v>137</v>
      </c>
      <c r="BY35" s="177">
        <v>91</v>
      </c>
      <c r="BZ35" s="182">
        <v>474</v>
      </c>
      <c r="CA35" s="181">
        <v>474</v>
      </c>
      <c r="CB35" s="176">
        <v>0</v>
      </c>
      <c r="CC35" s="177">
        <v>0</v>
      </c>
      <c r="CD35" s="182">
        <v>0</v>
      </c>
      <c r="CE35" s="179">
        <v>0</v>
      </c>
      <c r="CF35" s="177">
        <v>4</v>
      </c>
      <c r="CG35" s="177">
        <v>0</v>
      </c>
      <c r="CH35" s="177">
        <v>0</v>
      </c>
      <c r="CI35" s="177">
        <v>8</v>
      </c>
      <c r="CJ35" s="177">
        <v>2</v>
      </c>
      <c r="CK35" s="182">
        <v>14</v>
      </c>
      <c r="CL35" s="181">
        <v>14</v>
      </c>
      <c r="CM35" s="176">
        <v>0</v>
      </c>
      <c r="CN35" s="177">
        <v>0</v>
      </c>
      <c r="CO35" s="182">
        <v>0</v>
      </c>
      <c r="CP35" s="179">
        <v>0</v>
      </c>
      <c r="CQ35" s="177">
        <v>0</v>
      </c>
      <c r="CR35" s="177">
        <v>0</v>
      </c>
      <c r="CS35" s="177">
        <v>0</v>
      </c>
      <c r="CT35" s="177">
        <v>0</v>
      </c>
      <c r="CU35" s="177">
        <v>0</v>
      </c>
      <c r="CV35" s="182">
        <v>0</v>
      </c>
      <c r="CW35" s="181">
        <v>0</v>
      </c>
      <c r="CX35" s="176">
        <v>0</v>
      </c>
      <c r="CY35" s="177">
        <v>0</v>
      </c>
      <c r="CZ35" s="182">
        <v>0</v>
      </c>
      <c r="DA35" s="179">
        <v>0</v>
      </c>
      <c r="DB35" s="177">
        <v>16</v>
      </c>
      <c r="DC35" s="177">
        <v>0</v>
      </c>
      <c r="DD35" s="177">
        <v>0</v>
      </c>
      <c r="DE35" s="177">
        <v>0</v>
      </c>
      <c r="DF35" s="177">
        <v>0</v>
      </c>
      <c r="DG35" s="182">
        <v>16</v>
      </c>
      <c r="DH35" s="181">
        <v>16</v>
      </c>
    </row>
    <row r="36" spans="2:112" ht="21" customHeight="1" x14ac:dyDescent="0.2">
      <c r="B36" s="92" t="s">
        <v>34</v>
      </c>
      <c r="C36" s="176">
        <v>0</v>
      </c>
      <c r="D36" s="177">
        <v>0</v>
      </c>
      <c r="E36" s="178">
        <v>0</v>
      </c>
      <c r="F36" s="179">
        <v>0</v>
      </c>
      <c r="G36" s="177">
        <v>219</v>
      </c>
      <c r="H36" s="177">
        <v>437</v>
      </c>
      <c r="I36" s="177">
        <v>147</v>
      </c>
      <c r="J36" s="177">
        <v>167</v>
      </c>
      <c r="K36" s="177">
        <v>353</v>
      </c>
      <c r="L36" s="180">
        <v>1323</v>
      </c>
      <c r="M36" s="181">
        <v>1323</v>
      </c>
      <c r="N36" s="176">
        <v>0</v>
      </c>
      <c r="O36" s="177">
        <v>0</v>
      </c>
      <c r="P36" s="182">
        <v>0</v>
      </c>
      <c r="Q36" s="179">
        <v>0</v>
      </c>
      <c r="R36" s="177">
        <v>0</v>
      </c>
      <c r="S36" s="177">
        <v>3</v>
      </c>
      <c r="T36" s="177">
        <v>0</v>
      </c>
      <c r="U36" s="177">
        <v>0</v>
      </c>
      <c r="V36" s="177">
        <v>74</v>
      </c>
      <c r="W36" s="182">
        <v>77</v>
      </c>
      <c r="X36" s="181">
        <v>77</v>
      </c>
      <c r="Y36" s="176">
        <v>33</v>
      </c>
      <c r="Z36" s="177">
        <v>88</v>
      </c>
      <c r="AA36" s="182">
        <v>121</v>
      </c>
      <c r="AB36" s="179">
        <v>0</v>
      </c>
      <c r="AC36" s="177">
        <v>168</v>
      </c>
      <c r="AD36" s="177">
        <v>129</v>
      </c>
      <c r="AE36" s="177">
        <v>35</v>
      </c>
      <c r="AF36" s="177">
        <v>29</v>
      </c>
      <c r="AG36" s="177">
        <v>155</v>
      </c>
      <c r="AH36" s="182">
        <v>516</v>
      </c>
      <c r="AI36" s="181">
        <v>637</v>
      </c>
      <c r="AJ36" s="176">
        <v>0</v>
      </c>
      <c r="AK36" s="177">
        <v>0</v>
      </c>
      <c r="AL36" s="182">
        <v>0</v>
      </c>
      <c r="AM36" s="179">
        <v>0</v>
      </c>
      <c r="AN36" s="177">
        <v>56</v>
      </c>
      <c r="AO36" s="177">
        <v>29</v>
      </c>
      <c r="AP36" s="177">
        <v>23</v>
      </c>
      <c r="AQ36" s="177">
        <v>32</v>
      </c>
      <c r="AR36" s="177">
        <v>30</v>
      </c>
      <c r="AS36" s="182">
        <v>170</v>
      </c>
      <c r="AT36" s="181">
        <v>170</v>
      </c>
      <c r="AU36" s="176">
        <v>0</v>
      </c>
      <c r="AV36" s="177">
        <v>0</v>
      </c>
      <c r="AW36" s="182">
        <v>0</v>
      </c>
      <c r="AX36" s="179">
        <v>0</v>
      </c>
      <c r="AY36" s="177">
        <v>307</v>
      </c>
      <c r="AZ36" s="177">
        <v>179</v>
      </c>
      <c r="BA36" s="177">
        <v>244</v>
      </c>
      <c r="BB36" s="177">
        <v>127</v>
      </c>
      <c r="BC36" s="177">
        <v>35</v>
      </c>
      <c r="BD36" s="180">
        <v>892</v>
      </c>
      <c r="BE36" s="181">
        <v>892</v>
      </c>
      <c r="BF36" s="176">
        <v>0</v>
      </c>
      <c r="BG36" s="177">
        <v>0</v>
      </c>
      <c r="BH36" s="182">
        <v>0</v>
      </c>
      <c r="BI36" s="179">
        <v>0</v>
      </c>
      <c r="BJ36" s="177">
        <v>67</v>
      </c>
      <c r="BK36" s="177">
        <v>8</v>
      </c>
      <c r="BL36" s="177">
        <v>0</v>
      </c>
      <c r="BM36" s="177">
        <v>2</v>
      </c>
      <c r="BN36" s="177">
        <v>0</v>
      </c>
      <c r="BO36" s="182">
        <v>77</v>
      </c>
      <c r="BP36" s="181">
        <v>77</v>
      </c>
      <c r="BQ36" s="176">
        <v>0</v>
      </c>
      <c r="BR36" s="177">
        <v>0</v>
      </c>
      <c r="BS36" s="182">
        <v>0</v>
      </c>
      <c r="BT36" s="179">
        <v>0</v>
      </c>
      <c r="BU36" s="177">
        <v>12</v>
      </c>
      <c r="BV36" s="177">
        <v>14</v>
      </c>
      <c r="BW36" s="177">
        <v>16</v>
      </c>
      <c r="BX36" s="177">
        <v>26</v>
      </c>
      <c r="BY36" s="177">
        <v>10</v>
      </c>
      <c r="BZ36" s="182">
        <v>78</v>
      </c>
      <c r="CA36" s="181">
        <v>78</v>
      </c>
      <c r="CB36" s="176">
        <v>0</v>
      </c>
      <c r="CC36" s="177">
        <v>0</v>
      </c>
      <c r="CD36" s="182">
        <v>0</v>
      </c>
      <c r="CE36" s="179">
        <v>0</v>
      </c>
      <c r="CF36" s="177">
        <v>9</v>
      </c>
      <c r="CG36" s="177">
        <v>0</v>
      </c>
      <c r="CH36" s="177">
        <v>0</v>
      </c>
      <c r="CI36" s="177">
        <v>0</v>
      </c>
      <c r="CJ36" s="177">
        <v>0</v>
      </c>
      <c r="CK36" s="182">
        <v>9</v>
      </c>
      <c r="CL36" s="181">
        <v>9</v>
      </c>
      <c r="CM36" s="176">
        <v>0</v>
      </c>
      <c r="CN36" s="177">
        <v>0</v>
      </c>
      <c r="CO36" s="182">
        <v>0</v>
      </c>
      <c r="CP36" s="179">
        <v>0</v>
      </c>
      <c r="CQ36" s="177">
        <v>0</v>
      </c>
      <c r="CR36" s="177">
        <v>0</v>
      </c>
      <c r="CS36" s="177">
        <v>0</v>
      </c>
      <c r="CT36" s="177">
        <v>0</v>
      </c>
      <c r="CU36" s="177">
        <v>0</v>
      </c>
      <c r="CV36" s="182">
        <v>0</v>
      </c>
      <c r="CW36" s="181">
        <v>0</v>
      </c>
      <c r="CX36" s="176">
        <v>0</v>
      </c>
      <c r="CY36" s="177">
        <v>0</v>
      </c>
      <c r="CZ36" s="182">
        <v>0</v>
      </c>
      <c r="DA36" s="179">
        <v>0</v>
      </c>
      <c r="DB36" s="177">
        <v>0</v>
      </c>
      <c r="DC36" s="177">
        <v>0</v>
      </c>
      <c r="DD36" s="177">
        <v>0</v>
      </c>
      <c r="DE36" s="177">
        <v>0</v>
      </c>
      <c r="DF36" s="177">
        <v>0</v>
      </c>
      <c r="DG36" s="182">
        <v>0</v>
      </c>
      <c r="DH36" s="181">
        <v>0</v>
      </c>
    </row>
    <row r="37" spans="2:112" ht="21" customHeight="1" x14ac:dyDescent="0.2">
      <c r="B37" s="92" t="s">
        <v>35</v>
      </c>
      <c r="C37" s="176">
        <v>0</v>
      </c>
      <c r="D37" s="177">
        <v>0</v>
      </c>
      <c r="E37" s="178">
        <v>0</v>
      </c>
      <c r="F37" s="179">
        <v>0</v>
      </c>
      <c r="G37" s="177">
        <v>1306</v>
      </c>
      <c r="H37" s="177">
        <v>1282</v>
      </c>
      <c r="I37" s="177">
        <v>1180</v>
      </c>
      <c r="J37" s="177">
        <v>1712</v>
      </c>
      <c r="K37" s="177">
        <v>1460</v>
      </c>
      <c r="L37" s="180">
        <v>6940</v>
      </c>
      <c r="M37" s="181">
        <v>6940</v>
      </c>
      <c r="N37" s="176">
        <v>0</v>
      </c>
      <c r="O37" s="177">
        <v>0</v>
      </c>
      <c r="P37" s="182">
        <v>0</v>
      </c>
      <c r="Q37" s="179">
        <v>0</v>
      </c>
      <c r="R37" s="177">
        <v>0</v>
      </c>
      <c r="S37" s="177">
        <v>19</v>
      </c>
      <c r="T37" s="177">
        <v>34</v>
      </c>
      <c r="U37" s="177">
        <v>155</v>
      </c>
      <c r="V37" s="177">
        <v>130</v>
      </c>
      <c r="W37" s="182">
        <v>338</v>
      </c>
      <c r="X37" s="181">
        <v>338</v>
      </c>
      <c r="Y37" s="176">
        <v>23</v>
      </c>
      <c r="Z37" s="177">
        <v>120</v>
      </c>
      <c r="AA37" s="182">
        <v>143</v>
      </c>
      <c r="AB37" s="179">
        <v>0</v>
      </c>
      <c r="AC37" s="177">
        <v>506</v>
      </c>
      <c r="AD37" s="177">
        <v>348</v>
      </c>
      <c r="AE37" s="177">
        <v>257</v>
      </c>
      <c r="AF37" s="177">
        <v>237</v>
      </c>
      <c r="AG37" s="177">
        <v>283</v>
      </c>
      <c r="AH37" s="182">
        <v>1631</v>
      </c>
      <c r="AI37" s="181">
        <v>1774</v>
      </c>
      <c r="AJ37" s="176">
        <v>78</v>
      </c>
      <c r="AK37" s="177">
        <v>160</v>
      </c>
      <c r="AL37" s="182">
        <v>238</v>
      </c>
      <c r="AM37" s="179">
        <v>0</v>
      </c>
      <c r="AN37" s="177">
        <v>229</v>
      </c>
      <c r="AO37" s="177">
        <v>163</v>
      </c>
      <c r="AP37" s="177">
        <v>147</v>
      </c>
      <c r="AQ37" s="177">
        <v>171</v>
      </c>
      <c r="AR37" s="177">
        <v>104</v>
      </c>
      <c r="AS37" s="182">
        <v>814</v>
      </c>
      <c r="AT37" s="181">
        <v>1052</v>
      </c>
      <c r="AU37" s="176">
        <v>0</v>
      </c>
      <c r="AV37" s="177">
        <v>0</v>
      </c>
      <c r="AW37" s="182">
        <v>0</v>
      </c>
      <c r="AX37" s="179">
        <v>0</v>
      </c>
      <c r="AY37" s="177">
        <v>1468</v>
      </c>
      <c r="AZ37" s="177">
        <v>813</v>
      </c>
      <c r="BA37" s="177">
        <v>591</v>
      </c>
      <c r="BB37" s="177">
        <v>369</v>
      </c>
      <c r="BC37" s="177">
        <v>275</v>
      </c>
      <c r="BD37" s="180">
        <v>3516</v>
      </c>
      <c r="BE37" s="181">
        <v>3516</v>
      </c>
      <c r="BF37" s="176">
        <v>0</v>
      </c>
      <c r="BG37" s="177">
        <v>0</v>
      </c>
      <c r="BH37" s="182">
        <v>0</v>
      </c>
      <c r="BI37" s="179">
        <v>0</v>
      </c>
      <c r="BJ37" s="177">
        <v>519</v>
      </c>
      <c r="BK37" s="177">
        <v>291</v>
      </c>
      <c r="BL37" s="177">
        <v>152</v>
      </c>
      <c r="BM37" s="177">
        <v>92</v>
      </c>
      <c r="BN37" s="177">
        <v>16</v>
      </c>
      <c r="BO37" s="182">
        <v>1070</v>
      </c>
      <c r="BP37" s="181">
        <v>1070</v>
      </c>
      <c r="BQ37" s="176">
        <v>3</v>
      </c>
      <c r="BR37" s="177">
        <v>0</v>
      </c>
      <c r="BS37" s="182">
        <v>3</v>
      </c>
      <c r="BT37" s="179">
        <v>0</v>
      </c>
      <c r="BU37" s="177">
        <v>77</v>
      </c>
      <c r="BV37" s="177">
        <v>27</v>
      </c>
      <c r="BW37" s="177">
        <v>118</v>
      </c>
      <c r="BX37" s="177">
        <v>205</v>
      </c>
      <c r="BY37" s="177">
        <v>105</v>
      </c>
      <c r="BZ37" s="182">
        <v>532</v>
      </c>
      <c r="CA37" s="181">
        <v>535</v>
      </c>
      <c r="CB37" s="176">
        <v>0</v>
      </c>
      <c r="CC37" s="177">
        <v>0</v>
      </c>
      <c r="CD37" s="182">
        <v>0</v>
      </c>
      <c r="CE37" s="179">
        <v>0</v>
      </c>
      <c r="CF37" s="177">
        <v>6</v>
      </c>
      <c r="CG37" s="177">
        <v>14</v>
      </c>
      <c r="CH37" s="177">
        <v>13</v>
      </c>
      <c r="CI37" s="177">
        <v>14</v>
      </c>
      <c r="CJ37" s="177">
        <v>12</v>
      </c>
      <c r="CK37" s="182">
        <v>59</v>
      </c>
      <c r="CL37" s="181">
        <v>59</v>
      </c>
      <c r="CM37" s="176">
        <v>0</v>
      </c>
      <c r="CN37" s="177">
        <v>0</v>
      </c>
      <c r="CO37" s="182">
        <v>0</v>
      </c>
      <c r="CP37" s="179">
        <v>0</v>
      </c>
      <c r="CQ37" s="177">
        <v>0</v>
      </c>
      <c r="CR37" s="177">
        <v>0</v>
      </c>
      <c r="CS37" s="177">
        <v>0</v>
      </c>
      <c r="CT37" s="177">
        <v>0</v>
      </c>
      <c r="CU37" s="177">
        <v>0</v>
      </c>
      <c r="CV37" s="182">
        <v>0</v>
      </c>
      <c r="CW37" s="181">
        <v>0</v>
      </c>
      <c r="CX37" s="176">
        <v>0</v>
      </c>
      <c r="CY37" s="177">
        <v>0</v>
      </c>
      <c r="CZ37" s="182">
        <v>0</v>
      </c>
      <c r="DA37" s="179">
        <v>0</v>
      </c>
      <c r="DB37" s="177">
        <v>0</v>
      </c>
      <c r="DC37" s="177">
        <v>0</v>
      </c>
      <c r="DD37" s="177">
        <v>0</v>
      </c>
      <c r="DE37" s="177">
        <v>0</v>
      </c>
      <c r="DF37" s="177">
        <v>0</v>
      </c>
      <c r="DG37" s="182">
        <v>0</v>
      </c>
      <c r="DH37" s="181">
        <v>0</v>
      </c>
    </row>
    <row r="38" spans="2:112" ht="21" customHeight="1" x14ac:dyDescent="0.2">
      <c r="B38" s="92" t="s">
        <v>36</v>
      </c>
      <c r="C38" s="176">
        <v>0</v>
      </c>
      <c r="D38" s="177">
        <v>0</v>
      </c>
      <c r="E38" s="178">
        <v>0</v>
      </c>
      <c r="F38" s="179">
        <v>0</v>
      </c>
      <c r="G38" s="177">
        <v>619</v>
      </c>
      <c r="H38" s="177">
        <v>1703</v>
      </c>
      <c r="I38" s="177">
        <v>1331</v>
      </c>
      <c r="J38" s="177">
        <v>872</v>
      </c>
      <c r="K38" s="177">
        <v>2482</v>
      </c>
      <c r="L38" s="180">
        <v>7007</v>
      </c>
      <c r="M38" s="181">
        <v>7007</v>
      </c>
      <c r="N38" s="176">
        <v>0</v>
      </c>
      <c r="O38" s="177">
        <v>4</v>
      </c>
      <c r="P38" s="182">
        <v>4</v>
      </c>
      <c r="Q38" s="179">
        <v>0</v>
      </c>
      <c r="R38" s="177">
        <v>16</v>
      </c>
      <c r="S38" s="177">
        <v>20</v>
      </c>
      <c r="T38" s="177">
        <v>46</v>
      </c>
      <c r="U38" s="177">
        <v>32</v>
      </c>
      <c r="V38" s="177">
        <v>64</v>
      </c>
      <c r="W38" s="182">
        <v>178</v>
      </c>
      <c r="X38" s="181">
        <v>182</v>
      </c>
      <c r="Y38" s="176">
        <v>34</v>
      </c>
      <c r="Z38" s="177">
        <v>169</v>
      </c>
      <c r="AA38" s="182">
        <v>203</v>
      </c>
      <c r="AB38" s="179">
        <v>0</v>
      </c>
      <c r="AC38" s="177">
        <v>553</v>
      </c>
      <c r="AD38" s="177">
        <v>459</v>
      </c>
      <c r="AE38" s="177">
        <v>519</v>
      </c>
      <c r="AF38" s="177">
        <v>332</v>
      </c>
      <c r="AG38" s="177">
        <v>410</v>
      </c>
      <c r="AH38" s="182">
        <v>2273</v>
      </c>
      <c r="AI38" s="181">
        <v>2476</v>
      </c>
      <c r="AJ38" s="176">
        <v>10</v>
      </c>
      <c r="AK38" s="177">
        <v>154</v>
      </c>
      <c r="AL38" s="182">
        <v>164</v>
      </c>
      <c r="AM38" s="179">
        <v>0</v>
      </c>
      <c r="AN38" s="177">
        <v>188</v>
      </c>
      <c r="AO38" s="177">
        <v>174</v>
      </c>
      <c r="AP38" s="177">
        <v>66</v>
      </c>
      <c r="AQ38" s="177">
        <v>72</v>
      </c>
      <c r="AR38" s="177">
        <v>51</v>
      </c>
      <c r="AS38" s="182">
        <v>551</v>
      </c>
      <c r="AT38" s="181">
        <v>715</v>
      </c>
      <c r="AU38" s="176">
        <v>0</v>
      </c>
      <c r="AV38" s="177">
        <v>0</v>
      </c>
      <c r="AW38" s="182">
        <v>0</v>
      </c>
      <c r="AX38" s="179">
        <v>0</v>
      </c>
      <c r="AY38" s="177">
        <v>632</v>
      </c>
      <c r="AZ38" s="177">
        <v>817</v>
      </c>
      <c r="BA38" s="177">
        <v>507</v>
      </c>
      <c r="BB38" s="177">
        <v>363</v>
      </c>
      <c r="BC38" s="177">
        <v>310</v>
      </c>
      <c r="BD38" s="180">
        <v>2629</v>
      </c>
      <c r="BE38" s="181">
        <v>2629</v>
      </c>
      <c r="BF38" s="176">
        <v>0</v>
      </c>
      <c r="BG38" s="177">
        <v>0</v>
      </c>
      <c r="BH38" s="182">
        <v>0</v>
      </c>
      <c r="BI38" s="179">
        <v>0</v>
      </c>
      <c r="BJ38" s="177">
        <v>267</v>
      </c>
      <c r="BK38" s="177">
        <v>314</v>
      </c>
      <c r="BL38" s="177">
        <v>157</v>
      </c>
      <c r="BM38" s="177">
        <v>57</v>
      </c>
      <c r="BN38" s="177">
        <v>19</v>
      </c>
      <c r="BO38" s="182">
        <v>814</v>
      </c>
      <c r="BP38" s="181">
        <v>814</v>
      </c>
      <c r="BQ38" s="176">
        <v>4</v>
      </c>
      <c r="BR38" s="177">
        <v>0</v>
      </c>
      <c r="BS38" s="182">
        <v>4</v>
      </c>
      <c r="BT38" s="179">
        <v>0</v>
      </c>
      <c r="BU38" s="177">
        <v>63</v>
      </c>
      <c r="BV38" s="177">
        <v>133</v>
      </c>
      <c r="BW38" s="177">
        <v>212</v>
      </c>
      <c r="BX38" s="177">
        <v>316</v>
      </c>
      <c r="BY38" s="177">
        <v>140</v>
      </c>
      <c r="BZ38" s="182">
        <v>864</v>
      </c>
      <c r="CA38" s="181">
        <v>868</v>
      </c>
      <c r="CB38" s="176">
        <v>0</v>
      </c>
      <c r="CC38" s="177">
        <v>0</v>
      </c>
      <c r="CD38" s="182">
        <v>0</v>
      </c>
      <c r="CE38" s="179">
        <v>0</v>
      </c>
      <c r="CF38" s="177">
        <v>0</v>
      </c>
      <c r="CG38" s="177">
        <v>2</v>
      </c>
      <c r="CH38" s="177">
        <v>0</v>
      </c>
      <c r="CI38" s="177">
        <v>11</v>
      </c>
      <c r="CJ38" s="177">
        <v>0</v>
      </c>
      <c r="CK38" s="182">
        <v>13</v>
      </c>
      <c r="CL38" s="181">
        <v>13</v>
      </c>
      <c r="CM38" s="176">
        <v>0</v>
      </c>
      <c r="CN38" s="177">
        <v>0</v>
      </c>
      <c r="CO38" s="182">
        <v>0</v>
      </c>
      <c r="CP38" s="179">
        <v>0</v>
      </c>
      <c r="CQ38" s="177">
        <v>0</v>
      </c>
      <c r="CR38" s="177">
        <v>0</v>
      </c>
      <c r="CS38" s="177">
        <v>0</v>
      </c>
      <c r="CT38" s="177">
        <v>0</v>
      </c>
      <c r="CU38" s="177">
        <v>0</v>
      </c>
      <c r="CV38" s="182">
        <v>0</v>
      </c>
      <c r="CW38" s="181">
        <v>0</v>
      </c>
      <c r="CX38" s="176">
        <v>0</v>
      </c>
      <c r="CY38" s="177">
        <v>0</v>
      </c>
      <c r="CZ38" s="182">
        <v>0</v>
      </c>
      <c r="DA38" s="179">
        <v>0</v>
      </c>
      <c r="DB38" s="177">
        <v>0</v>
      </c>
      <c r="DC38" s="177">
        <v>0</v>
      </c>
      <c r="DD38" s="177">
        <v>0</v>
      </c>
      <c r="DE38" s="177">
        <v>0</v>
      </c>
      <c r="DF38" s="177">
        <v>0</v>
      </c>
      <c r="DG38" s="182">
        <v>0</v>
      </c>
      <c r="DH38" s="181">
        <v>0</v>
      </c>
    </row>
    <row r="39" spans="2:112" ht="21" customHeight="1" thickBot="1" x14ac:dyDescent="0.25">
      <c r="B39" s="94" t="s">
        <v>37</v>
      </c>
      <c r="C39" s="183">
        <v>0</v>
      </c>
      <c r="D39" s="184">
        <v>0</v>
      </c>
      <c r="E39" s="185">
        <v>0</v>
      </c>
      <c r="F39" s="186">
        <v>0</v>
      </c>
      <c r="G39" s="184">
        <v>45</v>
      </c>
      <c r="H39" s="184">
        <v>41</v>
      </c>
      <c r="I39" s="184">
        <v>161</v>
      </c>
      <c r="J39" s="184">
        <v>3</v>
      </c>
      <c r="K39" s="184">
        <v>129</v>
      </c>
      <c r="L39" s="187">
        <v>379</v>
      </c>
      <c r="M39" s="188">
        <v>379</v>
      </c>
      <c r="N39" s="183">
        <v>0</v>
      </c>
      <c r="O39" s="184">
        <v>0</v>
      </c>
      <c r="P39" s="189">
        <v>0</v>
      </c>
      <c r="Q39" s="186">
        <v>0</v>
      </c>
      <c r="R39" s="184">
        <v>0</v>
      </c>
      <c r="S39" s="184">
        <v>0</v>
      </c>
      <c r="T39" s="184">
        <v>0</v>
      </c>
      <c r="U39" s="184">
        <v>0</v>
      </c>
      <c r="V39" s="184">
        <v>5</v>
      </c>
      <c r="W39" s="189">
        <v>5</v>
      </c>
      <c r="X39" s="188">
        <v>5</v>
      </c>
      <c r="Y39" s="183">
        <v>4</v>
      </c>
      <c r="Z39" s="184">
        <v>4</v>
      </c>
      <c r="AA39" s="189">
        <v>8</v>
      </c>
      <c r="AB39" s="186">
        <v>0</v>
      </c>
      <c r="AC39" s="184">
        <v>23</v>
      </c>
      <c r="AD39" s="184">
        <v>46</v>
      </c>
      <c r="AE39" s="184">
        <v>39</v>
      </c>
      <c r="AF39" s="184">
        <v>12</v>
      </c>
      <c r="AG39" s="184">
        <v>46</v>
      </c>
      <c r="AH39" s="189">
        <v>166</v>
      </c>
      <c r="AI39" s="188">
        <v>174</v>
      </c>
      <c r="AJ39" s="183">
        <v>0</v>
      </c>
      <c r="AK39" s="184">
        <v>0</v>
      </c>
      <c r="AL39" s="189">
        <v>0</v>
      </c>
      <c r="AM39" s="186">
        <v>0</v>
      </c>
      <c r="AN39" s="184">
        <v>10</v>
      </c>
      <c r="AO39" s="184">
        <v>10</v>
      </c>
      <c r="AP39" s="184">
        <v>0</v>
      </c>
      <c r="AQ39" s="184">
        <v>0</v>
      </c>
      <c r="AR39" s="184">
        <v>8</v>
      </c>
      <c r="AS39" s="189">
        <v>28</v>
      </c>
      <c r="AT39" s="188">
        <v>28</v>
      </c>
      <c r="AU39" s="183">
        <v>0</v>
      </c>
      <c r="AV39" s="184">
        <v>0</v>
      </c>
      <c r="AW39" s="189">
        <v>0</v>
      </c>
      <c r="AX39" s="186">
        <v>0</v>
      </c>
      <c r="AY39" s="184">
        <v>35</v>
      </c>
      <c r="AZ39" s="184">
        <v>61</v>
      </c>
      <c r="BA39" s="184">
        <v>51</v>
      </c>
      <c r="BB39" s="184">
        <v>9</v>
      </c>
      <c r="BC39" s="184">
        <v>9</v>
      </c>
      <c r="BD39" s="187">
        <v>165</v>
      </c>
      <c r="BE39" s="188">
        <v>165</v>
      </c>
      <c r="BF39" s="183">
        <v>0</v>
      </c>
      <c r="BG39" s="184">
        <v>0</v>
      </c>
      <c r="BH39" s="189">
        <v>0</v>
      </c>
      <c r="BI39" s="186">
        <v>0</v>
      </c>
      <c r="BJ39" s="184">
        <v>48</v>
      </c>
      <c r="BK39" s="184">
        <v>47</v>
      </c>
      <c r="BL39" s="184">
        <v>9</v>
      </c>
      <c r="BM39" s="184">
        <v>32</v>
      </c>
      <c r="BN39" s="184">
        <v>8</v>
      </c>
      <c r="BO39" s="189">
        <v>144</v>
      </c>
      <c r="BP39" s="188">
        <v>144</v>
      </c>
      <c r="BQ39" s="183">
        <v>0</v>
      </c>
      <c r="BR39" s="184">
        <v>0</v>
      </c>
      <c r="BS39" s="189">
        <v>0</v>
      </c>
      <c r="BT39" s="186">
        <v>0</v>
      </c>
      <c r="BU39" s="184">
        <v>7</v>
      </c>
      <c r="BV39" s="184">
        <v>28</v>
      </c>
      <c r="BW39" s="184">
        <v>21</v>
      </c>
      <c r="BX39" s="184">
        <v>4</v>
      </c>
      <c r="BY39" s="184">
        <v>0</v>
      </c>
      <c r="BZ39" s="189">
        <v>60</v>
      </c>
      <c r="CA39" s="188">
        <v>60</v>
      </c>
      <c r="CB39" s="183">
        <v>0</v>
      </c>
      <c r="CC39" s="184">
        <v>0</v>
      </c>
      <c r="CD39" s="189">
        <v>0</v>
      </c>
      <c r="CE39" s="186">
        <v>0</v>
      </c>
      <c r="CF39" s="184">
        <v>0</v>
      </c>
      <c r="CG39" s="184">
        <v>0</v>
      </c>
      <c r="CH39" s="184">
        <v>0</v>
      </c>
      <c r="CI39" s="184">
        <v>0</v>
      </c>
      <c r="CJ39" s="184">
        <v>4</v>
      </c>
      <c r="CK39" s="189">
        <v>4</v>
      </c>
      <c r="CL39" s="188">
        <v>4</v>
      </c>
      <c r="CM39" s="183">
        <v>0</v>
      </c>
      <c r="CN39" s="184">
        <v>0</v>
      </c>
      <c r="CO39" s="189">
        <v>0</v>
      </c>
      <c r="CP39" s="186">
        <v>0</v>
      </c>
      <c r="CQ39" s="184">
        <v>0</v>
      </c>
      <c r="CR39" s="184">
        <v>0</v>
      </c>
      <c r="CS39" s="184">
        <v>0</v>
      </c>
      <c r="CT39" s="184">
        <v>0</v>
      </c>
      <c r="CU39" s="184">
        <v>0</v>
      </c>
      <c r="CV39" s="189">
        <v>0</v>
      </c>
      <c r="CW39" s="188">
        <v>0</v>
      </c>
      <c r="CX39" s="183">
        <v>0</v>
      </c>
      <c r="CY39" s="184">
        <v>0</v>
      </c>
      <c r="CZ39" s="189">
        <v>0</v>
      </c>
      <c r="DA39" s="186">
        <v>0</v>
      </c>
      <c r="DB39" s="184">
        <v>0</v>
      </c>
      <c r="DC39" s="184">
        <v>0</v>
      </c>
      <c r="DD39" s="184">
        <v>0</v>
      </c>
      <c r="DE39" s="184">
        <v>0</v>
      </c>
      <c r="DF39" s="184">
        <v>0</v>
      </c>
      <c r="DG39" s="189">
        <v>0</v>
      </c>
      <c r="DH39" s="188">
        <v>0</v>
      </c>
    </row>
    <row r="40" spans="2:112" ht="27" customHeight="1" x14ac:dyDescent="0.2"/>
  </sheetData>
  <mergeCells count="43">
    <mergeCell ref="J1:K1"/>
    <mergeCell ref="M1:N1"/>
    <mergeCell ref="CB3:CL3"/>
    <mergeCell ref="CM3:CW3"/>
    <mergeCell ref="N3:X3"/>
    <mergeCell ref="Y3:AI3"/>
    <mergeCell ref="AJ3:AT3"/>
    <mergeCell ref="AU3:BE3"/>
    <mergeCell ref="BF3:BP3"/>
    <mergeCell ref="BQ3:CA3"/>
    <mergeCell ref="CW4:CW5"/>
    <mergeCell ref="BF4:BH4"/>
    <mergeCell ref="BI4:BO4"/>
    <mergeCell ref="BP4:BP5"/>
    <mergeCell ref="BQ4:BS4"/>
    <mergeCell ref="BT4:BZ4"/>
    <mergeCell ref="CA4:CA5"/>
    <mergeCell ref="CB4:CD4"/>
    <mergeCell ref="CE4:CK4"/>
    <mergeCell ref="CL4:CL5"/>
    <mergeCell ref="CM4:CO4"/>
    <mergeCell ref="CP4:CV4"/>
    <mergeCell ref="AJ4:AL4"/>
    <mergeCell ref="AM4:AS4"/>
    <mergeCell ref="AT4:AT5"/>
    <mergeCell ref="AU4:AW4"/>
    <mergeCell ref="AX4:BD4"/>
    <mergeCell ref="CX3:DH3"/>
    <mergeCell ref="CX4:CZ4"/>
    <mergeCell ref="DA4:DG4"/>
    <mergeCell ref="DH4:DH5"/>
    <mergeCell ref="B3:B5"/>
    <mergeCell ref="C3:M3"/>
    <mergeCell ref="C4:E4"/>
    <mergeCell ref="F4:L4"/>
    <mergeCell ref="M4:M5"/>
    <mergeCell ref="BE4:BE5"/>
    <mergeCell ref="N4:P4"/>
    <mergeCell ref="Q4:W4"/>
    <mergeCell ref="X4:X5"/>
    <mergeCell ref="Y4:AA4"/>
    <mergeCell ref="AB4:AH4"/>
    <mergeCell ref="AI4:AI5"/>
  </mergeCells>
  <phoneticPr fontId="4"/>
  <pageMargins left="0.70866141732283472" right="0.70866141732283472" top="0.47244094488188981" bottom="0.59055118110236227" header="0.27559055118110237" footer="0.31496062992125984"/>
  <pageSetup paperSize="9" scale="60" orientation="landscape" r:id="rId1"/>
  <headerFooter>
    <oddFooter>&amp;L&amp;20&amp;A&amp;C&amp;P/&amp;N</oddFooter>
  </headerFooter>
  <colBreaks count="4" manualBreakCount="4">
    <brk id="24" max="39" man="1"/>
    <brk id="46" max="39" man="1"/>
    <brk id="68" max="1048575" man="1"/>
    <brk id="9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2</DocSecurity>
  <ScaleCrop>false</ScaleCrop>
  <HeadingPairs>
    <vt:vector size="4" baseType="variant">
      <vt:variant>
        <vt:lpstr>ワークシート</vt:lpstr>
      </vt:variant>
      <vt:variant>
        <vt:i4>25</vt:i4>
      </vt:variant>
      <vt:variant>
        <vt:lpstr>名前付き一覧</vt:lpstr>
      </vt:variant>
      <vt:variant>
        <vt:i4>22</vt:i4>
      </vt:variant>
    </vt:vector>
  </HeadingPairs>
  <TitlesOfParts>
    <vt:vector size="47" baseType="lpstr">
      <vt:lpstr>第１表</vt:lpstr>
      <vt:lpstr>第２-1表</vt:lpstr>
      <vt:lpstr>第２-2表</vt:lpstr>
      <vt:lpstr>第２-3表</vt:lpstr>
      <vt:lpstr>第３-1表</vt:lpstr>
      <vt:lpstr>第３-2-1表</vt:lpstr>
      <vt:lpstr>第３-2-2表</vt:lpstr>
      <vt:lpstr>第３-2-3表 </vt:lpstr>
      <vt:lpstr>第3-3-1表</vt:lpstr>
      <vt:lpstr>第3-3-2表</vt:lpstr>
      <vt:lpstr>第3-3-3表 </vt:lpstr>
      <vt:lpstr>第４-1表</vt:lpstr>
      <vt:lpstr>第4-2-1表</vt:lpstr>
      <vt:lpstr>第4-2-2表</vt:lpstr>
      <vt:lpstr>第4-2-3表</vt:lpstr>
      <vt:lpstr>第4-3-1表</vt:lpstr>
      <vt:lpstr>第4-3-2表</vt:lpstr>
      <vt:lpstr>第4-3-3表</vt:lpstr>
      <vt:lpstr>第5-1表</vt:lpstr>
      <vt:lpstr>第5-2表</vt:lpstr>
      <vt:lpstr>第5-3表</vt:lpstr>
      <vt:lpstr>第６-1表</vt:lpstr>
      <vt:lpstr>第６-2表</vt:lpstr>
      <vt:lpstr>第６-3表 </vt:lpstr>
      <vt:lpstr>第7表</vt:lpstr>
      <vt:lpstr>第１表!Print_Area</vt:lpstr>
      <vt:lpstr>'第２-1表'!Print_Area</vt:lpstr>
      <vt:lpstr>'第２-2表'!Print_Area</vt:lpstr>
      <vt:lpstr>'第２-3表'!Print_Area</vt:lpstr>
      <vt:lpstr>'第3-3-1表'!Print_Area</vt:lpstr>
      <vt:lpstr>'第3-3-2表'!Print_Area</vt:lpstr>
      <vt:lpstr>'第3-3-3表 '!Print_Area</vt:lpstr>
      <vt:lpstr>'第２-1表'!Print_Titles</vt:lpstr>
      <vt:lpstr>'第２-2表'!Print_Titles</vt:lpstr>
      <vt:lpstr>'第２-3表'!Print_Titles</vt:lpstr>
      <vt:lpstr>'第３-1表'!Print_Titles</vt:lpstr>
      <vt:lpstr>'第３-2-1表'!Print_Titles</vt:lpstr>
      <vt:lpstr>'第３-2-2表'!Print_Titles</vt:lpstr>
      <vt:lpstr>'第３-2-3表 '!Print_Titles</vt:lpstr>
      <vt:lpstr>'第４-1表'!Print_Titles</vt:lpstr>
      <vt:lpstr>'第5-1表'!Print_Titles</vt:lpstr>
      <vt:lpstr>'第5-2表'!Print_Titles</vt:lpstr>
      <vt:lpstr>'第5-3表'!Print_Titles</vt:lpstr>
      <vt:lpstr>'第６-1表'!Print_Titles</vt:lpstr>
      <vt:lpstr>'第６-2表'!Print_Titles</vt:lpstr>
      <vt:lpstr>'第６-3表 '!Print_Titles</vt:lpstr>
      <vt:lpstr>第7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齢福祉課</dc:creator>
  <cp:lastModifiedBy>user</cp:lastModifiedBy>
  <cp:lastPrinted>2023-10-11T06:18:35Z</cp:lastPrinted>
  <dcterms:created xsi:type="dcterms:W3CDTF">2008-02-08T04:23:07Z</dcterms:created>
  <dcterms:modified xsi:type="dcterms:W3CDTF">2025-04-18T04:58:12Z</dcterms:modified>
</cp:coreProperties>
</file>